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5_財政G\☆02_調査\000_データ類\04_財政状況資料集\R03決算\99_市町村送付用（確定版）\２回目\"/>
    </mc:Choice>
  </mc:AlternateContent>
  <bookViews>
    <workbookView xWindow="0" yWindow="0" windowWidth="11472" windowHeight="9156"/>
  </bookViews>
  <sheets>
    <sheet name="総括表" sheetId="10" r:id="rId1"/>
    <sheet name="普通会計の状況" sheetId="18"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9" r:id="rId14"/>
    <sheet name="施設類型別ストック情報分析表①" sheetId="20" r:id="rId15"/>
    <sheet name="施設類型別ストック情報分析表②" sheetId="21"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C36" i="10"/>
  <c r="BE35" i="10"/>
  <c r="AM35" i="10"/>
  <c r="BE34" i="10"/>
  <c r="C34" i="10"/>
  <c r="C35" i="10" l="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U34" i="10" l="1"/>
  <c r="U35" i="10"/>
  <c r="U36" i="10" s="1"/>
  <c r="AM34" i="10"/>
  <c r="BW34" i="10" l="1"/>
  <c r="BW35" i="10" s="1"/>
  <c r="BW36" i="10" s="1"/>
  <c r="BW37" i="10" s="1"/>
  <c r="BW38" i="10" s="1"/>
  <c r="CO34" i="10" l="1"/>
  <c r="CO35" i="10" s="1"/>
</calcChain>
</file>

<file path=xl/sharedStrings.xml><?xml version="1.0" encoding="utf-8"?>
<sst xmlns="http://schemas.openxmlformats.org/spreadsheetml/2006/main" count="1065" uniqueCount="59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4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4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4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3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Ⅲ－３</t>
    <phoneticPr fontId="5"/>
  </si>
  <si>
    <t>指定団体等の指定状況</t>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令和3年度(千円･％)</t>
    <rPh sb="0" eb="2">
      <t>レイワ</t>
    </rPh>
    <rPh sb="3" eb="5">
      <t>ネンド</t>
    </rPh>
    <rPh sb="6" eb="8">
      <t>センエン</t>
    </rPh>
    <phoneticPr fontId="5"/>
  </si>
  <si>
    <t>令和2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伊勢原市</t>
    <phoneticPr fontId="5"/>
  </si>
  <si>
    <t>地方交付税種地</t>
    <rPh sb="0" eb="2">
      <t>チホウ</t>
    </rPh>
    <rPh sb="2" eb="5">
      <t>コウフゼイ</t>
    </rPh>
    <rPh sb="5" eb="6">
      <t>シュ</t>
    </rPh>
    <rPh sb="6" eb="7">
      <t>チ</t>
    </rPh>
    <phoneticPr fontId="5"/>
  </si>
  <si>
    <t>1-5</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0.3</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4.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3.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4</t>
    <phoneticPr fontId="5"/>
  </si>
  <si>
    <t>基準財政需要額</t>
    <phoneticPr fontId="25"/>
  </si>
  <si>
    <t>うち日本人(％)</t>
    <phoneticPr fontId="5"/>
  </si>
  <si>
    <t>-0.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t>
    <phoneticPr fontId="5"/>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3年度</t>
    <phoneticPr fontId="25"/>
  </si>
  <si>
    <t>神奈川県伊勢原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　新型コロナウイルス感染症対策地方税減収補塡特別交付金</t>
    <phoneticPr fontId="5"/>
  </si>
  <si>
    <t>　　事業所税</t>
    <phoneticPr fontId="5"/>
  </si>
  <si>
    <t>性質別歳出の状況（単位 千円・％）</t>
    <rPh sb="0" eb="2">
      <t>セイシツ</t>
    </rPh>
    <phoneticPr fontId="5"/>
  </si>
  <si>
    <t>地方交付税</t>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普通交付税</t>
    <phoneticPr fontId="5"/>
  </si>
  <si>
    <t>　　水利地益税等</t>
    <phoneticPr fontId="5"/>
  </si>
  <si>
    <t>義務的経費計</t>
    <rPh sb="0" eb="3">
      <t>ギムテキ</t>
    </rPh>
    <rPh sb="3" eb="5">
      <t>ケイヒ</t>
    </rPh>
    <rPh sb="5" eb="6">
      <t>ケイ</t>
    </rPh>
    <phoneticPr fontId="5"/>
  </si>
  <si>
    <t>　特別交付税</t>
    <phoneticPr fontId="5"/>
  </si>
  <si>
    <t>　法定外目的税</t>
    <phoneticPr fontId="5"/>
  </si>
  <si>
    <t>　人件費</t>
    <phoneticPr fontId="5"/>
  </si>
  <si>
    <t>　震災復興特別交付税</t>
    <phoneticPr fontId="25"/>
  </si>
  <si>
    <t>旧法による税</t>
  </si>
  <si>
    <t>　　うち職員給</t>
    <rPh sb="4" eb="6">
      <t>ショクイン</t>
    </rPh>
    <rPh sb="6" eb="7">
      <t>キュウ</t>
    </rPh>
    <phoneticPr fontId="5"/>
  </si>
  <si>
    <t>(一般財源計)</t>
    <phoneticPr fontId="5"/>
  </si>
  <si>
    <t>合計</t>
  </si>
  <si>
    <t>　扶助費</t>
    <phoneticPr fontId="5"/>
  </si>
  <si>
    <t>交通安全対策特別交付金</t>
    <phoneticPr fontId="5"/>
  </si>
  <si>
    <t>　公債費</t>
    <phoneticPr fontId="5"/>
  </si>
  <si>
    <t>分担金・負担金</t>
  </si>
  <si>
    <t>内訳</t>
    <rPh sb="0" eb="2">
      <t>ウチワケ</t>
    </rPh>
    <phoneticPr fontId="5"/>
  </si>
  <si>
    <t>使用料</t>
  </si>
  <si>
    <t>令和3年度</t>
    <rPh sb="0" eb="2">
      <t>レイワ</t>
    </rPh>
    <rPh sb="3" eb="5">
      <t>ネンド</t>
    </rPh>
    <phoneticPr fontId="5"/>
  </si>
  <si>
    <t>令和2年度</t>
    <rPh sb="0" eb="2">
      <t>レイワ</t>
    </rPh>
    <rPh sb="3" eb="5">
      <t>ネンド</t>
    </rPh>
    <rPh sb="4" eb="5">
      <t>ド</t>
    </rPh>
    <phoneticPr fontId="5"/>
  </si>
  <si>
    <t>　うち元金</t>
    <phoneticPr fontId="25"/>
  </si>
  <si>
    <t>手数料</t>
  </si>
  <si>
    <t>徴収率
(％)</t>
    <rPh sb="0" eb="2">
      <t>チョウシュウ</t>
    </rPh>
    <rPh sb="2" eb="3">
      <t>リツ</t>
    </rPh>
    <phoneticPr fontId="5"/>
  </si>
  <si>
    <t>現年</t>
    <rPh sb="0" eb="1">
      <t>ゲン</t>
    </rPh>
    <rPh sb="1" eb="2">
      <t>ネン</t>
    </rPh>
    <phoneticPr fontId="5"/>
  </si>
  <si>
    <t>　うち利子</t>
    <phoneticPr fontId="25"/>
  </si>
  <si>
    <t>国庫支出金</t>
  </si>
  <si>
    <t>・計</t>
    <phoneticPr fontId="5"/>
  </si>
  <si>
    <t>市町村民税</t>
    <rPh sb="0" eb="3">
      <t>シチョウソン</t>
    </rPh>
    <rPh sb="3" eb="4">
      <t>ミン</t>
    </rPh>
    <rPh sb="4" eb="5">
      <t>ゼイ</t>
    </rPh>
    <phoneticPr fontId="5"/>
  </si>
  <si>
    <t>一時借入金利子</t>
    <phoneticPr fontId="5"/>
  </si>
  <si>
    <t>国有提供交付金(特別区財調交付金)</t>
  </si>
  <si>
    <t>純固定資産税</t>
    <rPh sb="0" eb="1">
      <t>ジュン</t>
    </rPh>
    <rPh sb="1" eb="3">
      <t>コテイ</t>
    </rPh>
    <rPh sb="3" eb="6">
      <t>シサンゼイ</t>
    </rPh>
    <phoneticPr fontId="5"/>
  </si>
  <si>
    <t>その他の経費</t>
    <rPh sb="2" eb="3">
      <t>タ</t>
    </rPh>
    <rPh sb="4" eb="6">
      <t>ケイヒ</t>
    </rPh>
    <phoneticPr fontId="5"/>
  </si>
  <si>
    <t>都道府県支出金</t>
  </si>
  <si>
    <t>　物件費</t>
    <phoneticPr fontId="5"/>
  </si>
  <si>
    <t>財産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寄附金</t>
  </si>
  <si>
    <t>合計</t>
    <phoneticPr fontId="5"/>
  </si>
  <si>
    <t>実質収支</t>
    <rPh sb="0" eb="2">
      <t>ジッシツ</t>
    </rPh>
    <rPh sb="2" eb="4">
      <t>シュウシ</t>
    </rPh>
    <phoneticPr fontId="5"/>
  </si>
  <si>
    <t>　補助費等</t>
    <rPh sb="1" eb="3">
      <t>ホジョ</t>
    </rPh>
    <rPh sb="3" eb="4">
      <t>ヒ</t>
    </rPh>
    <rPh sb="4" eb="5">
      <t>トウ</t>
    </rPh>
    <phoneticPr fontId="5"/>
  </si>
  <si>
    <t>繰入金</t>
  </si>
  <si>
    <t>下水道</t>
    <phoneticPr fontId="5"/>
  </si>
  <si>
    <t>再差引収支</t>
    <rPh sb="0" eb="1">
      <t>サイ</t>
    </rPh>
    <rPh sb="1" eb="3">
      <t>サシヒキ</t>
    </rPh>
    <rPh sb="3" eb="5">
      <t>シュウシ</t>
    </rPh>
    <phoneticPr fontId="5"/>
  </si>
  <si>
    <t>　　うち一部事務組合負担金</t>
    <phoneticPr fontId="5"/>
  </si>
  <si>
    <t>繰越金</t>
  </si>
  <si>
    <t>上水道</t>
    <phoneticPr fontId="5"/>
  </si>
  <si>
    <t>加入世帯数(世帯)</t>
  </si>
  <si>
    <t>　繰出金</t>
    <phoneticPr fontId="5"/>
  </si>
  <si>
    <t>諸収入</t>
  </si>
  <si>
    <t>工業用水道</t>
    <phoneticPr fontId="5"/>
  </si>
  <si>
    <t>被保険者数(人)</t>
  </si>
  <si>
    <t>　積立金</t>
    <phoneticPr fontId="5"/>
  </si>
  <si>
    <t>地方債</t>
  </si>
  <si>
    <t>交通</t>
    <phoneticPr fontId="5"/>
  </si>
  <si>
    <t>被保険者
1人当り</t>
    <phoneticPr fontId="5"/>
  </si>
  <si>
    <t>保険税(料)収入額</t>
    <phoneticPr fontId="5"/>
  </si>
  <si>
    <t>　投資・出資金・貸付金</t>
    <phoneticPr fontId="5"/>
  </si>
  <si>
    <t>　うち減収補塡債(特例分)</t>
    <rPh sb="4" eb="5">
      <t>シュウ</t>
    </rPh>
    <rPh sb="9" eb="10">
      <t>トク</t>
    </rPh>
    <rPh sb="10" eb="11">
      <t>レイ</t>
    </rPh>
    <rPh sb="11" eb="12">
      <t>ブン</t>
    </rPh>
    <phoneticPr fontId="16"/>
  </si>
  <si>
    <t>国民健康保険</t>
    <phoneticPr fontId="5"/>
  </si>
  <si>
    <t>国庫支出金</t>
    <phoneticPr fontId="5"/>
  </si>
  <si>
    <t>　前年度繰上充用金</t>
    <phoneticPr fontId="5"/>
  </si>
  <si>
    <t>　うち猶予特例債</t>
    <phoneticPr fontId="16"/>
  </si>
  <si>
    <t>その他</t>
    <phoneticPr fontId="5"/>
  </si>
  <si>
    <t>保険給付費</t>
    <phoneticPr fontId="5"/>
  </si>
  <si>
    <t>投資的経費計</t>
    <rPh sb="5" eb="6">
      <t>ケイ</t>
    </rPh>
    <phoneticPr fontId="5"/>
  </si>
  <si>
    <t>　うち臨時財政対策債</t>
    <phoneticPr fontId="5"/>
  </si>
  <si>
    <t>　　うち人件費</t>
    <phoneticPr fontId="5"/>
  </si>
  <si>
    <t>歳入合計</t>
    <phoneticPr fontId="5"/>
  </si>
  <si>
    <t>普通建設事業費</t>
    <phoneticPr fontId="5"/>
  </si>
  <si>
    <t>　うち補助</t>
    <phoneticPr fontId="5"/>
  </si>
  <si>
    <t>(注釈)</t>
    <rPh sb="1" eb="2">
      <t>チュウ</t>
    </rPh>
    <rPh sb="2" eb="3">
      <t>シャク</t>
    </rPh>
    <phoneticPr fontId="5"/>
  </si>
  <si>
    <t>　うち単独</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災害復旧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失業対策事業費</t>
    <phoneticPr fontId="5"/>
  </si>
  <si>
    <t>歳出合計</t>
    <phoneticPr fontId="5"/>
  </si>
  <si>
    <t>(2)各会計、関係団体の財政状況及び健全化判断比率（市町村）</t>
    <rPh sb="26" eb="29">
      <t>シチョウソン</t>
    </rPh>
    <phoneticPr fontId="5"/>
  </si>
  <si>
    <t>令和3年度</t>
  </si>
  <si>
    <t>神奈川県伊勢原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用地取得事業特別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公共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純損益
（形式収支）</t>
    <phoneticPr fontId="5"/>
  </si>
  <si>
    <t>資金剰余額
/不足額
（実質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元年度</t>
    <rPh sb="0" eb="2">
      <t>レイワ</t>
    </rPh>
    <rPh sb="2" eb="4">
      <t>ガンネン</t>
    </rPh>
    <rPh sb="3" eb="5">
      <t>ネンド</t>
    </rPh>
    <phoneticPr fontId="5"/>
  </si>
  <si>
    <t>令和2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3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4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9</t>
  </si>
  <si>
    <t>うち単独分</t>
    <rPh sb="2" eb="4">
      <t>タンドク</t>
    </rPh>
    <rPh sb="4" eb="5">
      <t>ブン</t>
    </rPh>
    <phoneticPr fontId="5"/>
  </si>
  <si>
    <t xml:space="preserve"> H30</t>
  </si>
  <si>
    <t xml:space="preserve"> R01</t>
  </si>
  <si>
    <t xml:space="preserve"> R02</t>
  </si>
  <si>
    <t xml:space="preserve"> R03</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9</t>
  </si>
  <si>
    <t>H30</t>
  </si>
  <si>
    <t>R01</t>
  </si>
  <si>
    <t>R02</t>
  </si>
  <si>
    <t>R03</t>
  </si>
  <si>
    <t>▲ 2.12</t>
  </si>
  <si>
    <t>一般会計</t>
  </si>
  <si>
    <t>公共下水道事業会計</t>
  </si>
  <si>
    <t>介護保険事業特別会計</t>
  </si>
  <si>
    <t>国民健康保険事業特別会計</t>
  </si>
  <si>
    <t>後期高齢者医療事業特別会計</t>
  </si>
  <si>
    <t>用地取得事業特別会計</t>
  </si>
  <si>
    <t>その他会計（赤字）</t>
  </si>
  <si>
    <t>その他会計（黒字）</t>
  </si>
  <si>
    <t>（百万円）</t>
    <phoneticPr fontId="5"/>
  </si>
  <si>
    <t>H28末</t>
    <phoneticPr fontId="5"/>
  </si>
  <si>
    <t>H29末</t>
    <phoneticPr fontId="5"/>
  </si>
  <si>
    <t>H30末</t>
    <phoneticPr fontId="5"/>
  </si>
  <si>
    <t>R01末</t>
    <phoneticPr fontId="5"/>
  </si>
  <si>
    <t>R02末</t>
    <phoneticPr fontId="5"/>
  </si>
  <si>
    <t>-</t>
    <phoneticPr fontId="2"/>
  </si>
  <si>
    <t>秦野市伊勢原市環境衛生組合</t>
    <rPh sb="0" eb="3">
      <t>ハダノシ</t>
    </rPh>
    <rPh sb="3" eb="7">
      <t>イセハラシ</t>
    </rPh>
    <rPh sb="7" eb="9">
      <t>カンキョウ</t>
    </rPh>
    <rPh sb="9" eb="11">
      <t>エイセイ</t>
    </rPh>
    <rPh sb="11" eb="13">
      <t>クミアイ</t>
    </rPh>
    <phoneticPr fontId="2"/>
  </si>
  <si>
    <t>金目川水害予防組合</t>
    <rPh sb="0" eb="2">
      <t>カナメ</t>
    </rPh>
    <rPh sb="2" eb="3">
      <t>ガワ</t>
    </rPh>
    <rPh sb="3" eb="5">
      <t>スイガイ</t>
    </rPh>
    <rPh sb="5" eb="7">
      <t>ヨボウ</t>
    </rPh>
    <rPh sb="7" eb="9">
      <t>クミアイ</t>
    </rPh>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事業会計)</t>
    <rPh sb="0" eb="4">
      <t>カナガワケン</t>
    </rPh>
    <rPh sb="4" eb="6">
      <t>コウキ</t>
    </rPh>
    <rPh sb="6" eb="9">
      <t>コウレイシャ</t>
    </rPh>
    <rPh sb="9" eb="11">
      <t>イリョウ</t>
    </rPh>
    <rPh sb="11" eb="13">
      <t>コウイキ</t>
    </rPh>
    <rPh sb="13" eb="15">
      <t>レンゴウ</t>
    </rPh>
    <rPh sb="16" eb="18">
      <t>ジギョウ</t>
    </rPh>
    <rPh sb="18" eb="20">
      <t>カイケ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t>
    <phoneticPr fontId="2"/>
  </si>
  <si>
    <t>伊勢原市土地開発公社</t>
    <rPh sb="0" eb="4">
      <t>イセハラシ</t>
    </rPh>
    <rPh sb="4" eb="6">
      <t>トチ</t>
    </rPh>
    <rPh sb="6" eb="8">
      <t>カイハツ</t>
    </rPh>
    <rPh sb="8" eb="10">
      <t>コウシャ</t>
    </rPh>
    <phoneticPr fontId="2"/>
  </si>
  <si>
    <t>(一財)伊勢原市事業公社</t>
    <rPh sb="1" eb="3">
      <t>イチザイ</t>
    </rPh>
    <rPh sb="4" eb="8">
      <t>イセハラシ</t>
    </rPh>
    <rPh sb="8" eb="10">
      <t>ジギョウ</t>
    </rPh>
    <rPh sb="10" eb="12">
      <t>コウシャ</t>
    </rPh>
    <phoneticPr fontId="2"/>
  </si>
  <si>
    <t>伊勢原市週末処理場周辺整備基金</t>
    <rPh sb="0" eb="4">
      <t>イセハラシ</t>
    </rPh>
    <rPh sb="4" eb="6">
      <t>シュウマツ</t>
    </rPh>
    <rPh sb="6" eb="8">
      <t>ショリ</t>
    </rPh>
    <rPh sb="8" eb="9">
      <t>ジョウ</t>
    </rPh>
    <rPh sb="9" eb="11">
      <t>シュウヘン</t>
    </rPh>
    <rPh sb="11" eb="13">
      <t>セイビ</t>
    </rPh>
    <rPh sb="13" eb="15">
      <t>キキン</t>
    </rPh>
    <phoneticPr fontId="5"/>
  </si>
  <si>
    <t>伊勢原市福祉のいずみ基金</t>
    <rPh sb="0" eb="4">
      <t>イセハラシ</t>
    </rPh>
    <rPh sb="4" eb="6">
      <t>フクシ</t>
    </rPh>
    <rPh sb="10" eb="12">
      <t>キキン</t>
    </rPh>
    <phoneticPr fontId="5"/>
  </si>
  <si>
    <t>伊勢原市まちづくり市民ファンド寄附金積立基金</t>
    <rPh sb="0" eb="4">
      <t>イセハラシ</t>
    </rPh>
    <rPh sb="9" eb="11">
      <t>シミン</t>
    </rPh>
    <rPh sb="15" eb="18">
      <t>キフキン</t>
    </rPh>
    <rPh sb="18" eb="20">
      <t>ツミタテ</t>
    </rPh>
    <rPh sb="20" eb="22">
      <t>キキン</t>
    </rPh>
    <phoneticPr fontId="5"/>
  </si>
  <si>
    <t>伊勢原市ふるさとの森づくり基金</t>
    <rPh sb="0" eb="4">
      <t>イセハラシ</t>
    </rPh>
    <rPh sb="9" eb="10">
      <t>モリ</t>
    </rPh>
    <rPh sb="13" eb="15">
      <t>キキン</t>
    </rPh>
    <phoneticPr fontId="5"/>
  </si>
  <si>
    <t>伊勢原市公共施設等整備基金</t>
    <rPh sb="0" eb="4">
      <t>イセハラシ</t>
    </rPh>
    <rPh sb="4" eb="6">
      <t>コウキョウ</t>
    </rPh>
    <rPh sb="6" eb="8">
      <t>シセツ</t>
    </rPh>
    <rPh sb="8" eb="9">
      <t>ナド</t>
    </rPh>
    <rPh sb="9" eb="11">
      <t>セイビ</t>
    </rPh>
    <rPh sb="11" eb="13">
      <t>キキン</t>
    </rPh>
    <phoneticPr fontId="5"/>
  </si>
  <si>
    <t>-</t>
    <phoneticPr fontId="2"/>
  </si>
  <si>
    <t>-</t>
    <phoneticPr fontId="2"/>
  </si>
  <si>
    <t xml:space="preserve">※8：職員の状況については、令和3年地方公務員給与実態調査に基づいている。 </t>
    <phoneticPr fontId="2"/>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新規借入の抑制等により、将来負担比率は減少傾向にある。しかしながら、類似団体と比較すると依然として高い水準となっている。また、公共施設の老朽化が進んでおり、有形固定資産減価償却率も高い水準にあり、「公共施設等総合管理計画」に基づき施設の老朽化対策を進めていく。</t>
    <phoneticPr fontId="5"/>
  </si>
  <si>
    <t>実質公債費比率は、分子となる市債の元利償還金等が増加したこと等により、前年度と比べ増となった。将来負担比率は、令和３年度は市債の新規借入の抑制や債務負担行為に基づく支出予定額が減となったため減少したものの、類似団体と比較すると依然として高い水準にある。引き続き、市債の新規発行の抑制等により比率の低下に努める。</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14" fillId="0" borderId="0">
      <alignment vertical="center"/>
    </xf>
    <xf numFmtId="0" fontId="38" fillId="0" borderId="0">
      <alignment vertical="center"/>
    </xf>
  </cellStyleXfs>
  <cellXfs count="1298">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47"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12" xfId="11" applyFont="1" applyBorder="1">
      <alignment vertical="center"/>
    </xf>
    <xf numFmtId="0" fontId="20" fillId="0" borderId="0" xfId="11" applyFont="1" applyBorder="1">
      <alignment vertical="center"/>
    </xf>
    <xf numFmtId="0" fontId="20" fillId="0" borderId="54" xfId="11" applyFont="1" applyBorder="1">
      <alignment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4" fillId="0" borderId="0" xfId="11" applyFont="1" applyAlignment="1">
      <alignment vertical="center"/>
    </xf>
    <xf numFmtId="0" fontId="24" fillId="0" borderId="0" xfId="11" applyFont="1" applyBorder="1" applyAlignment="1">
      <alignment vertical="center"/>
    </xf>
    <xf numFmtId="0" fontId="24" fillId="0" borderId="0" xfId="20" applyFont="1" applyFill="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1" applyFont="1">
      <alignment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9" xfId="8" applyFont="1" applyBorder="1" applyAlignment="1">
      <alignment horizontal="center" vertical="center"/>
    </xf>
    <xf numFmtId="0" fontId="20" fillId="0" borderId="38" xfId="8" applyFont="1" applyBorder="1" applyAlignment="1">
      <alignment horizontal="center" vertical="center"/>
    </xf>
    <xf numFmtId="0" fontId="20" fillId="0" borderId="63"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47" xfId="8" applyFont="1" applyBorder="1" applyAlignment="1">
      <alignment horizontal="center" vertical="center"/>
    </xf>
    <xf numFmtId="0" fontId="20" fillId="0" borderId="62" xfId="8" applyFont="1" applyBorder="1" applyAlignment="1">
      <alignment horizontal="center" vertical="center"/>
    </xf>
    <xf numFmtId="0" fontId="20" fillId="0" borderId="10" xfId="8" applyFont="1" applyBorder="1" applyAlignment="1">
      <alignment horizontal="center" vertical="center"/>
    </xf>
    <xf numFmtId="0" fontId="20" fillId="0" borderId="64" xfId="8" applyFont="1" applyBorder="1" applyAlignment="1">
      <alignment horizontal="center" vertical="center"/>
    </xf>
    <xf numFmtId="0" fontId="20" fillId="0" borderId="65"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4"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48" xfId="8" applyFont="1" applyBorder="1" applyAlignment="1">
      <alignment horizontal="center" vertical="center"/>
    </xf>
    <xf numFmtId="0" fontId="20" fillId="0" borderId="15" xfId="8" applyFont="1" applyBorder="1" applyAlignment="1">
      <alignment horizontal="center" vertical="center"/>
    </xf>
    <xf numFmtId="0" fontId="20" fillId="0" borderId="50"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4"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2"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2"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48"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0" fontId="24" fillId="0" borderId="12" xfId="8" applyFont="1" applyBorder="1">
      <alignment vertical="center"/>
    </xf>
    <xf numFmtId="0" fontId="24" fillId="0" borderId="48"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1" xfId="8" applyFont="1" applyBorder="1" applyAlignment="1">
      <alignment horizontal="center" vertical="center"/>
    </xf>
    <xf numFmtId="183" fontId="20" fillId="0" borderId="51"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1"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48" xfId="8" applyFont="1" applyBorder="1" applyAlignment="1">
      <alignment horizontal="center" vertical="center" textRotation="255"/>
    </xf>
    <xf numFmtId="0" fontId="20" fillId="0" borderId="64"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4"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48"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4"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48"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4"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4" fillId="0" borderId="0" xfId="11" applyFont="1" applyAlignment="1">
      <alignment vertical="center"/>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pplyBorder="1" applyAlignment="1">
      <alignment vertical="center"/>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48"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4"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4"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63" xfId="14" applyNumberFormat="1" applyFont="1" applyFill="1" applyBorder="1" applyAlignment="1">
      <alignment horizontal="right" vertical="center" shrinkToFit="1"/>
    </xf>
    <xf numFmtId="0" fontId="34" fillId="6" borderId="64"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4"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48" xfId="12" applyFont="1" applyFill="1" applyBorder="1" applyAlignment="1">
      <alignment horizontal="center" vertical="center" textRotation="255" wrapText="1"/>
    </xf>
    <xf numFmtId="0" fontId="34" fillId="6" borderId="64"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48"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4"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4" xfId="12" applyFont="1" applyFill="1" applyBorder="1">
      <alignment vertical="center"/>
    </xf>
    <xf numFmtId="0" fontId="34" fillId="6" borderId="40" xfId="12" applyFont="1" applyFill="1" applyBorder="1">
      <alignment vertical="center"/>
    </xf>
    <xf numFmtId="0" fontId="1" fillId="6" borderId="64"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4"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4"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4"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48"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4"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48" xfId="12" applyFont="1" applyFill="1" applyBorder="1" applyAlignment="1">
      <alignment horizontal="center" vertical="center" wrapText="1"/>
    </xf>
    <xf numFmtId="0" fontId="34" fillId="6" borderId="64"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4"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48"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47" xfId="14" applyNumberFormat="1" applyFont="1" applyFill="1" applyBorder="1" applyAlignment="1">
      <alignment horizontal="right" vertical="center" shrinkToFit="1"/>
    </xf>
    <xf numFmtId="0" fontId="34" fillId="6" borderId="64"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48"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48"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4"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48"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4"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4" xfId="12" applyFont="1" applyFill="1" applyBorder="1" applyAlignment="1">
      <alignment horizontal="left" vertical="center"/>
    </xf>
    <xf numFmtId="0" fontId="34" fillId="6" borderId="54" xfId="12" applyFont="1" applyFill="1" applyBorder="1" applyAlignment="1">
      <alignment horizontal="right" vertical="center" wrapText="1"/>
    </xf>
    <xf numFmtId="0" fontId="34" fillId="6" borderId="54"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Fill="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cellXfs>
  <cellStyles count="22">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 2" xfId="20"/>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F$3,データシート!$F$5,データシート!$F$7,データシート!$F$9,データシート!$F$11)</c:f>
              <c:numCache>
                <c:formatCode>#,##0;"△ "#,##0</c:formatCode>
                <c:ptCount val="5"/>
                <c:pt idx="0">
                  <c:v>42651</c:v>
                </c:pt>
                <c:pt idx="1">
                  <c:v>43226</c:v>
                </c:pt>
                <c:pt idx="2">
                  <c:v>42836</c:v>
                </c:pt>
                <c:pt idx="3">
                  <c:v>44161</c:v>
                </c:pt>
                <c:pt idx="4">
                  <c:v>43955</c:v>
                </c:pt>
              </c:numCache>
            </c:numRef>
          </c:val>
          <c:smooth val="0"/>
          <c:extLst>
            <c:ext xmlns:c16="http://schemas.microsoft.com/office/drawing/2014/chart" uri="{C3380CC4-5D6E-409C-BE32-E72D297353CC}">
              <c16:uniqueId val="{00000000-1E5B-46D7-A0D0-A766E1E9808F}"/>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9</c:v>
                </c:pt>
                <c:pt idx="1">
                  <c:v> H30</c:v>
                </c:pt>
                <c:pt idx="2">
                  <c:v> R01</c:v>
                </c:pt>
                <c:pt idx="3">
                  <c:v> R02</c:v>
                </c:pt>
                <c:pt idx="4">
                  <c:v> R03</c:v>
                </c:pt>
              </c:strCache>
            </c:strRef>
          </c:cat>
          <c:val>
            <c:numRef>
              <c:f>(データシート!$D$3,データシート!$D$5,データシート!$D$7,データシート!$D$9,データシート!$D$11)</c:f>
              <c:numCache>
                <c:formatCode>#,##0;"△ "#,##0</c:formatCode>
                <c:ptCount val="5"/>
                <c:pt idx="0">
                  <c:v>28329</c:v>
                </c:pt>
                <c:pt idx="1">
                  <c:v>22497</c:v>
                </c:pt>
                <c:pt idx="2">
                  <c:v>40790</c:v>
                </c:pt>
                <c:pt idx="3">
                  <c:v>26914</c:v>
                </c:pt>
                <c:pt idx="4">
                  <c:v>19737</c:v>
                </c:pt>
              </c:numCache>
            </c:numRef>
          </c:val>
          <c:smooth val="0"/>
          <c:extLst>
            <c:ext xmlns:c16="http://schemas.microsoft.com/office/drawing/2014/chart" uri="{C3380CC4-5D6E-409C-BE32-E72D297353CC}">
              <c16:uniqueId val="{00000001-1E5B-46D7-A0D0-A766E1E9808F}"/>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5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19:$F$19</c:f>
              <c:numCache>
                <c:formatCode>General</c:formatCode>
                <c:ptCount val="5"/>
                <c:pt idx="0">
                  <c:v>4.83</c:v>
                </c:pt>
                <c:pt idx="1">
                  <c:v>4.9000000000000004</c:v>
                </c:pt>
                <c:pt idx="2">
                  <c:v>3.51</c:v>
                </c:pt>
                <c:pt idx="3">
                  <c:v>6</c:v>
                </c:pt>
                <c:pt idx="4">
                  <c:v>11.69</c:v>
                </c:pt>
              </c:numCache>
            </c:numRef>
          </c:val>
          <c:extLst>
            <c:ext xmlns:c16="http://schemas.microsoft.com/office/drawing/2014/chart" uri="{C3380CC4-5D6E-409C-BE32-E72D297353CC}">
              <c16:uniqueId val="{00000000-103B-417A-8DEF-AAF3173C1B8F}"/>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9</c:v>
                </c:pt>
                <c:pt idx="1">
                  <c:v>H30</c:v>
                </c:pt>
                <c:pt idx="2">
                  <c:v>R01</c:v>
                </c:pt>
                <c:pt idx="3">
                  <c:v>R02</c:v>
                </c:pt>
                <c:pt idx="4">
                  <c:v>R03</c:v>
                </c:pt>
              </c:strCache>
            </c:strRef>
          </c:cat>
          <c:val>
            <c:numRef>
              <c:f>データシート!$B$20:$F$20</c:f>
              <c:numCache>
                <c:formatCode>General</c:formatCode>
                <c:ptCount val="5"/>
                <c:pt idx="0">
                  <c:v>8</c:v>
                </c:pt>
                <c:pt idx="1">
                  <c:v>8.6300000000000008</c:v>
                </c:pt>
                <c:pt idx="2">
                  <c:v>7.88</c:v>
                </c:pt>
                <c:pt idx="3">
                  <c:v>5.78</c:v>
                </c:pt>
                <c:pt idx="4">
                  <c:v>8.27</c:v>
                </c:pt>
              </c:numCache>
            </c:numRef>
          </c:val>
          <c:extLst>
            <c:ext xmlns:c16="http://schemas.microsoft.com/office/drawing/2014/chart" uri="{C3380CC4-5D6E-409C-BE32-E72D297353CC}">
              <c16:uniqueId val="{00000001-103B-417A-8DEF-AAF3173C1B8F}"/>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9</c:v>
                </c:pt>
                <c:pt idx="1">
                  <c:v>H30</c:v>
                </c:pt>
                <c:pt idx="2">
                  <c:v>R01</c:v>
                </c:pt>
                <c:pt idx="3">
                  <c:v>R02</c:v>
                </c:pt>
                <c:pt idx="4">
                  <c:v>R03</c:v>
                </c:pt>
              </c:strCache>
            </c:strRef>
          </c:cat>
          <c:val>
            <c:numRef>
              <c:f>データシート!$B$21:$F$21</c:f>
              <c:numCache>
                <c:formatCode>General</c:formatCode>
                <c:ptCount val="5"/>
                <c:pt idx="0">
                  <c:v>1.59</c:v>
                </c:pt>
                <c:pt idx="1">
                  <c:v>0.9</c:v>
                </c:pt>
                <c:pt idx="2">
                  <c:v>-2.12</c:v>
                </c:pt>
                <c:pt idx="3">
                  <c:v>0.55000000000000004</c:v>
                </c:pt>
                <c:pt idx="4">
                  <c:v>8.8000000000000007</c:v>
                </c:pt>
              </c:numCache>
            </c:numRef>
          </c:val>
          <c:smooth val="0"/>
          <c:extLst>
            <c:ext xmlns:c16="http://schemas.microsoft.com/office/drawing/2014/chart" uri="{C3380CC4-5D6E-409C-BE32-E72D297353CC}">
              <c16:uniqueId val="{00000002-103B-417A-8DEF-AAF3173C1B8F}"/>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7:$K$27</c:f>
              <c:numCache>
                <c:formatCode>General</c:formatCode>
                <c:ptCount val="10"/>
                <c:pt idx="0">
                  <c:v>#N/A</c:v>
                </c:pt>
                <c:pt idx="1">
                  <c:v>0.64</c:v>
                </c:pt>
                <c:pt idx="2">
                  <c:v>#N/A</c:v>
                </c:pt>
                <c:pt idx="3">
                  <c:v>2.62</c:v>
                </c:pt>
                <c:pt idx="4">
                  <c:v>0</c:v>
                </c:pt>
                <c:pt idx="5">
                  <c:v>0</c:v>
                </c:pt>
                <c:pt idx="6">
                  <c:v>0</c:v>
                </c:pt>
                <c:pt idx="7">
                  <c:v>0</c:v>
                </c:pt>
                <c:pt idx="8">
                  <c:v>0</c:v>
                </c:pt>
                <c:pt idx="9">
                  <c:v>0</c:v>
                </c:pt>
              </c:numCache>
            </c:numRef>
          </c:val>
          <c:extLst>
            <c:ext xmlns:c16="http://schemas.microsoft.com/office/drawing/2014/chart" uri="{C3380CC4-5D6E-409C-BE32-E72D297353CC}">
              <c16:uniqueId val="{00000000-0EE5-4E98-BA77-1E6E5288484B}"/>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0EE5-4E98-BA77-1E6E5288484B}"/>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0EE5-4E98-BA77-1E6E5288484B}"/>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0EE5-4E98-BA77-1E6E5288484B}"/>
            </c:ext>
          </c:extLst>
        </c:ser>
        <c:ser>
          <c:idx val="4"/>
          <c:order val="4"/>
          <c:tx>
            <c:strRef>
              <c:f>データシート!$A$31</c:f>
              <c:strCache>
                <c:ptCount val="1"/>
                <c:pt idx="0">
                  <c:v>用地取得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0EE5-4E98-BA77-1E6E5288484B}"/>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2:$K$32</c:f>
              <c:numCache>
                <c:formatCode>General</c:formatCode>
                <c:ptCount val="10"/>
                <c:pt idx="0">
                  <c:v>#N/A</c:v>
                </c:pt>
                <c:pt idx="1">
                  <c:v>0.03</c:v>
                </c:pt>
                <c:pt idx="2">
                  <c:v>#N/A</c:v>
                </c:pt>
                <c:pt idx="3">
                  <c:v>0.02</c:v>
                </c:pt>
                <c:pt idx="4">
                  <c:v>#N/A</c:v>
                </c:pt>
                <c:pt idx="5">
                  <c:v>0.03</c:v>
                </c:pt>
                <c:pt idx="6">
                  <c:v>#N/A</c:v>
                </c:pt>
                <c:pt idx="7">
                  <c:v>0.02</c:v>
                </c:pt>
                <c:pt idx="8">
                  <c:v>#N/A</c:v>
                </c:pt>
                <c:pt idx="9">
                  <c:v>0.02</c:v>
                </c:pt>
              </c:numCache>
            </c:numRef>
          </c:val>
          <c:extLst>
            <c:ext xmlns:c16="http://schemas.microsoft.com/office/drawing/2014/chart" uri="{C3380CC4-5D6E-409C-BE32-E72D297353CC}">
              <c16:uniqueId val="{00000005-0EE5-4E98-BA77-1E6E5288484B}"/>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3:$K$33</c:f>
              <c:numCache>
                <c:formatCode>General</c:formatCode>
                <c:ptCount val="10"/>
                <c:pt idx="0">
                  <c:v>#N/A</c:v>
                </c:pt>
                <c:pt idx="1">
                  <c:v>4.29</c:v>
                </c:pt>
                <c:pt idx="2">
                  <c:v>#N/A</c:v>
                </c:pt>
                <c:pt idx="3">
                  <c:v>1.23</c:v>
                </c:pt>
                <c:pt idx="4">
                  <c:v>#N/A</c:v>
                </c:pt>
                <c:pt idx="5">
                  <c:v>0.72</c:v>
                </c:pt>
                <c:pt idx="6">
                  <c:v>#N/A</c:v>
                </c:pt>
                <c:pt idx="7">
                  <c:v>1.1100000000000001</c:v>
                </c:pt>
                <c:pt idx="8">
                  <c:v>#N/A</c:v>
                </c:pt>
                <c:pt idx="9">
                  <c:v>0.88</c:v>
                </c:pt>
              </c:numCache>
            </c:numRef>
          </c:val>
          <c:extLst>
            <c:ext xmlns:c16="http://schemas.microsoft.com/office/drawing/2014/chart" uri="{C3380CC4-5D6E-409C-BE32-E72D297353CC}">
              <c16:uniqueId val="{00000006-0EE5-4E98-BA77-1E6E5288484B}"/>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4:$K$34</c:f>
              <c:numCache>
                <c:formatCode>General</c:formatCode>
                <c:ptCount val="10"/>
                <c:pt idx="0">
                  <c:v>#N/A</c:v>
                </c:pt>
                <c:pt idx="1">
                  <c:v>1.41</c:v>
                </c:pt>
                <c:pt idx="2">
                  <c:v>#N/A</c:v>
                </c:pt>
                <c:pt idx="3">
                  <c:v>1.68</c:v>
                </c:pt>
                <c:pt idx="4">
                  <c:v>#N/A</c:v>
                </c:pt>
                <c:pt idx="5">
                  <c:v>0.56000000000000005</c:v>
                </c:pt>
                <c:pt idx="6">
                  <c:v>#N/A</c:v>
                </c:pt>
                <c:pt idx="7">
                  <c:v>0.74</c:v>
                </c:pt>
                <c:pt idx="8">
                  <c:v>#N/A</c:v>
                </c:pt>
                <c:pt idx="9">
                  <c:v>1.37</c:v>
                </c:pt>
              </c:numCache>
            </c:numRef>
          </c:val>
          <c:extLst>
            <c:ext xmlns:c16="http://schemas.microsoft.com/office/drawing/2014/chart" uri="{C3380CC4-5D6E-409C-BE32-E72D297353CC}">
              <c16:uniqueId val="{00000007-0EE5-4E98-BA77-1E6E5288484B}"/>
            </c:ext>
          </c:extLst>
        </c:ser>
        <c:ser>
          <c:idx val="8"/>
          <c:order val="8"/>
          <c:tx>
            <c:strRef>
              <c:f>データシート!$A$35</c:f>
              <c:strCache>
                <c:ptCount val="1"/>
                <c:pt idx="0">
                  <c:v>公共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5:$K$35</c:f>
              <c:numCache>
                <c:formatCode>General</c:formatCode>
                <c:ptCount val="10"/>
                <c:pt idx="0">
                  <c:v>0</c:v>
                </c:pt>
                <c:pt idx="1">
                  <c:v>0</c:v>
                </c:pt>
                <c:pt idx="2">
                  <c:v>0</c:v>
                </c:pt>
                <c:pt idx="3">
                  <c:v>0</c:v>
                </c:pt>
                <c:pt idx="4">
                  <c:v>#N/A</c:v>
                </c:pt>
                <c:pt idx="5">
                  <c:v>3.64</c:v>
                </c:pt>
                <c:pt idx="6">
                  <c:v>#N/A</c:v>
                </c:pt>
                <c:pt idx="7">
                  <c:v>2.58</c:v>
                </c:pt>
                <c:pt idx="8">
                  <c:v>#N/A</c:v>
                </c:pt>
                <c:pt idx="9">
                  <c:v>2.66</c:v>
                </c:pt>
              </c:numCache>
            </c:numRef>
          </c:val>
          <c:extLst>
            <c:ext xmlns:c16="http://schemas.microsoft.com/office/drawing/2014/chart" uri="{C3380CC4-5D6E-409C-BE32-E72D297353CC}">
              <c16:uniqueId val="{00000008-0EE5-4E98-BA77-1E6E5288484B}"/>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9</c:v>
                  </c:pt>
                  <c:pt idx="2">
                    <c:v>H30</c:v>
                  </c:pt>
                  <c:pt idx="4">
                    <c:v>R01</c:v>
                  </c:pt>
                  <c:pt idx="6">
                    <c:v>R02</c:v>
                  </c:pt>
                  <c:pt idx="8">
                    <c:v>R03</c:v>
                  </c:pt>
                </c:lvl>
              </c:multiLvlStrCache>
            </c:multiLvlStrRef>
          </c:cat>
          <c:val>
            <c:numRef>
              <c:f>データシート!$B$36:$K$36</c:f>
              <c:numCache>
                <c:formatCode>General</c:formatCode>
                <c:ptCount val="10"/>
                <c:pt idx="0">
                  <c:v>#N/A</c:v>
                </c:pt>
                <c:pt idx="1">
                  <c:v>4.82</c:v>
                </c:pt>
                <c:pt idx="2">
                  <c:v>#N/A</c:v>
                </c:pt>
                <c:pt idx="3">
                  <c:v>4.9000000000000004</c:v>
                </c:pt>
                <c:pt idx="4">
                  <c:v>#N/A</c:v>
                </c:pt>
                <c:pt idx="5">
                  <c:v>3.51</c:v>
                </c:pt>
                <c:pt idx="6">
                  <c:v>#N/A</c:v>
                </c:pt>
                <c:pt idx="7">
                  <c:v>6</c:v>
                </c:pt>
                <c:pt idx="8">
                  <c:v>#N/A</c:v>
                </c:pt>
                <c:pt idx="9">
                  <c:v>11.69</c:v>
                </c:pt>
              </c:numCache>
            </c:numRef>
          </c:val>
          <c:extLst>
            <c:ext xmlns:c16="http://schemas.microsoft.com/office/drawing/2014/chart" uri="{C3380CC4-5D6E-409C-BE32-E72D297353CC}">
              <c16:uniqueId val="{00000009-0EE5-4E98-BA77-1E6E5288484B}"/>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2:$P$42</c:f>
              <c:numCache>
                <c:formatCode>General</c:formatCode>
                <c:ptCount val="15"/>
                <c:pt idx="2">
                  <c:v>3048</c:v>
                </c:pt>
                <c:pt idx="5">
                  <c:v>3063</c:v>
                </c:pt>
                <c:pt idx="8">
                  <c:v>2784</c:v>
                </c:pt>
                <c:pt idx="11">
                  <c:v>2661</c:v>
                </c:pt>
                <c:pt idx="14">
                  <c:v>2602</c:v>
                </c:pt>
              </c:numCache>
            </c:numRef>
          </c:val>
          <c:extLst>
            <c:ext xmlns:c16="http://schemas.microsoft.com/office/drawing/2014/chart" uri="{C3380CC4-5D6E-409C-BE32-E72D297353CC}">
              <c16:uniqueId val="{00000000-02C8-45B5-8234-57C720C5566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3:$P$43</c:f>
              <c:numCache>
                <c:formatCode>General</c:formatCode>
                <c:ptCount val="15"/>
                <c:pt idx="0">
                  <c:v>0</c:v>
                </c:pt>
                <c:pt idx="3">
                  <c:v>0</c:v>
                </c:pt>
                <c:pt idx="6">
                  <c:v>0</c:v>
                </c:pt>
                <c:pt idx="9">
                  <c:v>1</c:v>
                </c:pt>
                <c:pt idx="12">
                  <c:v>1</c:v>
                </c:pt>
              </c:numCache>
            </c:numRef>
          </c:val>
          <c:extLst>
            <c:ext xmlns:c16="http://schemas.microsoft.com/office/drawing/2014/chart" uri="{C3380CC4-5D6E-409C-BE32-E72D297353CC}">
              <c16:uniqueId val="{00000001-02C8-45B5-8234-57C720C5566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4:$P$44</c:f>
              <c:numCache>
                <c:formatCode>General</c:formatCode>
                <c:ptCount val="15"/>
                <c:pt idx="0">
                  <c:v>447</c:v>
                </c:pt>
                <c:pt idx="3">
                  <c:v>442</c:v>
                </c:pt>
                <c:pt idx="6">
                  <c:v>438</c:v>
                </c:pt>
                <c:pt idx="9">
                  <c:v>453</c:v>
                </c:pt>
                <c:pt idx="12">
                  <c:v>449</c:v>
                </c:pt>
              </c:numCache>
            </c:numRef>
          </c:val>
          <c:extLst>
            <c:ext xmlns:c16="http://schemas.microsoft.com/office/drawing/2014/chart" uri="{C3380CC4-5D6E-409C-BE32-E72D297353CC}">
              <c16:uniqueId val="{00000002-02C8-45B5-8234-57C720C5566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5:$P$45</c:f>
              <c:numCache>
                <c:formatCode>General</c:formatCode>
                <c:ptCount val="15"/>
                <c:pt idx="0">
                  <c:v>192</c:v>
                </c:pt>
                <c:pt idx="3">
                  <c:v>193</c:v>
                </c:pt>
                <c:pt idx="6">
                  <c:v>204</c:v>
                </c:pt>
                <c:pt idx="9">
                  <c:v>246</c:v>
                </c:pt>
                <c:pt idx="12">
                  <c:v>260</c:v>
                </c:pt>
              </c:numCache>
            </c:numRef>
          </c:val>
          <c:extLst>
            <c:ext xmlns:c16="http://schemas.microsoft.com/office/drawing/2014/chart" uri="{C3380CC4-5D6E-409C-BE32-E72D297353CC}">
              <c16:uniqueId val="{00000003-02C8-45B5-8234-57C720C5566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6:$P$46</c:f>
              <c:numCache>
                <c:formatCode>General</c:formatCode>
                <c:ptCount val="15"/>
                <c:pt idx="0">
                  <c:v>867</c:v>
                </c:pt>
                <c:pt idx="3">
                  <c:v>805</c:v>
                </c:pt>
                <c:pt idx="6">
                  <c:v>719</c:v>
                </c:pt>
                <c:pt idx="9">
                  <c:v>590</c:v>
                </c:pt>
                <c:pt idx="12">
                  <c:v>500</c:v>
                </c:pt>
              </c:numCache>
            </c:numRef>
          </c:val>
          <c:extLst>
            <c:ext xmlns:c16="http://schemas.microsoft.com/office/drawing/2014/chart" uri="{C3380CC4-5D6E-409C-BE32-E72D297353CC}">
              <c16:uniqueId val="{00000004-02C8-45B5-8234-57C720C5566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02C8-45B5-8234-57C720C5566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02C8-45B5-8234-57C720C5566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49:$P$49</c:f>
              <c:numCache>
                <c:formatCode>General</c:formatCode>
                <c:ptCount val="15"/>
                <c:pt idx="0">
                  <c:v>2816</c:v>
                </c:pt>
                <c:pt idx="3">
                  <c:v>2798</c:v>
                </c:pt>
                <c:pt idx="6">
                  <c:v>2795</c:v>
                </c:pt>
                <c:pt idx="9">
                  <c:v>2667</c:v>
                </c:pt>
                <c:pt idx="12">
                  <c:v>2799</c:v>
                </c:pt>
              </c:numCache>
            </c:numRef>
          </c:val>
          <c:extLst>
            <c:ext xmlns:c16="http://schemas.microsoft.com/office/drawing/2014/chart" uri="{C3380CC4-5D6E-409C-BE32-E72D297353CC}">
              <c16:uniqueId val="{00000007-02C8-45B5-8234-57C720C55662}"/>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9</c:v>
                  </c:pt>
                  <c:pt idx="3">
                    <c:v>H30</c:v>
                  </c:pt>
                  <c:pt idx="6">
                    <c:v>R01</c:v>
                  </c:pt>
                  <c:pt idx="9">
                    <c:v>R02</c:v>
                  </c:pt>
                  <c:pt idx="12">
                    <c:v>R03</c:v>
                  </c:pt>
                </c:lvl>
              </c:multiLvlStrCache>
            </c:multiLvlStrRef>
          </c:cat>
          <c:val>
            <c:numRef>
              <c:f>データシート!$B$50:$P$50</c:f>
              <c:numCache>
                <c:formatCode>General</c:formatCode>
                <c:ptCount val="15"/>
                <c:pt idx="0">
                  <c:v>#N/A</c:v>
                </c:pt>
                <c:pt idx="1">
                  <c:v>1274</c:v>
                </c:pt>
                <c:pt idx="2">
                  <c:v>#N/A</c:v>
                </c:pt>
                <c:pt idx="3">
                  <c:v>#N/A</c:v>
                </c:pt>
                <c:pt idx="4">
                  <c:v>1175</c:v>
                </c:pt>
                <c:pt idx="5">
                  <c:v>#N/A</c:v>
                </c:pt>
                <c:pt idx="6">
                  <c:v>#N/A</c:v>
                </c:pt>
                <c:pt idx="7">
                  <c:v>1372</c:v>
                </c:pt>
                <c:pt idx="8">
                  <c:v>#N/A</c:v>
                </c:pt>
                <c:pt idx="9">
                  <c:v>#N/A</c:v>
                </c:pt>
                <c:pt idx="10">
                  <c:v>1296</c:v>
                </c:pt>
                <c:pt idx="11">
                  <c:v>#N/A</c:v>
                </c:pt>
                <c:pt idx="12">
                  <c:v>#N/A</c:v>
                </c:pt>
                <c:pt idx="13">
                  <c:v>1407</c:v>
                </c:pt>
                <c:pt idx="14">
                  <c:v>#N/A</c:v>
                </c:pt>
              </c:numCache>
            </c:numRef>
          </c:val>
          <c:smooth val="0"/>
          <c:extLst>
            <c:ext xmlns:c16="http://schemas.microsoft.com/office/drawing/2014/chart" uri="{C3380CC4-5D6E-409C-BE32-E72D297353CC}">
              <c16:uniqueId val="{00000008-02C8-45B5-8234-57C720C55662}"/>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6:$P$56</c:f>
              <c:numCache>
                <c:formatCode>General</c:formatCode>
                <c:ptCount val="15"/>
                <c:pt idx="2">
                  <c:v>24369</c:v>
                </c:pt>
                <c:pt idx="5">
                  <c:v>23484</c:v>
                </c:pt>
                <c:pt idx="8">
                  <c:v>22474</c:v>
                </c:pt>
                <c:pt idx="11">
                  <c:v>21620</c:v>
                </c:pt>
                <c:pt idx="14">
                  <c:v>21332</c:v>
                </c:pt>
              </c:numCache>
            </c:numRef>
          </c:val>
          <c:extLst>
            <c:ext xmlns:c16="http://schemas.microsoft.com/office/drawing/2014/chart" uri="{C3380CC4-5D6E-409C-BE32-E72D297353CC}">
              <c16:uniqueId val="{00000000-2CCF-478B-B5EC-DD61120B0BC0}"/>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7:$P$57</c:f>
              <c:numCache>
                <c:formatCode>General</c:formatCode>
                <c:ptCount val="15"/>
                <c:pt idx="2">
                  <c:v>6176</c:v>
                </c:pt>
                <c:pt idx="5">
                  <c:v>6208</c:v>
                </c:pt>
                <c:pt idx="8">
                  <c:v>6695</c:v>
                </c:pt>
                <c:pt idx="11">
                  <c:v>6818</c:v>
                </c:pt>
                <c:pt idx="14">
                  <c:v>6756</c:v>
                </c:pt>
              </c:numCache>
            </c:numRef>
          </c:val>
          <c:extLst>
            <c:ext xmlns:c16="http://schemas.microsoft.com/office/drawing/2014/chart" uri="{C3380CC4-5D6E-409C-BE32-E72D297353CC}">
              <c16:uniqueId val="{00000001-2CCF-478B-B5EC-DD61120B0BC0}"/>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8:$P$58</c:f>
              <c:numCache>
                <c:formatCode>General</c:formatCode>
                <c:ptCount val="15"/>
                <c:pt idx="2">
                  <c:v>3302</c:v>
                </c:pt>
                <c:pt idx="5">
                  <c:v>3953</c:v>
                </c:pt>
                <c:pt idx="8">
                  <c:v>3638</c:v>
                </c:pt>
                <c:pt idx="11">
                  <c:v>2994</c:v>
                </c:pt>
                <c:pt idx="14">
                  <c:v>3515</c:v>
                </c:pt>
              </c:numCache>
            </c:numRef>
          </c:val>
          <c:extLst>
            <c:ext xmlns:c16="http://schemas.microsoft.com/office/drawing/2014/chart" uri="{C3380CC4-5D6E-409C-BE32-E72D297353CC}">
              <c16:uniqueId val="{00000002-2CCF-478B-B5EC-DD61120B0BC0}"/>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2CCF-478B-B5EC-DD61120B0BC0}"/>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2CCF-478B-B5EC-DD61120B0BC0}"/>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1:$P$61</c:f>
              <c:numCache>
                <c:formatCode>General</c:formatCode>
                <c:ptCount val="15"/>
                <c:pt idx="0">
                  <c:v>245</c:v>
                </c:pt>
                <c:pt idx="3">
                  <c:v>216</c:v>
                </c:pt>
                <c:pt idx="6">
                  <c:v>187</c:v>
                </c:pt>
                <c:pt idx="9">
                  <c:v>157</c:v>
                </c:pt>
                <c:pt idx="12">
                  <c:v>128</c:v>
                </c:pt>
              </c:numCache>
            </c:numRef>
          </c:val>
          <c:extLst>
            <c:ext xmlns:c16="http://schemas.microsoft.com/office/drawing/2014/chart" uri="{C3380CC4-5D6E-409C-BE32-E72D297353CC}">
              <c16:uniqueId val="{00000005-2CCF-478B-B5EC-DD61120B0BC0}"/>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2:$P$62</c:f>
              <c:numCache>
                <c:formatCode>General</c:formatCode>
                <c:ptCount val="15"/>
                <c:pt idx="0">
                  <c:v>3392</c:v>
                </c:pt>
                <c:pt idx="3">
                  <c:v>2688</c:v>
                </c:pt>
                <c:pt idx="6">
                  <c:v>2915</c:v>
                </c:pt>
                <c:pt idx="9">
                  <c:v>3039</c:v>
                </c:pt>
                <c:pt idx="12">
                  <c:v>3412</c:v>
                </c:pt>
              </c:numCache>
            </c:numRef>
          </c:val>
          <c:extLst>
            <c:ext xmlns:c16="http://schemas.microsoft.com/office/drawing/2014/chart" uri="{C3380CC4-5D6E-409C-BE32-E72D297353CC}">
              <c16:uniqueId val="{00000006-2CCF-478B-B5EC-DD61120B0BC0}"/>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3:$P$63</c:f>
              <c:numCache>
                <c:formatCode>General</c:formatCode>
                <c:ptCount val="15"/>
                <c:pt idx="0">
                  <c:v>2364</c:v>
                </c:pt>
                <c:pt idx="3">
                  <c:v>2298</c:v>
                </c:pt>
                <c:pt idx="6">
                  <c:v>2113</c:v>
                </c:pt>
                <c:pt idx="9">
                  <c:v>1901</c:v>
                </c:pt>
                <c:pt idx="12">
                  <c:v>1661</c:v>
                </c:pt>
              </c:numCache>
            </c:numRef>
          </c:val>
          <c:extLst>
            <c:ext xmlns:c16="http://schemas.microsoft.com/office/drawing/2014/chart" uri="{C3380CC4-5D6E-409C-BE32-E72D297353CC}">
              <c16:uniqueId val="{00000007-2CCF-478B-B5EC-DD61120B0BC0}"/>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4:$P$64</c:f>
              <c:numCache>
                <c:formatCode>General</c:formatCode>
                <c:ptCount val="15"/>
                <c:pt idx="0">
                  <c:v>11381</c:v>
                </c:pt>
                <c:pt idx="3">
                  <c:v>11200</c:v>
                </c:pt>
                <c:pt idx="6">
                  <c:v>10765</c:v>
                </c:pt>
                <c:pt idx="9">
                  <c:v>9669</c:v>
                </c:pt>
                <c:pt idx="12">
                  <c:v>8325</c:v>
                </c:pt>
              </c:numCache>
            </c:numRef>
          </c:val>
          <c:extLst>
            <c:ext xmlns:c16="http://schemas.microsoft.com/office/drawing/2014/chart" uri="{C3380CC4-5D6E-409C-BE32-E72D297353CC}">
              <c16:uniqueId val="{00000008-2CCF-478B-B5EC-DD61120B0BC0}"/>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5:$P$65</c:f>
              <c:numCache>
                <c:formatCode>General</c:formatCode>
                <c:ptCount val="15"/>
                <c:pt idx="0">
                  <c:v>5345</c:v>
                </c:pt>
                <c:pt idx="3">
                  <c:v>4925</c:v>
                </c:pt>
                <c:pt idx="6">
                  <c:v>4505</c:v>
                </c:pt>
                <c:pt idx="9">
                  <c:v>4085</c:v>
                </c:pt>
                <c:pt idx="12">
                  <c:v>3664</c:v>
                </c:pt>
              </c:numCache>
            </c:numRef>
          </c:val>
          <c:extLst>
            <c:ext xmlns:c16="http://schemas.microsoft.com/office/drawing/2014/chart" uri="{C3380CC4-5D6E-409C-BE32-E72D297353CC}">
              <c16:uniqueId val="{00000009-2CCF-478B-B5EC-DD61120B0BC0}"/>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6:$P$66</c:f>
              <c:numCache>
                <c:formatCode>General</c:formatCode>
                <c:ptCount val="15"/>
                <c:pt idx="0">
                  <c:v>25012</c:v>
                </c:pt>
                <c:pt idx="3">
                  <c:v>23483</c:v>
                </c:pt>
                <c:pt idx="6">
                  <c:v>23551</c:v>
                </c:pt>
                <c:pt idx="9">
                  <c:v>23073</c:v>
                </c:pt>
                <c:pt idx="12">
                  <c:v>22403</c:v>
                </c:pt>
              </c:numCache>
            </c:numRef>
          </c:val>
          <c:extLst>
            <c:ext xmlns:c16="http://schemas.microsoft.com/office/drawing/2014/chart" uri="{C3380CC4-5D6E-409C-BE32-E72D297353CC}">
              <c16:uniqueId val="{0000000A-2CCF-478B-B5EC-DD61120B0BC0}"/>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9</c:v>
                  </c:pt>
                  <c:pt idx="3">
                    <c:v>H30</c:v>
                  </c:pt>
                  <c:pt idx="6">
                    <c:v>R01</c:v>
                  </c:pt>
                  <c:pt idx="9">
                    <c:v>R02</c:v>
                  </c:pt>
                  <c:pt idx="12">
                    <c:v>R03</c:v>
                  </c:pt>
                </c:lvl>
              </c:multiLvlStrCache>
            </c:multiLvlStrRef>
          </c:cat>
          <c:val>
            <c:numRef>
              <c:f>データシート!$B$67:$P$67</c:f>
              <c:numCache>
                <c:formatCode>General</c:formatCode>
                <c:ptCount val="15"/>
                <c:pt idx="0">
                  <c:v>#N/A</c:v>
                </c:pt>
                <c:pt idx="1">
                  <c:v>13891</c:v>
                </c:pt>
                <c:pt idx="2">
                  <c:v>#N/A</c:v>
                </c:pt>
                <c:pt idx="3">
                  <c:v>#N/A</c:v>
                </c:pt>
                <c:pt idx="4">
                  <c:v>11164</c:v>
                </c:pt>
                <c:pt idx="5">
                  <c:v>#N/A</c:v>
                </c:pt>
                <c:pt idx="6">
                  <c:v>#N/A</c:v>
                </c:pt>
                <c:pt idx="7">
                  <c:v>11230</c:v>
                </c:pt>
                <c:pt idx="8">
                  <c:v>#N/A</c:v>
                </c:pt>
                <c:pt idx="9">
                  <c:v>#N/A</c:v>
                </c:pt>
                <c:pt idx="10">
                  <c:v>10492</c:v>
                </c:pt>
                <c:pt idx="11">
                  <c:v>#N/A</c:v>
                </c:pt>
                <c:pt idx="12">
                  <c:v>#N/A</c:v>
                </c:pt>
                <c:pt idx="13">
                  <c:v>7991</c:v>
                </c:pt>
                <c:pt idx="14">
                  <c:v>#N/A</c:v>
                </c:pt>
              </c:numCache>
            </c:numRef>
          </c:val>
          <c:smooth val="0"/>
          <c:extLst>
            <c:ext xmlns:c16="http://schemas.microsoft.com/office/drawing/2014/chart" uri="{C3380CC4-5D6E-409C-BE32-E72D297353CC}">
              <c16:uniqueId val="{0000000B-2CCF-478B-B5EC-DD61120B0BC0}"/>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2:$D$72</c:f>
              <c:numCache>
                <c:formatCode>#,##0;"▲ "#,##0</c:formatCode>
                <c:ptCount val="3"/>
                <c:pt idx="0">
                  <c:v>1536</c:v>
                </c:pt>
                <c:pt idx="1">
                  <c:v>1142</c:v>
                </c:pt>
                <c:pt idx="2">
                  <c:v>1726</c:v>
                </c:pt>
              </c:numCache>
            </c:numRef>
          </c:val>
          <c:extLst>
            <c:ext xmlns:c16="http://schemas.microsoft.com/office/drawing/2014/chart" uri="{C3380CC4-5D6E-409C-BE32-E72D297353CC}">
              <c16:uniqueId val="{00000000-44C2-4054-86DD-874217582079}"/>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1</c:v>
                </c:pt>
                <c:pt idx="1">
                  <c:v>R02</c:v>
                </c:pt>
                <c:pt idx="2">
                  <c:v>R03</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44C2-4054-86DD-874217582079}"/>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1</c:v>
                </c:pt>
                <c:pt idx="1">
                  <c:v>R02</c:v>
                </c:pt>
                <c:pt idx="2">
                  <c:v>R03</c:v>
                </c:pt>
              </c:strCache>
            </c:strRef>
          </c:cat>
          <c:val>
            <c:numRef>
              <c:f>データシート!$B$74:$D$74</c:f>
              <c:numCache>
                <c:formatCode>#,##0;"▲ "#,##0</c:formatCode>
                <c:ptCount val="3"/>
                <c:pt idx="0">
                  <c:v>682</c:v>
                </c:pt>
                <c:pt idx="1">
                  <c:v>616</c:v>
                </c:pt>
                <c:pt idx="2">
                  <c:v>636</c:v>
                </c:pt>
              </c:numCache>
            </c:numRef>
          </c:val>
          <c:extLst>
            <c:ext xmlns:c16="http://schemas.microsoft.com/office/drawing/2014/chart" uri="{C3380CC4-5D6E-409C-BE32-E72D297353CC}">
              <c16:uniqueId val="{00000002-44C2-4054-86DD-874217582079}"/>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F5607E7A-4C3E-4318-A14B-43001766BADF}</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0-5113-4215-8857-F9CC6E5E16AD}"/>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E581357-840B-4072-BB23-79FED8998538}</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5113-4215-8857-F9CC6E5E16AD}"/>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E4265DE-3D3D-44A1-95CC-709D083B2FA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5113-4215-8857-F9CC6E5E16AD}"/>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F34C5F7-C455-46EF-BED6-19E63BBA5E4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5113-4215-8857-F9CC6E5E16AD}"/>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9301414-4745-4D96-9501-21078613A37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5113-4215-8857-F9CC6E5E16AD}"/>
                </c:ext>
              </c:extLst>
            </c:dLbl>
            <c:dLbl>
              <c:idx val="8"/>
              <c:layout>
                <c:manualLayout>
                  <c:x val="0"/>
                  <c:y val="-1.9299868458024682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E3F4796-6E03-42ED-ADB0-A551D9574522}</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5-5113-4215-8857-F9CC6E5E16AD}"/>
                </c:ext>
              </c:extLst>
            </c:dLbl>
            <c:dLbl>
              <c:idx val="16"/>
              <c:layout>
                <c:manualLayout>
                  <c:x val="0"/>
                  <c:y val="1.9299868458024682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A17B13A-85C5-4933-9053-5DF2621BCFE3}</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06-5113-4215-8857-F9CC6E5E16AD}"/>
                </c:ext>
              </c:extLst>
            </c:dLbl>
            <c:dLbl>
              <c:idx val="24"/>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1F44BE0-1F2B-4049-936F-54A91A6200E0}</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07-5113-4215-8857-F9CC6E5E16AD}"/>
                </c:ext>
              </c:extLst>
            </c:dLbl>
            <c:dLbl>
              <c:idx val="32"/>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2731356-489B-4B47-9261-9E9ABE11872B}</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08-5113-4215-8857-F9CC6E5E16AD}"/>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9.8</c:v>
                </c:pt>
                <c:pt idx="8">
                  <c:v>71.5</c:v>
                </c:pt>
                <c:pt idx="16">
                  <c:v>71.900000000000006</c:v>
                </c:pt>
                <c:pt idx="24">
                  <c:v>73.2</c:v>
                </c:pt>
                <c:pt idx="32">
                  <c:v>74.400000000000006</c:v>
                </c:pt>
              </c:numCache>
            </c:numRef>
          </c:xVal>
          <c:yVal>
            <c:numRef>
              <c:f>公会計指標分析・財政指標組合せ分析表!$BP$51:$DC$51</c:f>
              <c:numCache>
                <c:formatCode>#,##0.0;"▲ "#,##0.0</c:formatCode>
                <c:ptCount val="40"/>
                <c:pt idx="0">
                  <c:v>81.900000000000006</c:v>
                </c:pt>
                <c:pt idx="8">
                  <c:v>64.7</c:v>
                </c:pt>
                <c:pt idx="16">
                  <c:v>64.8</c:v>
                </c:pt>
                <c:pt idx="24">
                  <c:v>59.3</c:v>
                </c:pt>
                <c:pt idx="32">
                  <c:v>42.4</c:v>
                </c:pt>
              </c:numCache>
            </c:numRef>
          </c:yVal>
          <c:smooth val="0"/>
          <c:extLst>
            <c:ext xmlns:c16="http://schemas.microsoft.com/office/drawing/2014/chart" uri="{C3380CC4-5D6E-409C-BE32-E72D297353CC}">
              <c16:uniqueId val="{00000009-5113-4215-8857-F9CC6E5E16AD}"/>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8FFD0FC2-6EFD-41F7-B4AB-CFA63A807307}</c15:txfldGUID>
                      <c15:f>公会計指標分析・財政指標組合せ分析表!$BP$50</c15:f>
                      <c15:dlblFieldTableCache>
                        <c:ptCount val="1"/>
                        <c:pt idx="0">
                          <c:v>H29</c:v>
                        </c:pt>
                      </c15:dlblFieldTableCache>
                    </c15:dlblFTEntry>
                  </c15:dlblFieldTable>
                  <c15:showDataLabelsRange val="0"/>
                </c:ext>
                <c:ext xmlns:c16="http://schemas.microsoft.com/office/drawing/2014/chart" uri="{C3380CC4-5D6E-409C-BE32-E72D297353CC}">
                  <c16:uniqueId val="{0000000A-5113-4215-8857-F9CC6E5E16AD}"/>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B245550-FFE6-44B1-B6D9-9DE326822DF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5113-4215-8857-F9CC6E5E16AD}"/>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3F8CF538-FC4E-4603-8623-27C2002C5C5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5113-4215-8857-F9CC6E5E16AD}"/>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C221222-20E2-41A9-9887-090CF1A5605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5113-4215-8857-F9CC6E5E16AD}"/>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9B2CE4D2-19BB-423E-9F20-A225D4C22A9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5113-4215-8857-F9CC6E5E16AD}"/>
                </c:ext>
              </c:extLst>
            </c:dLbl>
            <c:dLbl>
              <c:idx val="8"/>
              <c:layout>
                <c:manualLayout>
                  <c:x val="-3.1294530228207364E-2"/>
                  <c:y val="-6.4739042105865174E-2"/>
                </c:manualLayout>
              </c:layout>
              <c:tx>
                <c:strRef>
                  <c:f>公会計指標分析・財政指標組合せ分析表!$BX$50</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A9BC6D26-C278-43AE-8B6E-62A19342A989}</c15:txfldGUID>
                      <c15:f>公会計指標分析・財政指標組合せ分析表!$BX$50</c15:f>
                      <c15:dlblFieldTableCache>
                        <c:ptCount val="1"/>
                        <c:pt idx="0">
                          <c:v>H30</c:v>
                        </c:pt>
                      </c15:dlblFieldTableCache>
                    </c15:dlblFTEntry>
                  </c15:dlblFieldTable>
                  <c15:showDataLabelsRange val="0"/>
                </c:ext>
                <c:ext xmlns:c16="http://schemas.microsoft.com/office/drawing/2014/chart" uri="{C3380CC4-5D6E-409C-BE32-E72D297353CC}">
                  <c16:uniqueId val="{0000000F-5113-4215-8857-F9CC6E5E16AD}"/>
                </c:ext>
              </c:extLst>
            </c:dLbl>
            <c:dLbl>
              <c:idx val="16"/>
              <c:layout>
                <c:manualLayout>
                  <c:x val="-3.28664208915991E-2"/>
                  <c:y val="-4.2820234374195201E-2"/>
                </c:manualLayout>
              </c:layout>
              <c:tx>
                <c:strRef>
                  <c:f>公会計指標分析・財政指標組合せ分析表!$CF$50</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718ED6D2-717B-4ACB-AE23-3DFA7F95BDBA}</c15:txfldGUID>
                      <c15:f>公会計指標分析・財政指標組合せ分析表!$CF$50</c15:f>
                      <c15:dlblFieldTableCache>
                        <c:ptCount val="1"/>
                        <c:pt idx="0">
                          <c:v>R01</c:v>
                        </c:pt>
                      </c15:dlblFieldTableCache>
                    </c15:dlblFTEntry>
                  </c15:dlblFieldTable>
                  <c15:showDataLabelsRange val="0"/>
                </c:ext>
                <c:ext xmlns:c16="http://schemas.microsoft.com/office/drawing/2014/chart" uri="{C3380CC4-5D6E-409C-BE32-E72D297353CC}">
                  <c16:uniqueId val="{00000010-5113-4215-8857-F9CC6E5E16AD}"/>
                </c:ext>
              </c:extLst>
            </c:dLbl>
            <c:dLbl>
              <c:idx val="24"/>
              <c:layout>
                <c:manualLayout>
                  <c:x val="-3.2015750650234161E-2"/>
                  <c:y val="-6.8741783066927978E-2"/>
                </c:manualLayout>
              </c:layout>
              <c:tx>
                <c:strRef>
                  <c:f>公会計指標分析・財政指標組合せ分析表!$CN$50</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2411BF8-7B9D-4758-947D-7A086C25FA85}</c15:txfldGUID>
                      <c15:f>公会計指標分析・財政指標組合せ分析表!$CN$50</c15:f>
                      <c15:dlblFieldTableCache>
                        <c:ptCount val="1"/>
                        <c:pt idx="0">
                          <c:v>R02</c:v>
                        </c:pt>
                      </c15:dlblFieldTableCache>
                    </c15:dlblFTEntry>
                  </c15:dlblFieldTable>
                  <c15:showDataLabelsRange val="0"/>
                </c:ext>
                <c:ext xmlns:c16="http://schemas.microsoft.com/office/drawing/2014/chart" uri="{C3380CC4-5D6E-409C-BE32-E72D297353CC}">
                  <c16:uniqueId val="{00000011-5113-4215-8857-F9CC6E5E16AD}"/>
                </c:ext>
              </c:extLst>
            </c:dLbl>
            <c:dLbl>
              <c:idx val="32"/>
              <c:layout>
                <c:manualLayout>
                  <c:x val="-3.2015750650234161E-2"/>
                  <c:y val="-8.26551088764724E-2"/>
                </c:manualLayout>
              </c:layout>
              <c:tx>
                <c:strRef>
                  <c:f>公会計指標分析・財政指標組合せ分析表!$CV$50</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B3056C5-67ED-4351-B6F9-25262625B321}</c15:txfldGUID>
                      <c15:f>公会計指標分析・財政指標組合せ分析表!$CV$50</c15:f>
                      <c15:dlblFieldTableCache>
                        <c:ptCount val="1"/>
                        <c:pt idx="0">
                          <c:v>R03</c:v>
                        </c:pt>
                      </c15:dlblFieldTableCache>
                    </c15:dlblFTEntry>
                  </c15:dlblFieldTable>
                  <c15:showDataLabelsRange val="0"/>
                </c:ext>
                <c:ext xmlns:c16="http://schemas.microsoft.com/office/drawing/2014/chart" uri="{C3380CC4-5D6E-409C-BE32-E72D297353CC}">
                  <c16:uniqueId val="{00000012-5113-4215-8857-F9CC6E5E16AD}"/>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61.2</c:v>
                </c:pt>
                <c:pt idx="8">
                  <c:v>61.6</c:v>
                </c:pt>
                <c:pt idx="16">
                  <c:v>62.5</c:v>
                </c:pt>
                <c:pt idx="24">
                  <c:v>63.1</c:v>
                </c:pt>
                <c:pt idx="32">
                  <c:v>63</c:v>
                </c:pt>
              </c:numCache>
            </c:numRef>
          </c:xVal>
          <c:yVal>
            <c:numRef>
              <c:f>公会計指標分析・財政指標組合せ分析表!$BP$55:$DC$55</c:f>
              <c:numCache>
                <c:formatCode>#,##0.0;"▲ "#,##0.0</c:formatCode>
                <c:ptCount val="40"/>
                <c:pt idx="0">
                  <c:v>12.2</c:v>
                </c:pt>
                <c:pt idx="8">
                  <c:v>5</c:v>
                </c:pt>
                <c:pt idx="16">
                  <c:v>5.4</c:v>
                </c:pt>
                <c:pt idx="24">
                  <c:v>3.9</c:v>
                </c:pt>
                <c:pt idx="32">
                  <c:v>0</c:v>
                </c:pt>
              </c:numCache>
            </c:numRef>
          </c:yVal>
          <c:smooth val="0"/>
          <c:extLst>
            <c:ext xmlns:c16="http://schemas.microsoft.com/office/drawing/2014/chart" uri="{C3380CC4-5D6E-409C-BE32-E72D297353CC}">
              <c16:uniqueId val="{00000013-5113-4215-8857-F9CC6E5E16AD}"/>
            </c:ext>
          </c:extLst>
        </c:ser>
        <c:dLbls>
          <c:showLegendKey val="0"/>
          <c:showVal val="1"/>
          <c:showCatName val="0"/>
          <c:showSerName val="0"/>
          <c:showPercent val="0"/>
          <c:showBubbleSize val="0"/>
        </c:dLbls>
        <c:axId val="46179840"/>
        <c:axId val="46181760"/>
      </c:scatterChart>
      <c:valAx>
        <c:axId val="46179840"/>
        <c:scaling>
          <c:orientation val="maxMin"/>
          <c:max val="80"/>
          <c:min val="50"/>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majorUnit val="20"/>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951CE28E-418D-4209-9247-BE925F70860A}</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0-614B-4899-9F97-B275691FC336}"/>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8E90494-E35C-4D72-B2FF-56C097FB5D5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614B-4899-9F97-B275691FC336}"/>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7386FFBA-FA04-4BF8-A941-059A6D4D029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614B-4899-9F97-B275691FC336}"/>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56449251-6D4C-44D9-AE72-6ACE13B133F2}</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614B-4899-9F97-B275691FC336}"/>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B1D03DB8-77E6-4FFE-9C63-79FE997CACE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614B-4899-9F97-B275691FC336}"/>
                </c:ext>
              </c:extLst>
            </c:dLbl>
            <c:dLbl>
              <c:idx val="8"/>
              <c:layout>
                <c:manualLayout>
                  <c:x val="0"/>
                  <c:y val="-1.1414939444772931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719DE00-129D-44C1-9680-04546F6D29F5}</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5-614B-4899-9F97-B275691FC336}"/>
                </c:ext>
              </c:extLst>
            </c:dLbl>
            <c:dLbl>
              <c:idx val="16"/>
              <c:layout>
                <c:manualLayout>
                  <c:x val="0"/>
                  <c:y val="2.5610021734261076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3E1B30F6-78A5-4200-92C3-9F419E7C5A94}</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06-614B-4899-9F97-B275691FC336}"/>
                </c:ext>
              </c:extLst>
            </c:dLbl>
            <c:dLbl>
              <c:idx val="24"/>
              <c:layout>
                <c:manualLayout>
                  <c:x val="0"/>
                  <c:y val="-1.4195253533273011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028D4AC4-A63E-4F8C-AC9D-83B678FB38DA}</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07-614B-4899-9F97-B275691FC336}"/>
                </c:ext>
              </c:extLst>
            </c:dLbl>
            <c:dLbl>
              <c:idx val="32"/>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E7F224FF-3BCE-45D1-8AEF-A349B683214B}</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08-614B-4899-9F97-B275691FC336}"/>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7.3</c:v>
                </c:pt>
                <c:pt idx="8">
                  <c:v>7.3</c:v>
                </c:pt>
                <c:pt idx="16">
                  <c:v>7.4</c:v>
                </c:pt>
                <c:pt idx="24">
                  <c:v>7.3</c:v>
                </c:pt>
                <c:pt idx="32">
                  <c:v>7.5</c:v>
                </c:pt>
              </c:numCache>
            </c:numRef>
          </c:xVal>
          <c:yVal>
            <c:numRef>
              <c:f>公会計指標分析・財政指標組合せ分析表!$BP$73:$DC$73</c:f>
              <c:numCache>
                <c:formatCode>#,##0.0;"▲ "#,##0.0</c:formatCode>
                <c:ptCount val="40"/>
                <c:pt idx="0">
                  <c:v>81.900000000000006</c:v>
                </c:pt>
                <c:pt idx="8">
                  <c:v>64.7</c:v>
                </c:pt>
                <c:pt idx="16">
                  <c:v>64.8</c:v>
                </c:pt>
                <c:pt idx="24">
                  <c:v>59.3</c:v>
                </c:pt>
                <c:pt idx="32">
                  <c:v>42.4</c:v>
                </c:pt>
              </c:numCache>
            </c:numRef>
          </c:yVal>
          <c:smooth val="0"/>
          <c:extLst>
            <c:ext xmlns:c16="http://schemas.microsoft.com/office/drawing/2014/chart" uri="{C3380CC4-5D6E-409C-BE32-E72D297353CC}">
              <c16:uniqueId val="{00000009-614B-4899-9F97-B275691FC336}"/>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9</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C0EF21E4-A7DA-47AB-94BC-FF8980370D8A}</c15:txfldGUID>
                      <c15:f>公会計指標分析・財政指標組合せ分析表!$BP$72</c15:f>
                      <c15:dlblFieldTableCache>
                        <c:ptCount val="1"/>
                        <c:pt idx="0">
                          <c:v>H29</c:v>
                        </c:pt>
                      </c15:dlblFieldTableCache>
                    </c15:dlblFTEntry>
                  </c15:dlblFieldTable>
                  <c15:showDataLabelsRange val="0"/>
                </c:ext>
                <c:ext xmlns:c16="http://schemas.microsoft.com/office/drawing/2014/chart" uri="{C3380CC4-5D6E-409C-BE32-E72D297353CC}">
                  <c16:uniqueId val="{0000000A-614B-4899-9F97-B275691FC336}"/>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68C81FB1-EE59-4972-9613-7105FE3D315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614B-4899-9F97-B275691FC336}"/>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6550D545-73B9-4303-9D44-5F7A7AE105E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614B-4899-9F97-B275691FC336}"/>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FD323864-CBF7-4819-B096-F943AB98B66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614B-4899-9F97-B275691FC336}"/>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D584968E-3A44-409E-8A51-28BF0F21799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614B-4899-9F97-B275691FC336}"/>
                </c:ext>
              </c:extLst>
            </c:dLbl>
            <c:dLbl>
              <c:idx val="8"/>
              <c:layout>
                <c:manualLayout>
                  <c:x val="-4.509653070695388E-2"/>
                  <c:y val="-6.0423026946236989E-2"/>
                </c:manualLayout>
              </c:layout>
              <c:tx>
                <c:strRef>
                  <c:f>公会計指標分析・財政指標組合せ分析表!$BX$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B3230CD6-757F-4F9E-8F2C-0EE036FF9722}</c15:txfldGUID>
                      <c15:f>公会計指標分析・財政指標組合せ分析表!$BX$72</c15:f>
                      <c15:dlblFieldTableCache>
                        <c:ptCount val="1"/>
                        <c:pt idx="0">
                          <c:v>H30</c:v>
                        </c:pt>
                      </c15:dlblFieldTableCache>
                    </c15:dlblFTEntry>
                  </c15:dlblFieldTable>
                  <c15:showDataLabelsRange val="0"/>
                </c:ext>
                <c:ext xmlns:c16="http://schemas.microsoft.com/office/drawing/2014/chart" uri="{C3380CC4-5D6E-409C-BE32-E72D297353CC}">
                  <c16:uniqueId val="{0000000F-614B-4899-9F97-B275691FC336}"/>
                </c:ext>
              </c:extLst>
            </c:dLbl>
            <c:dLbl>
              <c:idx val="16"/>
              <c:layout>
                <c:manualLayout>
                  <c:x val="-4.4905057365901307E-2"/>
                  <c:y val="-6.1026490043543873E-2"/>
                </c:manualLayout>
              </c:layout>
              <c:tx>
                <c:strRef>
                  <c:f>公会計指標分析・財政指標組合せ分析表!$CF$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609FA805-AB21-4351-AE4F-F6637FBCE0CD}</c15:txfldGUID>
                      <c15:f>公会計指標分析・財政指標組合せ分析表!$CF$72</c15:f>
                      <c15:dlblFieldTableCache>
                        <c:ptCount val="1"/>
                        <c:pt idx="0">
                          <c:v>R01</c:v>
                        </c:pt>
                      </c15:dlblFieldTableCache>
                    </c15:dlblFTEntry>
                  </c15:dlblFieldTable>
                  <c15:showDataLabelsRange val="0"/>
                </c:ext>
                <c:ext xmlns:c16="http://schemas.microsoft.com/office/drawing/2014/chart" uri="{C3380CC4-5D6E-409C-BE32-E72D297353CC}">
                  <c16:uniqueId val="{00000010-614B-4899-9F97-B275691FC336}"/>
                </c:ext>
              </c:extLst>
            </c:dLbl>
            <c:dLbl>
              <c:idx val="24"/>
              <c:layout>
                <c:manualLayout>
                  <c:x val="-1.8235628084249993E-2"/>
                  <c:y val="-6.2416647087793951E-2"/>
                </c:manualLayout>
              </c:layout>
              <c:tx>
                <c:strRef>
                  <c:f>公会計指標分析・財政指標組合せ分析表!$CN$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DF0294B3-AC51-4FF3-B318-BE5C92C2295F}</c15:txfldGUID>
                      <c15:f>公会計指標分析・財政指標組合せ分析表!$CN$72</c15:f>
                      <c15:dlblFieldTableCache>
                        <c:ptCount val="1"/>
                        <c:pt idx="0">
                          <c:v>R02</c:v>
                        </c:pt>
                      </c15:dlblFieldTableCache>
                    </c15:dlblFTEntry>
                  </c15:dlblFieldTable>
                  <c15:showDataLabelsRange val="0"/>
                </c:ext>
                <c:ext xmlns:c16="http://schemas.microsoft.com/office/drawing/2014/chart" uri="{C3380CC4-5D6E-409C-BE32-E72D297353CC}">
                  <c16:uniqueId val="{00000011-614B-4899-9F97-B275691FC336}"/>
                </c:ext>
              </c:extLst>
            </c:dLbl>
            <c:dLbl>
              <c:idx val="32"/>
              <c:layout>
                <c:manualLayout>
                  <c:x val="-1.8171803637232468E-2"/>
                  <c:y val="-6.5800424273600985E-2"/>
                </c:manualLayout>
              </c:layout>
              <c:tx>
                <c:strRef>
                  <c:f>公会計指標分析・財政指標組合せ分析表!$CV$72</c:f>
                  <c:strCache>
                    <c:ptCount val="1"/>
                    <c:pt idx="0">
                      <c:v>R03</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41F24531-47E9-4D55-8B18-6800B153E1A0}</c15:txfldGUID>
                      <c15:f>公会計指標分析・財政指標組合せ分析表!$CV$72</c15:f>
                      <c15:dlblFieldTableCache>
                        <c:ptCount val="1"/>
                        <c:pt idx="0">
                          <c:v>R03</c:v>
                        </c:pt>
                      </c15:dlblFieldTableCache>
                    </c15:dlblFTEntry>
                  </c15:dlblFieldTable>
                  <c15:showDataLabelsRange val="0"/>
                </c:ext>
                <c:ext xmlns:c16="http://schemas.microsoft.com/office/drawing/2014/chart" uri="{C3380CC4-5D6E-409C-BE32-E72D297353CC}">
                  <c16:uniqueId val="{00000012-614B-4899-9F97-B275691FC336}"/>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4.8</c:v>
                </c:pt>
                <c:pt idx="8">
                  <c:v>4.5</c:v>
                </c:pt>
                <c:pt idx="16">
                  <c:v>4.2</c:v>
                </c:pt>
                <c:pt idx="24">
                  <c:v>4.2</c:v>
                </c:pt>
                <c:pt idx="32">
                  <c:v>4.5</c:v>
                </c:pt>
              </c:numCache>
            </c:numRef>
          </c:xVal>
          <c:yVal>
            <c:numRef>
              <c:f>公会計指標分析・財政指標組合せ分析表!$BP$77:$DC$77</c:f>
              <c:numCache>
                <c:formatCode>#,##0.0;"▲ "#,##0.0</c:formatCode>
                <c:ptCount val="40"/>
                <c:pt idx="0">
                  <c:v>12.2</c:v>
                </c:pt>
                <c:pt idx="8">
                  <c:v>5</c:v>
                </c:pt>
                <c:pt idx="16">
                  <c:v>5.4</c:v>
                </c:pt>
                <c:pt idx="24">
                  <c:v>3.9</c:v>
                </c:pt>
                <c:pt idx="32">
                  <c:v>0</c:v>
                </c:pt>
              </c:numCache>
            </c:numRef>
          </c:yVal>
          <c:smooth val="0"/>
          <c:extLst>
            <c:ext xmlns:c16="http://schemas.microsoft.com/office/drawing/2014/chart" uri="{C3380CC4-5D6E-409C-BE32-E72D297353CC}">
              <c16:uniqueId val="{00000013-614B-4899-9F97-B275691FC336}"/>
            </c:ext>
          </c:extLst>
        </c:ser>
        <c:dLbls>
          <c:showLegendKey val="0"/>
          <c:showVal val="1"/>
          <c:showCatName val="0"/>
          <c:showSerName val="0"/>
          <c:showPercent val="0"/>
          <c:showBubbleSize val="0"/>
        </c:dLbls>
        <c:axId val="84219776"/>
        <c:axId val="84234240"/>
      </c:scatterChart>
      <c:valAx>
        <c:axId val="84219776"/>
        <c:scaling>
          <c:orientation val="maxMin"/>
          <c:max val="8"/>
          <c:min val="3"/>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0"/>
          <c:min val="-2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majorUnit val="20"/>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196013" y="4460557"/>
          <a:ext cx="369570" cy="29527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252460" y="5667375"/>
          <a:ext cx="123825" cy="382905"/>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元利償還金</a:t>
          </a:r>
          <a:r>
            <a:rPr kumimoji="1" lang="en-US" altLang="ja-JP" sz="1200">
              <a:latin typeface="ＭＳ ゴシック" pitchFamily="49" charset="-128"/>
              <a:ea typeface="ＭＳ ゴシック" pitchFamily="49" charset="-128"/>
            </a:rPr>
            <a:t>】</a:t>
          </a:r>
        </a:p>
        <a:p>
          <a:r>
            <a:rPr kumimoji="1" lang="ja-JP" altLang="en-US" sz="1200">
              <a:latin typeface="ＭＳ ゴシック" pitchFamily="49" charset="-128"/>
              <a:ea typeface="ＭＳ ゴシック" pitchFamily="49" charset="-128"/>
            </a:rPr>
            <a:t>令和元年度に執行した小中学校におけるエアコン設置に伴う借入の償還が始まったことが主な要因となり、令和３年度は増加に転じた。</a:t>
          </a:r>
          <a:endParaRPr kumimoji="1" lang="en-US" altLang="ja-JP" sz="1200">
            <a:latin typeface="ＭＳ ゴシック" pitchFamily="49" charset="-128"/>
            <a:ea typeface="ＭＳ ゴシック" pitchFamily="49" charset="-128"/>
          </a:endParaRPr>
        </a:p>
        <a:p>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組合等が起こした地方債の元利償還金に対する負担等</a:t>
          </a:r>
          <a:r>
            <a:rPr kumimoji="1" lang="en-US" altLang="ja-JP" sz="1200">
              <a:latin typeface="ＭＳ ゴシック" pitchFamily="49" charset="-128"/>
              <a:ea typeface="ＭＳ ゴシック" pitchFamily="49" charset="-128"/>
            </a:rPr>
            <a:t>】</a:t>
          </a:r>
        </a:p>
        <a:p>
          <a:r>
            <a:rPr kumimoji="1" lang="ja-JP" altLang="en-US" sz="1200">
              <a:latin typeface="ＭＳ ゴシック" pitchFamily="49" charset="-128"/>
              <a:ea typeface="ＭＳ ゴシック" pitchFamily="49" charset="-128"/>
            </a:rPr>
            <a:t>令和元年度から償還を開始している、斎場の増改築に係る組合債の償還金が増加したことにより、負担金等が増加した。</a:t>
          </a:r>
          <a:endParaRPr kumimoji="1" lang="en-US" altLang="ja-JP" sz="1200">
            <a:latin typeface="ＭＳ ゴシック" pitchFamily="49" charset="-128"/>
            <a:ea typeface="ＭＳ ゴシック" pitchFamily="49" charset="-128"/>
          </a:endParaRPr>
        </a:p>
        <a:p>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債務負担行為に基づく支出額</a:t>
          </a:r>
          <a:r>
            <a:rPr kumimoji="1" lang="en-US" altLang="ja-JP" sz="1200">
              <a:latin typeface="ＭＳ ゴシック" pitchFamily="49" charset="-128"/>
              <a:ea typeface="ＭＳ ゴシック" pitchFamily="49" charset="-128"/>
            </a:rPr>
            <a:t>】</a:t>
          </a:r>
        </a:p>
        <a:p>
          <a:r>
            <a:rPr kumimoji="1" lang="ja-JP" altLang="en-US" sz="1200">
              <a:latin typeface="ＭＳ ゴシック" pitchFamily="49" charset="-128"/>
              <a:ea typeface="ＭＳ ゴシック" pitchFamily="49" charset="-128"/>
            </a:rPr>
            <a:t>事業公社経営健全化計画</a:t>
          </a:r>
          <a:r>
            <a:rPr kumimoji="1" lang="en-US" altLang="ja-JP" sz="1200">
              <a:latin typeface="ＭＳ ゴシック" pitchFamily="49" charset="-128"/>
              <a:ea typeface="ＭＳ ゴシック" pitchFamily="49" charset="-128"/>
            </a:rPr>
            <a:t>(H24</a:t>
          </a:r>
          <a:r>
            <a:rPr kumimoji="1" lang="ja-JP" altLang="en-US" sz="1200">
              <a:latin typeface="ＭＳ ゴシック" pitchFamily="49" charset="-128"/>
              <a:ea typeface="ＭＳ ゴシック" pitchFamily="49" charset="-128"/>
            </a:rPr>
            <a:t>～</a:t>
          </a:r>
          <a:r>
            <a:rPr kumimoji="1" lang="en-US" altLang="ja-JP" sz="1200">
              <a:latin typeface="ＭＳ ゴシック" pitchFamily="49" charset="-128"/>
              <a:ea typeface="ＭＳ ゴシック" pitchFamily="49" charset="-128"/>
            </a:rPr>
            <a:t>R7)</a:t>
          </a:r>
          <a:r>
            <a:rPr kumimoji="1" lang="ja-JP" altLang="en-US" sz="1200">
              <a:latin typeface="ＭＳ ゴシック" pitchFamily="49" charset="-128"/>
              <a:ea typeface="ＭＳ ゴシック" pitchFamily="49" charset="-128"/>
            </a:rPr>
            <a:t>に基づき、長期債務の解消に取り組んでいる。令和３年度は前年度と比較して４百万円減となっ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減債基金</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積</a:t>
          </a:r>
          <a:r>
            <a:rPr kumimoji="1" lang="ja-JP" altLang="en-US" sz="1100">
              <a:solidFill>
                <a:schemeClr val="dk1"/>
              </a:solidFill>
              <a:effectLst/>
              <a:latin typeface="+mn-lt"/>
              <a:ea typeface="+mn-ea"/>
              <a:cs typeface="+mn-cs"/>
            </a:rPr>
            <a:t>み</a:t>
          </a:r>
          <a:r>
            <a:rPr kumimoji="1" lang="ja-JP" altLang="ja-JP" sz="1100">
              <a:solidFill>
                <a:schemeClr val="dk1"/>
              </a:solidFill>
              <a:effectLst/>
              <a:latin typeface="+mn-lt"/>
              <a:ea typeface="+mn-ea"/>
              <a:cs typeface="+mn-cs"/>
            </a:rPr>
            <a:t>立</a:t>
          </a:r>
          <a:r>
            <a:rPr kumimoji="1" lang="ja-JP" altLang="en-US" sz="1100">
              <a:solidFill>
                <a:schemeClr val="dk1"/>
              </a:solidFill>
              <a:effectLst/>
              <a:latin typeface="+mn-lt"/>
              <a:ea typeface="+mn-ea"/>
              <a:cs typeface="+mn-cs"/>
            </a:rPr>
            <a:t>てていない。</a:t>
          </a:r>
          <a:endParaRPr lang="ja-JP" altLang="ja-JP" sz="1000">
            <a:effectLst/>
          </a:endParaRP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一般会計等に係る地方債の現在高</a:t>
          </a:r>
          <a:r>
            <a:rPr kumimoji="1" lang="en-US" altLang="ja-JP" sz="1400">
              <a:latin typeface="ＭＳ ゴシック" pitchFamily="49" charset="-128"/>
              <a:ea typeface="ＭＳ ゴシック" pitchFamily="49" charset="-128"/>
            </a:rPr>
            <a:t>】</a:t>
          </a:r>
        </a:p>
        <a:p>
          <a:r>
            <a:rPr kumimoji="1" lang="ja-JP" altLang="en-US" sz="1400">
              <a:latin typeface="ＭＳ ゴシック" pitchFamily="49" charset="-128"/>
              <a:ea typeface="ＭＳ ゴシック" pitchFamily="49" charset="-128"/>
            </a:rPr>
            <a:t>令和３年度は起債の償還が進んだこと及び新規借入の抑制等により、令和２年度に引き続き減少した。公共施設の老朽化に伴う設備改修等が見込まれるため、慎重な財政運営に努める。</a:t>
          </a:r>
          <a:endParaRPr kumimoji="1" lang="en-US" altLang="ja-JP" sz="1400">
            <a:latin typeface="ＭＳ ゴシック" pitchFamily="49" charset="-128"/>
            <a:ea typeface="ＭＳ ゴシック" pitchFamily="49" charset="-128"/>
          </a:endParaRPr>
        </a:p>
        <a:p>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充当可能基金</a:t>
          </a:r>
          <a:r>
            <a:rPr kumimoji="1" lang="en-US" altLang="ja-JP" sz="1400">
              <a:latin typeface="ＭＳ ゴシック" pitchFamily="49" charset="-128"/>
              <a:ea typeface="ＭＳ ゴシック" pitchFamily="49" charset="-128"/>
            </a:rPr>
            <a:t>)</a:t>
          </a:r>
        </a:p>
        <a:p>
          <a:r>
            <a:rPr kumimoji="1" lang="ja-JP" altLang="en-US" sz="1400">
              <a:latin typeface="ＭＳ ゴシック" pitchFamily="49" charset="-128"/>
              <a:ea typeface="ＭＳ ゴシック" pitchFamily="49" charset="-128"/>
            </a:rPr>
            <a:t>財政調整基金において、令和３年度は普通交付税や臨時財政対策債の増等に伴い、積立を行った結果、充当可能基金が５２１百万円増加し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3</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伊勢原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令和３年度</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は財政調整基金において普通交付税や臨時財政対策債の増に加え、新型コロナウイルス感染症影響による事業の縮小・中止等により生じた令和２年度からの余剰等により５８４百万円の積み増しを行ったこと等により、基金全体として前年比６０４百万円の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市民ファンド寄附金積立基金は、ふるさと納税制度の趣旨に従い、新規返礼品の拡充等を通じて寄附額の増加に努め、寄附者の意向に沿った事業へ活用す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その他の目的基金は、資金運用を適切に行うことにより基金残高の増加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終末処理場周辺整備基金：終末処理場周辺における都市基盤、農業基盤及び社会体育施設並びに環境保全の整備充実を推進</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福祉のいずみ基金：基金の運用から生ずる収益を社会福祉の増進を図る事業に充当</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ちづくり市民ファンド寄附金積立基金：寄附者の指定する使途に応じて関連する事業に充当</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市民ファンド寄附金積立金の活用ができる事業が少なかったことによる取崩しの減により、残高は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終末処理場周辺整備基金：引き続き資金運用を行うとともに、基金の使途となる事業を実施する際に活用する</a:t>
          </a:r>
          <a:endParaRPr lang="ja-JP" altLang="ja-JP" sz="1300">
            <a:effectLst/>
            <a:latin typeface="ＭＳ ゴシック" panose="020B0609070205080204" pitchFamily="49" charset="-128"/>
            <a:ea typeface="ＭＳ ゴシック" panose="020B0609070205080204" pitchFamily="49" charset="-128"/>
          </a:endParaRPr>
        </a:p>
        <a:p>
          <a:pPr eaLnBrk="1" fontAlgn="auto" latinLnBrk="0" hangingPunct="1"/>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まちづくり市民ファンド寄附金積立基金：ふるさと納税制度の趣旨に沿い、新規返礼品の拡充に努める等、寄附額の増加に努め、寄附者の意向に沿った事業に活用する。</a:t>
          </a:r>
          <a:endParaRPr lang="ja-JP" altLang="ja-JP" sz="1300">
            <a:effectLst/>
            <a:latin typeface="ＭＳ ゴシック" panose="020B0609070205080204" pitchFamily="49" charset="-128"/>
            <a:ea typeface="ＭＳ ゴシック" panose="020B0609070205080204" pitchFamily="49" charset="-128"/>
          </a:endParaRPr>
        </a:p>
        <a:p>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福祉のいずみ基金：事業の趣旨に沿う寄附金を積立て、資金運用から生じた収益を基金の使途となる事業に活用する。</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令和３年度は普通交付税や臨時財政対策債の増に加え、新型コロナウイルス感染症影響による事業縮小や中止等により生じた令和２年度からの余剰等により５８４百万円の積み増しを行ったこと等により増となっ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自然災害や景気動向等の影響下にあっても、市民の生活を安定的に継続するための蓄えとして、適正規模の（標準財政規模の５～１０％）の残高確保に努め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減債基金の積立はない</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2C96BA80-4767-4CB4-9E49-B42E5B65596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E1179A4D-91F8-49D9-8E0E-DD0FB184FB1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a16="http://schemas.microsoft.com/office/drawing/2014/main" id="{59E10E00-A18D-48DB-B490-1B60DF6D1669}"/>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a16="http://schemas.microsoft.com/office/drawing/2014/main" id="{898B14C4-A384-442F-B58F-32B6D97EE468}"/>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a16="http://schemas.microsoft.com/office/drawing/2014/main" id="{65270C47-F399-4289-9C4E-D50F6A9B40EA}"/>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a16="http://schemas.microsoft.com/office/drawing/2014/main" id="{992B74AA-512A-428A-884F-B8B65D19A607}"/>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a16="http://schemas.microsoft.com/office/drawing/2014/main" id="{4D05D98F-F6F8-4CDD-A7D2-854B688FE49F}"/>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a16="http://schemas.microsoft.com/office/drawing/2014/main" id="{6D13F195-D64F-4AB1-8ADB-9D336AF63441}"/>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a16="http://schemas.microsoft.com/office/drawing/2014/main" id="{4CB1BC9F-76B8-4F3A-9AD8-0153F73101DE}"/>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a16="http://schemas.microsoft.com/office/drawing/2014/main" id="{0C3F22C3-8C0A-473C-83B9-3B362AEA9161}"/>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a16="http://schemas.microsoft.com/office/drawing/2014/main" id="{1C9E2FF6-39E8-4540-A15F-1EA430FE8D4A}"/>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a16="http://schemas.microsoft.com/office/drawing/2014/main" id="{3C6A9DFD-4838-46AE-B110-D9FA309158FE}"/>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795
97,298
55.56
38,593,373
36,101,492
2,440,297
20,871,660
22,402,6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a16="http://schemas.microsoft.com/office/drawing/2014/main" id="{1E068449-E42A-4AFE-BDF8-65A72C21D161}"/>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a16="http://schemas.microsoft.com/office/drawing/2014/main" id="{5A6AFC0A-84BD-4E04-B8C5-68E8DD0D45CD}"/>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a16="http://schemas.microsoft.com/office/drawing/2014/main" id="{E5CB03F3-D0D2-4E6D-8954-760FB06C98AC}"/>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a16="http://schemas.microsoft.com/office/drawing/2014/main" id="{136833E4-0245-4E91-936E-CB609D8BD09B}"/>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a16="http://schemas.microsoft.com/office/drawing/2014/main" id="{EB5BAED4-F286-43B9-841F-BE30CD70BD6A}"/>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a16="http://schemas.microsoft.com/office/drawing/2014/main" id="{D69FB0F7-7CE0-479D-910B-738DE3B1D47B}"/>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a16="http://schemas.microsoft.com/office/drawing/2014/main" id="{3B526B41-8CED-4EB8-86AC-16CC0BE5E578}"/>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a16="http://schemas.microsoft.com/office/drawing/2014/main" id="{151A7791-478C-4D74-B673-3805757D6136}"/>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a16="http://schemas.microsoft.com/office/drawing/2014/main" id="{95B44A2B-6B78-4771-ADF2-B0C419508F3F}"/>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a16="http://schemas.microsoft.com/office/drawing/2014/main" id="{B155035D-AE3B-4E5C-93EF-DDCF8F2A996D}"/>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a16="http://schemas.microsoft.com/office/drawing/2014/main" id="{D8F14469-6377-47BE-8FAB-FDBC51B381C7}"/>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a16="http://schemas.microsoft.com/office/drawing/2014/main" id="{7E8897B8-7B12-40EC-B0FB-FB68E6AEB686}"/>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a16="http://schemas.microsoft.com/office/drawing/2014/main" id="{E8328B3A-90CA-4454-9FB1-AAC9CD14882A}"/>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a16="http://schemas.microsoft.com/office/drawing/2014/main" id="{F68B1151-007B-4F43-9110-C2EC47C7FB0B}"/>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a16="http://schemas.microsoft.com/office/drawing/2014/main" id="{1AED6116-1730-409F-8942-77B92039ED07}"/>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a16="http://schemas.microsoft.com/office/drawing/2014/main" id="{F789ECB9-2799-4899-8CF1-1016C3562288}"/>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a16="http://schemas.microsoft.com/office/drawing/2014/main" id="{165A43D3-68B8-4F67-AE8E-D28232AB30ED}"/>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a16="http://schemas.microsoft.com/office/drawing/2014/main" id="{9D68355B-281B-4F35-B086-C5036B3C9A2B}"/>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a16="http://schemas.microsoft.com/office/drawing/2014/main" id="{CA5411CB-DA78-4E05-AECE-91F9384A43EB}"/>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a16="http://schemas.microsoft.com/office/drawing/2014/main" id="{3CC244DB-645C-4A61-AEE0-EDADA59B7F30}"/>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a16="http://schemas.microsoft.com/office/drawing/2014/main" id="{C4CA9E71-4443-4A41-8D14-71C36A2C4BAA}"/>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a16="http://schemas.microsoft.com/office/drawing/2014/main" id="{B45E4A39-8C4A-4456-B605-0CA4438F469D}"/>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a16="http://schemas.microsoft.com/office/drawing/2014/main" id="{CC954619-E314-4948-91DE-ED528BAB6283}"/>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a16="http://schemas.microsoft.com/office/drawing/2014/main" id="{F4AEB3E5-9DC0-44A5-8BFA-07FD856FB6E8}"/>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8" name="正方形/長方形 37">
          <a:extLst>
            <a:ext uri="{FF2B5EF4-FFF2-40B4-BE49-F238E27FC236}">
              <a16:creationId xmlns:a16="http://schemas.microsoft.com/office/drawing/2014/main" id="{EA75288E-F8F5-448B-9133-337B4BD59E8B}"/>
            </a:ext>
          </a:extLst>
        </xdr:cNvPr>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74.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a16="http://schemas.microsoft.com/office/drawing/2014/main" id="{977BB34F-6CB0-480C-9347-81662CC67B70}"/>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a16="http://schemas.microsoft.com/office/drawing/2014/main" id="{6900EE5F-38D7-4B9F-8982-551C2BF2783B}"/>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a16="http://schemas.microsoft.com/office/drawing/2014/main" id="{0B8ADCFB-8D1E-4056-BE3F-40CECBFFE91E}"/>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a16="http://schemas.microsoft.com/office/drawing/2014/main" id="{69AE1093-8310-4805-B0D0-EEAE27E4BDA8}"/>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a16="http://schemas.microsoft.com/office/drawing/2014/main" id="{5ACCB8C2-5E31-4AD9-B01D-06E2D4BCD543}"/>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a16="http://schemas.microsoft.com/office/drawing/2014/main" id="{72AF7ADC-FFF1-4B14-9EA4-ECE915F04B63}"/>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a16="http://schemas.microsoft.com/office/drawing/2014/main" id="{F0063619-7DA7-4C1B-BFF3-FF503D747509}"/>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a16="http://schemas.microsoft.com/office/drawing/2014/main" id="{18A49519-209A-4DF2-BCD1-D1935E4C6205}"/>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a16="http://schemas.microsoft.com/office/drawing/2014/main" id="{BD602965-AD6F-46BE-9841-026574636F0F}"/>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a16="http://schemas.microsoft.com/office/drawing/2014/main" id="{8500E06B-D350-4564-81D3-379E55BA3D8A}"/>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有形固定資産減価償却率は上昇傾向にあり、類似団体と比較しても</a:t>
          </a:r>
          <a:r>
            <a:rPr kumimoji="1" lang="en-US" altLang="ja-JP" sz="1100">
              <a:solidFill>
                <a:schemeClr val="dk1"/>
              </a:solidFill>
              <a:effectLst/>
              <a:latin typeface="+mn-lt"/>
              <a:ea typeface="+mn-ea"/>
              <a:cs typeface="+mn-cs"/>
            </a:rPr>
            <a:t>74.4%</a:t>
          </a:r>
          <a:r>
            <a:rPr kumimoji="1" lang="ja-JP" altLang="ja-JP" sz="1100">
              <a:solidFill>
                <a:schemeClr val="dk1"/>
              </a:solidFill>
              <a:effectLst/>
              <a:latin typeface="+mn-lt"/>
              <a:ea typeface="+mn-ea"/>
              <a:cs typeface="+mn-cs"/>
            </a:rPr>
            <a:t>と高い水準にある。令和３年度に老朽化状況調査を実施し、多くの施設で老朽化が進行している状況を確認した。</a:t>
          </a:r>
          <a:r>
            <a:rPr kumimoji="1" lang="ja-JP" altLang="en-US" sz="1100">
              <a:solidFill>
                <a:schemeClr val="dk1"/>
              </a:solidFill>
              <a:effectLst/>
              <a:latin typeface="+mn-lt"/>
              <a:ea typeface="+mn-ea"/>
              <a:cs typeface="+mn-cs"/>
            </a:rPr>
            <a:t>これを踏まえて</a:t>
          </a:r>
          <a:r>
            <a:rPr kumimoji="1" lang="ja-JP" altLang="ja-JP" sz="1100">
              <a:solidFill>
                <a:schemeClr val="dk1"/>
              </a:solidFill>
              <a:effectLst/>
              <a:latin typeface="+mn-lt"/>
              <a:ea typeface="+mn-ea"/>
              <a:cs typeface="+mn-cs"/>
            </a:rPr>
            <a:t>令和４年度に改訂した公共施設等総合管理計画を基に、計画的に老朽化対策を進め、本比率の低下に努める。</a:t>
          </a:r>
          <a:endParaRPr lang="ja-JP" altLang="ja-JP">
            <a:effectLst/>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a16="http://schemas.microsoft.com/office/drawing/2014/main" id="{5FC51E3C-1BB4-4AE7-A919-06522B606CDD}"/>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a16="http://schemas.microsoft.com/office/drawing/2014/main" id="{B0DF44FD-B2C5-4AF0-B22E-726EDCE027BE}"/>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a16="http://schemas.microsoft.com/office/drawing/2014/main" id="{ED30D299-288A-4423-A3AB-6E681A2FAA95}"/>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a:extLst>
            <a:ext uri="{FF2B5EF4-FFF2-40B4-BE49-F238E27FC236}">
              <a16:creationId xmlns:a16="http://schemas.microsoft.com/office/drawing/2014/main" id="{9C5F302B-0D37-4863-A274-938EACF5780F}"/>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3</xdr:row>
      <xdr:rowOff>157024</xdr:rowOff>
    </xdr:from>
    <xdr:ext cx="410689" cy="225703"/>
    <xdr:sp macro="" textlink="">
      <xdr:nvSpPr>
        <xdr:cNvPr id="53" name="テキスト ボックス 52">
          <a:extLst>
            <a:ext uri="{FF2B5EF4-FFF2-40B4-BE49-F238E27FC236}">
              <a16:creationId xmlns:a16="http://schemas.microsoft.com/office/drawing/2014/main" id="{4EC5679F-513A-47E6-BD87-4CCB8724089D}"/>
            </a:ext>
          </a:extLst>
        </xdr:cNvPr>
        <xdr:cNvSpPr txBox="1"/>
      </xdr:nvSpPr>
      <xdr:spPr>
        <a:xfrm>
          <a:off x="795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a:extLst>
            <a:ext uri="{FF2B5EF4-FFF2-40B4-BE49-F238E27FC236}">
              <a16:creationId xmlns:a16="http://schemas.microsoft.com/office/drawing/2014/main" id="{58850E73-B4FE-437D-8896-3FFF5F2941F0}"/>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a:extLst>
            <a:ext uri="{FF2B5EF4-FFF2-40B4-BE49-F238E27FC236}">
              <a16:creationId xmlns:a16="http://schemas.microsoft.com/office/drawing/2014/main" id="{B51F132B-C68A-4D07-85F3-3A64C381AD6A}"/>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a:extLst>
            <a:ext uri="{FF2B5EF4-FFF2-40B4-BE49-F238E27FC236}">
              <a16:creationId xmlns:a16="http://schemas.microsoft.com/office/drawing/2014/main" id="{ECDF9373-0734-4964-9102-7AEBF9A7F42D}"/>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a:extLst>
            <a:ext uri="{FF2B5EF4-FFF2-40B4-BE49-F238E27FC236}">
              <a16:creationId xmlns:a16="http://schemas.microsoft.com/office/drawing/2014/main" id="{E0BB913B-91A6-4639-84AE-CC73038B584E}"/>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a:extLst>
            <a:ext uri="{FF2B5EF4-FFF2-40B4-BE49-F238E27FC236}">
              <a16:creationId xmlns:a16="http://schemas.microsoft.com/office/drawing/2014/main" id="{15491ECC-55EA-49AF-80CB-DB847B717432}"/>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a:extLst>
            <a:ext uri="{FF2B5EF4-FFF2-40B4-BE49-F238E27FC236}">
              <a16:creationId xmlns:a16="http://schemas.microsoft.com/office/drawing/2014/main" id="{8A68B6A5-0BC8-484B-B077-801100B88645}"/>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a:extLst>
            <a:ext uri="{FF2B5EF4-FFF2-40B4-BE49-F238E27FC236}">
              <a16:creationId xmlns:a16="http://schemas.microsoft.com/office/drawing/2014/main" id="{E2E90A9F-6BC1-48FC-8D26-7FF46E429508}"/>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a:extLst>
            <a:ext uri="{FF2B5EF4-FFF2-40B4-BE49-F238E27FC236}">
              <a16:creationId xmlns:a16="http://schemas.microsoft.com/office/drawing/2014/main" id="{C92B7015-DC22-4440-BBB9-1B011A9F97FB}"/>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a:extLst>
            <a:ext uri="{FF2B5EF4-FFF2-40B4-BE49-F238E27FC236}">
              <a16:creationId xmlns:a16="http://schemas.microsoft.com/office/drawing/2014/main" id="{B2EE9272-F1FC-4742-BF0F-F34C37F44055}"/>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23190</xdr:rowOff>
    </xdr:from>
    <xdr:to>
      <xdr:col>23</xdr:col>
      <xdr:colOff>85090</xdr:colOff>
      <xdr:row>33</xdr:row>
      <xdr:rowOff>151511</xdr:rowOff>
    </xdr:to>
    <xdr:cxnSp macro="">
      <xdr:nvCxnSpPr>
        <xdr:cNvPr id="63" name="直線コネクタ 62">
          <a:extLst>
            <a:ext uri="{FF2B5EF4-FFF2-40B4-BE49-F238E27FC236}">
              <a16:creationId xmlns:a16="http://schemas.microsoft.com/office/drawing/2014/main" id="{C6BDD37D-6FAB-4929-A0BD-39532A8CF207}"/>
            </a:ext>
          </a:extLst>
        </xdr:cNvPr>
        <xdr:cNvCxnSpPr/>
      </xdr:nvCxnSpPr>
      <xdr:spPr>
        <a:xfrm flipV="1">
          <a:off x="4760595" y="5352415"/>
          <a:ext cx="1270" cy="12284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5338</xdr:rowOff>
    </xdr:from>
    <xdr:ext cx="405111" cy="259045"/>
    <xdr:sp macro="" textlink="">
      <xdr:nvSpPr>
        <xdr:cNvPr id="64" name="有形固定資産減価償却率最小値テキスト">
          <a:extLst>
            <a:ext uri="{FF2B5EF4-FFF2-40B4-BE49-F238E27FC236}">
              <a16:creationId xmlns:a16="http://schemas.microsoft.com/office/drawing/2014/main" id="{C42338E2-B73E-46A7-9E06-58D2BF68DC0B}"/>
            </a:ext>
          </a:extLst>
        </xdr:cNvPr>
        <xdr:cNvSpPr txBox="1"/>
      </xdr:nvSpPr>
      <xdr:spPr>
        <a:xfrm>
          <a:off x="4813300" y="65847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51511</xdr:rowOff>
    </xdr:from>
    <xdr:to>
      <xdr:col>23</xdr:col>
      <xdr:colOff>174625</xdr:colOff>
      <xdr:row>33</xdr:row>
      <xdr:rowOff>151511</xdr:rowOff>
    </xdr:to>
    <xdr:cxnSp macro="">
      <xdr:nvCxnSpPr>
        <xdr:cNvPr id="65" name="直線コネクタ 64">
          <a:extLst>
            <a:ext uri="{FF2B5EF4-FFF2-40B4-BE49-F238E27FC236}">
              <a16:creationId xmlns:a16="http://schemas.microsoft.com/office/drawing/2014/main" id="{3CB3E969-24AB-47F7-AD2A-12D575331321}"/>
            </a:ext>
          </a:extLst>
        </xdr:cNvPr>
        <xdr:cNvCxnSpPr/>
      </xdr:nvCxnSpPr>
      <xdr:spPr>
        <a:xfrm>
          <a:off x="4673600" y="6580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69867</xdr:rowOff>
    </xdr:from>
    <xdr:ext cx="405111" cy="259045"/>
    <xdr:sp macro="" textlink="">
      <xdr:nvSpPr>
        <xdr:cNvPr id="66" name="有形固定資産減価償却率最大値テキスト">
          <a:extLst>
            <a:ext uri="{FF2B5EF4-FFF2-40B4-BE49-F238E27FC236}">
              <a16:creationId xmlns:a16="http://schemas.microsoft.com/office/drawing/2014/main" id="{9D3BCAC8-A9B3-4802-A73C-EBC8A5962C2F}"/>
            </a:ext>
          </a:extLst>
        </xdr:cNvPr>
        <xdr:cNvSpPr txBox="1"/>
      </xdr:nvSpPr>
      <xdr:spPr>
        <a:xfrm>
          <a:off x="4813300" y="5127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23190</xdr:rowOff>
    </xdr:from>
    <xdr:to>
      <xdr:col>23</xdr:col>
      <xdr:colOff>174625</xdr:colOff>
      <xdr:row>26</xdr:row>
      <xdr:rowOff>123190</xdr:rowOff>
    </xdr:to>
    <xdr:cxnSp macro="">
      <xdr:nvCxnSpPr>
        <xdr:cNvPr id="67" name="直線コネクタ 66">
          <a:extLst>
            <a:ext uri="{FF2B5EF4-FFF2-40B4-BE49-F238E27FC236}">
              <a16:creationId xmlns:a16="http://schemas.microsoft.com/office/drawing/2014/main" id="{981B47B9-101D-4213-8B6A-B3EE638F62F8}"/>
            </a:ext>
          </a:extLst>
        </xdr:cNvPr>
        <xdr:cNvCxnSpPr/>
      </xdr:nvCxnSpPr>
      <xdr:spPr>
        <a:xfrm>
          <a:off x="4673600" y="5352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09872</xdr:rowOff>
    </xdr:from>
    <xdr:ext cx="405111" cy="259045"/>
    <xdr:sp macro="" textlink="">
      <xdr:nvSpPr>
        <xdr:cNvPr id="68" name="有形固定資産減価償却率平均値テキスト">
          <a:extLst>
            <a:ext uri="{FF2B5EF4-FFF2-40B4-BE49-F238E27FC236}">
              <a16:creationId xmlns:a16="http://schemas.microsoft.com/office/drawing/2014/main" id="{CB6F7F11-D844-4893-85C7-7719CA55E504}"/>
            </a:ext>
          </a:extLst>
        </xdr:cNvPr>
        <xdr:cNvSpPr txBox="1"/>
      </xdr:nvSpPr>
      <xdr:spPr>
        <a:xfrm>
          <a:off x="4813300" y="56819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86995</xdr:rowOff>
    </xdr:from>
    <xdr:to>
      <xdr:col>23</xdr:col>
      <xdr:colOff>136525</xdr:colOff>
      <xdr:row>30</xdr:row>
      <xdr:rowOff>17145</xdr:rowOff>
    </xdr:to>
    <xdr:sp macro="" textlink="">
      <xdr:nvSpPr>
        <xdr:cNvPr id="69" name="フローチャート: 判断 68">
          <a:extLst>
            <a:ext uri="{FF2B5EF4-FFF2-40B4-BE49-F238E27FC236}">
              <a16:creationId xmlns:a16="http://schemas.microsoft.com/office/drawing/2014/main" id="{0FCA68F0-8004-4401-8117-C58572616A05}"/>
            </a:ext>
          </a:extLst>
        </xdr:cNvPr>
        <xdr:cNvSpPr/>
      </xdr:nvSpPr>
      <xdr:spPr>
        <a:xfrm>
          <a:off x="47117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89154</xdr:rowOff>
    </xdr:from>
    <xdr:to>
      <xdr:col>19</xdr:col>
      <xdr:colOff>187325</xdr:colOff>
      <xdr:row>30</xdr:row>
      <xdr:rowOff>19304</xdr:rowOff>
    </xdr:to>
    <xdr:sp macro="" textlink="">
      <xdr:nvSpPr>
        <xdr:cNvPr id="70" name="フローチャート: 判断 69">
          <a:extLst>
            <a:ext uri="{FF2B5EF4-FFF2-40B4-BE49-F238E27FC236}">
              <a16:creationId xmlns:a16="http://schemas.microsoft.com/office/drawing/2014/main" id="{3F0A48B3-44B6-4D3A-B992-F1A2E2DB00B8}"/>
            </a:ext>
          </a:extLst>
        </xdr:cNvPr>
        <xdr:cNvSpPr/>
      </xdr:nvSpPr>
      <xdr:spPr>
        <a:xfrm>
          <a:off x="4000500" y="5832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76200</xdr:rowOff>
    </xdr:from>
    <xdr:to>
      <xdr:col>15</xdr:col>
      <xdr:colOff>187325</xdr:colOff>
      <xdr:row>30</xdr:row>
      <xdr:rowOff>6350</xdr:rowOff>
    </xdr:to>
    <xdr:sp macro="" textlink="">
      <xdr:nvSpPr>
        <xdr:cNvPr id="71" name="フローチャート: 判断 70">
          <a:extLst>
            <a:ext uri="{FF2B5EF4-FFF2-40B4-BE49-F238E27FC236}">
              <a16:creationId xmlns:a16="http://schemas.microsoft.com/office/drawing/2014/main" id="{78CD634E-6EB0-404D-8F55-2F7D5FCA96E8}"/>
            </a:ext>
          </a:extLst>
        </xdr:cNvPr>
        <xdr:cNvSpPr/>
      </xdr:nvSpPr>
      <xdr:spPr>
        <a:xfrm>
          <a:off x="3238500" y="58197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56769</xdr:rowOff>
    </xdr:from>
    <xdr:to>
      <xdr:col>11</xdr:col>
      <xdr:colOff>187325</xdr:colOff>
      <xdr:row>29</xdr:row>
      <xdr:rowOff>158369</xdr:rowOff>
    </xdr:to>
    <xdr:sp macro="" textlink="">
      <xdr:nvSpPr>
        <xdr:cNvPr id="72" name="フローチャート: 判断 71">
          <a:extLst>
            <a:ext uri="{FF2B5EF4-FFF2-40B4-BE49-F238E27FC236}">
              <a16:creationId xmlns:a16="http://schemas.microsoft.com/office/drawing/2014/main" id="{1351946D-D6A9-47BB-B58C-6710556341E6}"/>
            </a:ext>
          </a:extLst>
        </xdr:cNvPr>
        <xdr:cNvSpPr/>
      </xdr:nvSpPr>
      <xdr:spPr>
        <a:xfrm>
          <a:off x="2476500" y="5800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48133</xdr:rowOff>
    </xdr:from>
    <xdr:to>
      <xdr:col>7</xdr:col>
      <xdr:colOff>187325</xdr:colOff>
      <xdr:row>29</xdr:row>
      <xdr:rowOff>149733</xdr:rowOff>
    </xdr:to>
    <xdr:sp macro="" textlink="">
      <xdr:nvSpPr>
        <xdr:cNvPr id="73" name="フローチャート: 判断 72">
          <a:extLst>
            <a:ext uri="{FF2B5EF4-FFF2-40B4-BE49-F238E27FC236}">
              <a16:creationId xmlns:a16="http://schemas.microsoft.com/office/drawing/2014/main" id="{45607DFA-D00B-40BB-AE71-5F7EE625E8AD}"/>
            </a:ext>
          </a:extLst>
        </xdr:cNvPr>
        <xdr:cNvSpPr/>
      </xdr:nvSpPr>
      <xdr:spPr>
        <a:xfrm>
          <a:off x="1714500" y="5791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a:extLst>
            <a:ext uri="{FF2B5EF4-FFF2-40B4-BE49-F238E27FC236}">
              <a16:creationId xmlns:a16="http://schemas.microsoft.com/office/drawing/2014/main" id="{CCFCE363-B27F-46BD-B686-9F7D91719D5A}"/>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a:extLst>
            <a:ext uri="{FF2B5EF4-FFF2-40B4-BE49-F238E27FC236}">
              <a16:creationId xmlns:a16="http://schemas.microsoft.com/office/drawing/2014/main" id="{9E88F1B0-4316-4298-B490-F1392C722D7B}"/>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a:extLst>
            <a:ext uri="{FF2B5EF4-FFF2-40B4-BE49-F238E27FC236}">
              <a16:creationId xmlns:a16="http://schemas.microsoft.com/office/drawing/2014/main" id="{EC47D251-9799-41AD-BDE3-7C8D3C6DFA17}"/>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a:extLst>
            <a:ext uri="{FF2B5EF4-FFF2-40B4-BE49-F238E27FC236}">
              <a16:creationId xmlns:a16="http://schemas.microsoft.com/office/drawing/2014/main" id="{458AEF25-5C86-4856-8A5E-9E2A5D323224}"/>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a:extLst>
            <a:ext uri="{FF2B5EF4-FFF2-40B4-BE49-F238E27FC236}">
              <a16:creationId xmlns:a16="http://schemas.microsoft.com/office/drawing/2014/main" id="{90BDBF70-E4C6-4F75-BB34-DE954DBD2A0A}"/>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61671</xdr:rowOff>
    </xdr:from>
    <xdr:to>
      <xdr:col>23</xdr:col>
      <xdr:colOff>136525</xdr:colOff>
      <xdr:row>31</xdr:row>
      <xdr:rowOff>91821</xdr:rowOff>
    </xdr:to>
    <xdr:sp macro="" textlink="">
      <xdr:nvSpPr>
        <xdr:cNvPr id="79" name="楕円 78">
          <a:extLst>
            <a:ext uri="{FF2B5EF4-FFF2-40B4-BE49-F238E27FC236}">
              <a16:creationId xmlns:a16="http://schemas.microsoft.com/office/drawing/2014/main" id="{AE499238-7E5A-43C4-B5E3-EB8687EF1EFD}"/>
            </a:ext>
          </a:extLst>
        </xdr:cNvPr>
        <xdr:cNvSpPr/>
      </xdr:nvSpPr>
      <xdr:spPr>
        <a:xfrm>
          <a:off x="4711700" y="60766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0</xdr:row>
      <xdr:rowOff>140098</xdr:rowOff>
    </xdr:from>
    <xdr:ext cx="405111" cy="259045"/>
    <xdr:sp macro="" textlink="">
      <xdr:nvSpPr>
        <xdr:cNvPr id="80" name="有形固定資産減価償却率該当値テキスト">
          <a:extLst>
            <a:ext uri="{FF2B5EF4-FFF2-40B4-BE49-F238E27FC236}">
              <a16:creationId xmlns:a16="http://schemas.microsoft.com/office/drawing/2014/main" id="{042D77A6-0EEF-4A39-ADE7-7282FF70EB14}"/>
            </a:ext>
          </a:extLst>
        </xdr:cNvPr>
        <xdr:cNvSpPr txBox="1"/>
      </xdr:nvSpPr>
      <xdr:spPr>
        <a:xfrm>
          <a:off x="4813300" y="6055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0</xdr:row>
      <xdr:rowOff>135763</xdr:rowOff>
    </xdr:from>
    <xdr:to>
      <xdr:col>19</xdr:col>
      <xdr:colOff>187325</xdr:colOff>
      <xdr:row>31</xdr:row>
      <xdr:rowOff>65913</xdr:rowOff>
    </xdr:to>
    <xdr:sp macro="" textlink="">
      <xdr:nvSpPr>
        <xdr:cNvPr id="81" name="楕円 80">
          <a:extLst>
            <a:ext uri="{FF2B5EF4-FFF2-40B4-BE49-F238E27FC236}">
              <a16:creationId xmlns:a16="http://schemas.microsoft.com/office/drawing/2014/main" id="{A67A55B5-D312-4B07-871B-CC78901A40F8}"/>
            </a:ext>
          </a:extLst>
        </xdr:cNvPr>
        <xdr:cNvSpPr/>
      </xdr:nvSpPr>
      <xdr:spPr>
        <a:xfrm>
          <a:off x="4000500" y="6050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1</xdr:row>
      <xdr:rowOff>15113</xdr:rowOff>
    </xdr:from>
    <xdr:to>
      <xdr:col>23</xdr:col>
      <xdr:colOff>85725</xdr:colOff>
      <xdr:row>31</xdr:row>
      <xdr:rowOff>41021</xdr:rowOff>
    </xdr:to>
    <xdr:cxnSp macro="">
      <xdr:nvCxnSpPr>
        <xdr:cNvPr id="82" name="直線コネクタ 81">
          <a:extLst>
            <a:ext uri="{FF2B5EF4-FFF2-40B4-BE49-F238E27FC236}">
              <a16:creationId xmlns:a16="http://schemas.microsoft.com/office/drawing/2014/main" id="{B0CE3526-04FE-4D47-BFE7-18B978AFDAA6}"/>
            </a:ext>
          </a:extLst>
        </xdr:cNvPr>
        <xdr:cNvCxnSpPr/>
      </xdr:nvCxnSpPr>
      <xdr:spPr>
        <a:xfrm>
          <a:off x="4051300" y="6101588"/>
          <a:ext cx="711200" cy="2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0</xdr:row>
      <xdr:rowOff>107696</xdr:rowOff>
    </xdr:from>
    <xdr:to>
      <xdr:col>15</xdr:col>
      <xdr:colOff>187325</xdr:colOff>
      <xdr:row>31</xdr:row>
      <xdr:rowOff>37846</xdr:rowOff>
    </xdr:to>
    <xdr:sp macro="" textlink="">
      <xdr:nvSpPr>
        <xdr:cNvPr id="83" name="楕円 82">
          <a:extLst>
            <a:ext uri="{FF2B5EF4-FFF2-40B4-BE49-F238E27FC236}">
              <a16:creationId xmlns:a16="http://schemas.microsoft.com/office/drawing/2014/main" id="{F28E98AC-CDAB-4774-97D9-EAD90EE385C1}"/>
            </a:ext>
          </a:extLst>
        </xdr:cNvPr>
        <xdr:cNvSpPr/>
      </xdr:nvSpPr>
      <xdr:spPr>
        <a:xfrm>
          <a:off x="3238500" y="60227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0</xdr:row>
      <xdr:rowOff>158496</xdr:rowOff>
    </xdr:from>
    <xdr:to>
      <xdr:col>19</xdr:col>
      <xdr:colOff>136525</xdr:colOff>
      <xdr:row>31</xdr:row>
      <xdr:rowOff>15113</xdr:rowOff>
    </xdr:to>
    <xdr:cxnSp macro="">
      <xdr:nvCxnSpPr>
        <xdr:cNvPr id="84" name="直線コネクタ 83">
          <a:extLst>
            <a:ext uri="{FF2B5EF4-FFF2-40B4-BE49-F238E27FC236}">
              <a16:creationId xmlns:a16="http://schemas.microsoft.com/office/drawing/2014/main" id="{CFA144A3-60D3-47D7-A2B4-F9F1BA784718}"/>
            </a:ext>
          </a:extLst>
        </xdr:cNvPr>
        <xdr:cNvCxnSpPr/>
      </xdr:nvCxnSpPr>
      <xdr:spPr>
        <a:xfrm>
          <a:off x="3289300" y="6073521"/>
          <a:ext cx="762000" cy="28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30</xdr:row>
      <xdr:rowOff>99060</xdr:rowOff>
    </xdr:from>
    <xdr:to>
      <xdr:col>11</xdr:col>
      <xdr:colOff>187325</xdr:colOff>
      <xdr:row>31</xdr:row>
      <xdr:rowOff>29210</xdr:rowOff>
    </xdr:to>
    <xdr:sp macro="" textlink="">
      <xdr:nvSpPr>
        <xdr:cNvPr id="85" name="楕円 84">
          <a:extLst>
            <a:ext uri="{FF2B5EF4-FFF2-40B4-BE49-F238E27FC236}">
              <a16:creationId xmlns:a16="http://schemas.microsoft.com/office/drawing/2014/main" id="{10F53913-D783-4A50-A482-77AC6B7C7AC6}"/>
            </a:ext>
          </a:extLst>
        </xdr:cNvPr>
        <xdr:cNvSpPr/>
      </xdr:nvSpPr>
      <xdr:spPr>
        <a:xfrm>
          <a:off x="2476500" y="6014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30</xdr:row>
      <xdr:rowOff>149860</xdr:rowOff>
    </xdr:from>
    <xdr:to>
      <xdr:col>15</xdr:col>
      <xdr:colOff>136525</xdr:colOff>
      <xdr:row>30</xdr:row>
      <xdr:rowOff>158496</xdr:rowOff>
    </xdr:to>
    <xdr:cxnSp macro="">
      <xdr:nvCxnSpPr>
        <xdr:cNvPr id="86" name="直線コネクタ 85">
          <a:extLst>
            <a:ext uri="{FF2B5EF4-FFF2-40B4-BE49-F238E27FC236}">
              <a16:creationId xmlns:a16="http://schemas.microsoft.com/office/drawing/2014/main" id="{14DEA5C9-8971-4BB9-A475-E2311A07CBFD}"/>
            </a:ext>
          </a:extLst>
        </xdr:cNvPr>
        <xdr:cNvCxnSpPr/>
      </xdr:nvCxnSpPr>
      <xdr:spPr>
        <a:xfrm>
          <a:off x="2527300" y="6064885"/>
          <a:ext cx="762000" cy="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30</xdr:row>
      <xdr:rowOff>62357</xdr:rowOff>
    </xdr:from>
    <xdr:to>
      <xdr:col>7</xdr:col>
      <xdr:colOff>187325</xdr:colOff>
      <xdr:row>30</xdr:row>
      <xdr:rowOff>163957</xdr:rowOff>
    </xdr:to>
    <xdr:sp macro="" textlink="">
      <xdr:nvSpPr>
        <xdr:cNvPr id="87" name="楕円 86">
          <a:extLst>
            <a:ext uri="{FF2B5EF4-FFF2-40B4-BE49-F238E27FC236}">
              <a16:creationId xmlns:a16="http://schemas.microsoft.com/office/drawing/2014/main" id="{76C46DE6-0CA9-44F3-B98F-CB0EBDD855F3}"/>
            </a:ext>
          </a:extLst>
        </xdr:cNvPr>
        <xdr:cNvSpPr/>
      </xdr:nvSpPr>
      <xdr:spPr>
        <a:xfrm>
          <a:off x="1714500" y="5977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30</xdr:row>
      <xdr:rowOff>113157</xdr:rowOff>
    </xdr:from>
    <xdr:to>
      <xdr:col>11</xdr:col>
      <xdr:colOff>136525</xdr:colOff>
      <xdr:row>30</xdr:row>
      <xdr:rowOff>149860</xdr:rowOff>
    </xdr:to>
    <xdr:cxnSp macro="">
      <xdr:nvCxnSpPr>
        <xdr:cNvPr id="88" name="直線コネクタ 87">
          <a:extLst>
            <a:ext uri="{FF2B5EF4-FFF2-40B4-BE49-F238E27FC236}">
              <a16:creationId xmlns:a16="http://schemas.microsoft.com/office/drawing/2014/main" id="{F9722CC3-018D-43AA-9CCE-E266CF4B4764}"/>
            </a:ext>
          </a:extLst>
        </xdr:cNvPr>
        <xdr:cNvCxnSpPr/>
      </xdr:nvCxnSpPr>
      <xdr:spPr>
        <a:xfrm>
          <a:off x="1765300" y="6028182"/>
          <a:ext cx="762000" cy="36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35831</xdr:rowOff>
    </xdr:from>
    <xdr:ext cx="405111" cy="259045"/>
    <xdr:sp macro="" textlink="">
      <xdr:nvSpPr>
        <xdr:cNvPr id="89" name="n_1aveValue有形固定資産減価償却率">
          <a:extLst>
            <a:ext uri="{FF2B5EF4-FFF2-40B4-BE49-F238E27FC236}">
              <a16:creationId xmlns:a16="http://schemas.microsoft.com/office/drawing/2014/main" id="{99ACE900-0728-40C4-B39B-BA9F37F07433}"/>
            </a:ext>
          </a:extLst>
        </xdr:cNvPr>
        <xdr:cNvSpPr txBox="1"/>
      </xdr:nvSpPr>
      <xdr:spPr>
        <a:xfrm>
          <a:off x="3836044" y="56079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8</xdr:row>
      <xdr:rowOff>22877</xdr:rowOff>
    </xdr:from>
    <xdr:ext cx="405111" cy="259045"/>
    <xdr:sp macro="" textlink="">
      <xdr:nvSpPr>
        <xdr:cNvPr id="90" name="n_2aveValue有形固定資産減価償却率">
          <a:extLst>
            <a:ext uri="{FF2B5EF4-FFF2-40B4-BE49-F238E27FC236}">
              <a16:creationId xmlns:a16="http://schemas.microsoft.com/office/drawing/2014/main" id="{17C0643A-A402-4E3E-B4EC-52BA41D14E23}"/>
            </a:ext>
          </a:extLst>
        </xdr:cNvPr>
        <xdr:cNvSpPr txBox="1"/>
      </xdr:nvSpPr>
      <xdr:spPr>
        <a:xfrm>
          <a:off x="3086744" y="5595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8</xdr:row>
      <xdr:rowOff>3446</xdr:rowOff>
    </xdr:from>
    <xdr:ext cx="405111" cy="259045"/>
    <xdr:sp macro="" textlink="">
      <xdr:nvSpPr>
        <xdr:cNvPr id="91" name="n_3aveValue有形固定資産減価償却率">
          <a:extLst>
            <a:ext uri="{FF2B5EF4-FFF2-40B4-BE49-F238E27FC236}">
              <a16:creationId xmlns:a16="http://schemas.microsoft.com/office/drawing/2014/main" id="{8525787E-3175-4CE2-B9EB-BFA3170D4DA9}"/>
            </a:ext>
          </a:extLst>
        </xdr:cNvPr>
        <xdr:cNvSpPr txBox="1"/>
      </xdr:nvSpPr>
      <xdr:spPr>
        <a:xfrm>
          <a:off x="2324744" y="55755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66260</xdr:rowOff>
    </xdr:from>
    <xdr:ext cx="405111" cy="259045"/>
    <xdr:sp macro="" textlink="">
      <xdr:nvSpPr>
        <xdr:cNvPr id="92" name="n_4aveValue有形固定資産減価償却率">
          <a:extLst>
            <a:ext uri="{FF2B5EF4-FFF2-40B4-BE49-F238E27FC236}">
              <a16:creationId xmlns:a16="http://schemas.microsoft.com/office/drawing/2014/main" id="{5E41AD9F-4E2C-438A-BB2E-3C8B06FAE526}"/>
            </a:ext>
          </a:extLst>
        </xdr:cNvPr>
        <xdr:cNvSpPr txBox="1"/>
      </xdr:nvSpPr>
      <xdr:spPr>
        <a:xfrm>
          <a:off x="1562744" y="55669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1</xdr:row>
      <xdr:rowOff>57040</xdr:rowOff>
    </xdr:from>
    <xdr:ext cx="405111" cy="259045"/>
    <xdr:sp macro="" textlink="">
      <xdr:nvSpPr>
        <xdr:cNvPr id="93" name="n_1mainValue有形固定資産減価償却率">
          <a:extLst>
            <a:ext uri="{FF2B5EF4-FFF2-40B4-BE49-F238E27FC236}">
              <a16:creationId xmlns:a16="http://schemas.microsoft.com/office/drawing/2014/main" id="{21C39F58-BC50-4D69-9C20-4945F2BCDB06}"/>
            </a:ext>
          </a:extLst>
        </xdr:cNvPr>
        <xdr:cNvSpPr txBox="1"/>
      </xdr:nvSpPr>
      <xdr:spPr>
        <a:xfrm>
          <a:off x="3836044" y="61435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28973</xdr:rowOff>
    </xdr:from>
    <xdr:ext cx="405111" cy="259045"/>
    <xdr:sp macro="" textlink="">
      <xdr:nvSpPr>
        <xdr:cNvPr id="94" name="n_2mainValue有形固定資産減価償却率">
          <a:extLst>
            <a:ext uri="{FF2B5EF4-FFF2-40B4-BE49-F238E27FC236}">
              <a16:creationId xmlns:a16="http://schemas.microsoft.com/office/drawing/2014/main" id="{E6B1D2B2-45C8-4264-B4A9-6F82286991E1}"/>
            </a:ext>
          </a:extLst>
        </xdr:cNvPr>
        <xdr:cNvSpPr txBox="1"/>
      </xdr:nvSpPr>
      <xdr:spPr>
        <a:xfrm>
          <a:off x="3086744" y="611544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20337</xdr:rowOff>
    </xdr:from>
    <xdr:ext cx="405111" cy="259045"/>
    <xdr:sp macro="" textlink="">
      <xdr:nvSpPr>
        <xdr:cNvPr id="95" name="n_3mainValue有形固定資産減価償却率">
          <a:extLst>
            <a:ext uri="{FF2B5EF4-FFF2-40B4-BE49-F238E27FC236}">
              <a16:creationId xmlns:a16="http://schemas.microsoft.com/office/drawing/2014/main" id="{FEE34506-66C8-426A-BB45-A3F3D0E803FB}"/>
            </a:ext>
          </a:extLst>
        </xdr:cNvPr>
        <xdr:cNvSpPr txBox="1"/>
      </xdr:nvSpPr>
      <xdr:spPr>
        <a:xfrm>
          <a:off x="2324744" y="61068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30</xdr:row>
      <xdr:rowOff>155084</xdr:rowOff>
    </xdr:from>
    <xdr:ext cx="405111" cy="259045"/>
    <xdr:sp macro="" textlink="">
      <xdr:nvSpPr>
        <xdr:cNvPr id="96" name="n_4mainValue有形固定資産減価償却率">
          <a:extLst>
            <a:ext uri="{FF2B5EF4-FFF2-40B4-BE49-F238E27FC236}">
              <a16:creationId xmlns:a16="http://schemas.microsoft.com/office/drawing/2014/main" id="{DA4450F7-EED9-4F64-B7D0-D612A8458C82}"/>
            </a:ext>
          </a:extLst>
        </xdr:cNvPr>
        <xdr:cNvSpPr txBox="1"/>
      </xdr:nvSpPr>
      <xdr:spPr>
        <a:xfrm>
          <a:off x="1562744" y="6070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7" name="正方形/長方形 96">
          <a:extLst>
            <a:ext uri="{FF2B5EF4-FFF2-40B4-BE49-F238E27FC236}">
              <a16:creationId xmlns:a16="http://schemas.microsoft.com/office/drawing/2014/main" id="{F8820A8B-5235-43F5-B7A7-E11AB3C6068A}"/>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8" name="正方形/長方形 97">
          <a:extLst>
            <a:ext uri="{FF2B5EF4-FFF2-40B4-BE49-F238E27FC236}">
              <a16:creationId xmlns:a16="http://schemas.microsoft.com/office/drawing/2014/main" id="{2894FA46-C7D7-4073-9118-B0C645A49F8D}"/>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87865</xdr:colOff>
      <xdr:row>22</xdr:row>
      <xdr:rowOff>64546</xdr:rowOff>
    </xdr:from>
    <xdr:to>
      <xdr:col>75</xdr:col>
      <xdr:colOff>174084</xdr:colOff>
      <xdr:row>24</xdr:row>
      <xdr:rowOff>30705</xdr:rowOff>
    </xdr:to>
    <xdr:sp macro="" textlink="">
      <xdr:nvSpPr>
        <xdr:cNvPr id="99" name="正方形/長方形 98">
          <a:extLst>
            <a:ext uri="{FF2B5EF4-FFF2-40B4-BE49-F238E27FC236}">
              <a16:creationId xmlns:a16="http://schemas.microsoft.com/office/drawing/2014/main" id="{87C9661D-E850-4F3B-9904-0EEFB72B67BB}"/>
            </a:ext>
          </a:extLst>
        </xdr:cNvPr>
        <xdr:cNvSpPr/>
      </xdr:nvSpPr>
      <xdr:spPr>
        <a:xfrm>
          <a:off x="13818140" y="4607971"/>
          <a:ext cx="938719"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68.2</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00" name="正方形/長方形 99">
          <a:extLst>
            <a:ext uri="{FF2B5EF4-FFF2-40B4-BE49-F238E27FC236}">
              <a16:creationId xmlns:a16="http://schemas.microsoft.com/office/drawing/2014/main" id="{24082590-6A93-4D83-97F2-8999F841BC4D}"/>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01" name="正方形/長方形 100">
          <a:extLst>
            <a:ext uri="{FF2B5EF4-FFF2-40B4-BE49-F238E27FC236}">
              <a16:creationId xmlns:a16="http://schemas.microsoft.com/office/drawing/2014/main" id="{A66DA07A-469E-4FB2-BCD3-FA1A9CB40B36}"/>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02" name="正方形/長方形 101">
          <a:extLst>
            <a:ext uri="{FF2B5EF4-FFF2-40B4-BE49-F238E27FC236}">
              <a16:creationId xmlns:a16="http://schemas.microsoft.com/office/drawing/2014/main" id="{FA443B82-5D3C-490C-9520-DB7E5D506701}"/>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3" name="正方形/長方形 102">
          <a:extLst>
            <a:ext uri="{FF2B5EF4-FFF2-40B4-BE49-F238E27FC236}">
              <a16:creationId xmlns:a16="http://schemas.microsoft.com/office/drawing/2014/main" id="{FC7373EB-642A-417D-B672-79E72D9C2C84}"/>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4" name="正方形/長方形 103">
          <a:extLst>
            <a:ext uri="{FF2B5EF4-FFF2-40B4-BE49-F238E27FC236}">
              <a16:creationId xmlns:a16="http://schemas.microsoft.com/office/drawing/2014/main" id="{785DA590-4D00-4AAB-B3B8-05785A40CE60}"/>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5" name="正方形/長方形 104">
          <a:extLst>
            <a:ext uri="{FF2B5EF4-FFF2-40B4-BE49-F238E27FC236}">
              <a16:creationId xmlns:a16="http://schemas.microsoft.com/office/drawing/2014/main" id="{1244E829-170B-48BE-A842-90CBF940522F}"/>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6" name="正方形/長方形 105">
          <a:extLst>
            <a:ext uri="{FF2B5EF4-FFF2-40B4-BE49-F238E27FC236}">
              <a16:creationId xmlns:a16="http://schemas.microsoft.com/office/drawing/2014/main" id="{77BEBFB1-A679-4FF1-B259-F5C3ADECAFCC}"/>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7" name="正方形/長方形 106">
          <a:extLst>
            <a:ext uri="{FF2B5EF4-FFF2-40B4-BE49-F238E27FC236}">
              <a16:creationId xmlns:a16="http://schemas.microsoft.com/office/drawing/2014/main" id="{3AA34289-354D-490C-9DAD-AFE2285E81DD}"/>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8" name="正方形/長方形 107">
          <a:extLst>
            <a:ext uri="{FF2B5EF4-FFF2-40B4-BE49-F238E27FC236}">
              <a16:creationId xmlns:a16="http://schemas.microsoft.com/office/drawing/2014/main" id="{F2493F7B-9370-4C8A-83DA-356188FDAA94}"/>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9" name="テキスト ボックス 108">
          <a:extLst>
            <a:ext uri="{FF2B5EF4-FFF2-40B4-BE49-F238E27FC236}">
              <a16:creationId xmlns:a16="http://schemas.microsoft.com/office/drawing/2014/main" id="{CDE7878F-1FD3-4193-B961-DD1DAA6FD188}"/>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債務償還比率は類似団体をやや上回っているが、償還金額が借入金額を上回ったことから、地方債残高が減となった。また、債務負担行為に基づく支出予定額も減少傾向にある。引き続き、起債の新規発行の抑制等に取組み、本比率の低下に努める。</a:t>
          </a:r>
          <a:endParaRPr lang="ja-JP" altLang="ja-JP">
            <a:effectLst/>
          </a:endParaRPr>
        </a:p>
      </xdr:txBody>
    </xdr:sp>
    <xdr:clientData/>
  </xdr:twoCellAnchor>
  <xdr:oneCellAnchor>
    <xdr:from>
      <xdr:col>57</xdr:col>
      <xdr:colOff>111125</xdr:colOff>
      <xdr:row>23</xdr:row>
      <xdr:rowOff>47625</xdr:rowOff>
    </xdr:from>
    <xdr:ext cx="349839" cy="225703"/>
    <xdr:sp macro="" textlink="">
      <xdr:nvSpPr>
        <xdr:cNvPr id="110" name="テキスト ボックス 109">
          <a:extLst>
            <a:ext uri="{FF2B5EF4-FFF2-40B4-BE49-F238E27FC236}">
              <a16:creationId xmlns:a16="http://schemas.microsoft.com/office/drawing/2014/main" id="{4079D765-1877-4CB9-BD1C-4ED9CF90E31A}"/>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11" name="直線コネクタ 110">
          <a:extLst>
            <a:ext uri="{FF2B5EF4-FFF2-40B4-BE49-F238E27FC236}">
              <a16:creationId xmlns:a16="http://schemas.microsoft.com/office/drawing/2014/main" id="{F69FD068-B105-4AF6-BE00-56E9C0B88477}"/>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12" name="テキスト ボックス 111">
          <a:extLst>
            <a:ext uri="{FF2B5EF4-FFF2-40B4-BE49-F238E27FC236}">
              <a16:creationId xmlns:a16="http://schemas.microsoft.com/office/drawing/2014/main" id="{9DD8B7F2-8BCD-4CEA-A998-558DFE1A7A8D}"/>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3" name="直線コネクタ 112">
          <a:extLst>
            <a:ext uri="{FF2B5EF4-FFF2-40B4-BE49-F238E27FC236}">
              <a16:creationId xmlns:a16="http://schemas.microsoft.com/office/drawing/2014/main" id="{1D681114-74CA-458B-A37A-84569E984DBD}"/>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4" name="テキスト ボックス 113">
          <a:extLst>
            <a:ext uri="{FF2B5EF4-FFF2-40B4-BE49-F238E27FC236}">
              <a16:creationId xmlns:a16="http://schemas.microsoft.com/office/drawing/2014/main" id="{62B071BB-BA55-4EB8-B739-58D661E8DB4F}"/>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5" name="直線コネクタ 114">
          <a:extLst>
            <a:ext uri="{FF2B5EF4-FFF2-40B4-BE49-F238E27FC236}">
              <a16:creationId xmlns:a16="http://schemas.microsoft.com/office/drawing/2014/main" id="{483BA1C3-8C2D-43CD-91CD-386A231D3166}"/>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6" name="テキスト ボックス 115">
          <a:extLst>
            <a:ext uri="{FF2B5EF4-FFF2-40B4-BE49-F238E27FC236}">
              <a16:creationId xmlns:a16="http://schemas.microsoft.com/office/drawing/2014/main" id="{A96A7195-83BE-4B5A-90E7-254B7BD5FD93}"/>
            </a:ext>
          </a:extLst>
        </xdr:cNvPr>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7" name="直線コネクタ 116">
          <a:extLst>
            <a:ext uri="{FF2B5EF4-FFF2-40B4-BE49-F238E27FC236}">
              <a16:creationId xmlns:a16="http://schemas.microsoft.com/office/drawing/2014/main" id="{451E7D0A-56E2-454F-9071-CAB057879CBA}"/>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8" name="テキスト ボックス 117">
          <a:extLst>
            <a:ext uri="{FF2B5EF4-FFF2-40B4-BE49-F238E27FC236}">
              <a16:creationId xmlns:a16="http://schemas.microsoft.com/office/drawing/2014/main" id="{62925A76-3AD4-477F-992E-CBF930DBF3B8}"/>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9" name="直線コネクタ 118">
          <a:extLst>
            <a:ext uri="{FF2B5EF4-FFF2-40B4-BE49-F238E27FC236}">
              <a16:creationId xmlns:a16="http://schemas.microsoft.com/office/drawing/2014/main" id="{55ADCE45-6322-4D40-9B5C-E2E78810B324}"/>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20" name="テキスト ボックス 119">
          <a:extLst>
            <a:ext uri="{FF2B5EF4-FFF2-40B4-BE49-F238E27FC236}">
              <a16:creationId xmlns:a16="http://schemas.microsoft.com/office/drawing/2014/main" id="{0A6F825E-C4B2-462A-A13D-5D41EEDD2EF2}"/>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21" name="直線コネクタ 120">
          <a:extLst>
            <a:ext uri="{FF2B5EF4-FFF2-40B4-BE49-F238E27FC236}">
              <a16:creationId xmlns:a16="http://schemas.microsoft.com/office/drawing/2014/main" id="{B3030B43-A54F-4FDC-BBDD-D92F006C93E6}"/>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22" name="テキスト ボックス 121">
          <a:extLst>
            <a:ext uri="{FF2B5EF4-FFF2-40B4-BE49-F238E27FC236}">
              <a16:creationId xmlns:a16="http://schemas.microsoft.com/office/drawing/2014/main" id="{BD62FF19-2C95-4064-932E-986625D1DE06}"/>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3" name="直線コネクタ 122">
          <a:extLst>
            <a:ext uri="{FF2B5EF4-FFF2-40B4-BE49-F238E27FC236}">
              <a16:creationId xmlns:a16="http://schemas.microsoft.com/office/drawing/2014/main" id="{10B3DF32-182F-457B-B7AD-9DBAF3B026AC}"/>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4" name="テキスト ボックス 123">
          <a:extLst>
            <a:ext uri="{FF2B5EF4-FFF2-40B4-BE49-F238E27FC236}">
              <a16:creationId xmlns:a16="http://schemas.microsoft.com/office/drawing/2014/main" id="{857E634E-EC06-41DC-AA6F-147655C12542}"/>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5" name="直線コネクタ 124">
          <a:extLst>
            <a:ext uri="{FF2B5EF4-FFF2-40B4-BE49-F238E27FC236}">
              <a16:creationId xmlns:a16="http://schemas.microsoft.com/office/drawing/2014/main" id="{555BFC00-1E7E-4BAB-88CC-AB61AC43ABBF}"/>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6" name="債務償還比率グラフ枠">
          <a:extLst>
            <a:ext uri="{FF2B5EF4-FFF2-40B4-BE49-F238E27FC236}">
              <a16:creationId xmlns:a16="http://schemas.microsoft.com/office/drawing/2014/main" id="{2DB85948-E529-47BF-A174-BDA92BB8A555}"/>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32203</xdr:rowOff>
    </xdr:from>
    <xdr:to>
      <xdr:col>76</xdr:col>
      <xdr:colOff>21589</xdr:colOff>
      <xdr:row>34</xdr:row>
      <xdr:rowOff>45139</xdr:rowOff>
    </xdr:to>
    <xdr:cxnSp macro="">
      <xdr:nvCxnSpPr>
        <xdr:cNvPr id="127" name="直線コネクタ 126">
          <a:extLst>
            <a:ext uri="{FF2B5EF4-FFF2-40B4-BE49-F238E27FC236}">
              <a16:creationId xmlns:a16="http://schemas.microsoft.com/office/drawing/2014/main" id="{DD38287C-D346-4ABB-80F2-D99B80791AC5}"/>
            </a:ext>
          </a:extLst>
        </xdr:cNvPr>
        <xdr:cNvCxnSpPr/>
      </xdr:nvCxnSpPr>
      <xdr:spPr>
        <a:xfrm flipV="1">
          <a:off x="14793595" y="5261428"/>
          <a:ext cx="1269" cy="13845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48966</xdr:rowOff>
    </xdr:from>
    <xdr:ext cx="469744" cy="259045"/>
    <xdr:sp macro="" textlink="">
      <xdr:nvSpPr>
        <xdr:cNvPr id="128" name="債務償還比率最小値テキスト">
          <a:extLst>
            <a:ext uri="{FF2B5EF4-FFF2-40B4-BE49-F238E27FC236}">
              <a16:creationId xmlns:a16="http://schemas.microsoft.com/office/drawing/2014/main" id="{04D4691F-BA6D-433A-B70E-1CF1D9CF8114}"/>
            </a:ext>
          </a:extLst>
        </xdr:cNvPr>
        <xdr:cNvSpPr txBox="1"/>
      </xdr:nvSpPr>
      <xdr:spPr>
        <a:xfrm>
          <a:off x="14846300" y="66497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45139</xdr:rowOff>
    </xdr:from>
    <xdr:to>
      <xdr:col>76</xdr:col>
      <xdr:colOff>111125</xdr:colOff>
      <xdr:row>34</xdr:row>
      <xdr:rowOff>45139</xdr:rowOff>
    </xdr:to>
    <xdr:cxnSp macro="">
      <xdr:nvCxnSpPr>
        <xdr:cNvPr id="129" name="直線コネクタ 128">
          <a:extLst>
            <a:ext uri="{FF2B5EF4-FFF2-40B4-BE49-F238E27FC236}">
              <a16:creationId xmlns:a16="http://schemas.microsoft.com/office/drawing/2014/main" id="{0D57643D-8B86-4DE8-B111-FB6A612698B3}"/>
            </a:ext>
          </a:extLst>
        </xdr:cNvPr>
        <xdr:cNvCxnSpPr/>
      </xdr:nvCxnSpPr>
      <xdr:spPr>
        <a:xfrm>
          <a:off x="14706600" y="664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330</xdr:rowOff>
    </xdr:from>
    <xdr:ext cx="340478" cy="259045"/>
    <xdr:sp macro="" textlink="">
      <xdr:nvSpPr>
        <xdr:cNvPr id="130" name="債務償還比率最大値テキスト">
          <a:extLst>
            <a:ext uri="{FF2B5EF4-FFF2-40B4-BE49-F238E27FC236}">
              <a16:creationId xmlns:a16="http://schemas.microsoft.com/office/drawing/2014/main" id="{D865F62E-C069-4A84-8D48-7FDDEBC154CD}"/>
            </a:ext>
          </a:extLst>
        </xdr:cNvPr>
        <xdr:cNvSpPr txBox="1"/>
      </xdr:nvSpPr>
      <xdr:spPr>
        <a:xfrm>
          <a:off x="14846300" y="50366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32203</xdr:rowOff>
    </xdr:from>
    <xdr:to>
      <xdr:col>76</xdr:col>
      <xdr:colOff>111125</xdr:colOff>
      <xdr:row>26</xdr:row>
      <xdr:rowOff>32203</xdr:rowOff>
    </xdr:to>
    <xdr:cxnSp macro="">
      <xdr:nvCxnSpPr>
        <xdr:cNvPr id="131" name="直線コネクタ 130">
          <a:extLst>
            <a:ext uri="{FF2B5EF4-FFF2-40B4-BE49-F238E27FC236}">
              <a16:creationId xmlns:a16="http://schemas.microsoft.com/office/drawing/2014/main" id="{E68BA7CB-E86B-4670-9828-84C066F418D4}"/>
            </a:ext>
          </a:extLst>
        </xdr:cNvPr>
        <xdr:cNvCxnSpPr/>
      </xdr:nvCxnSpPr>
      <xdr:spPr>
        <a:xfrm>
          <a:off x="14706600" y="5261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51664</xdr:rowOff>
    </xdr:from>
    <xdr:ext cx="469744" cy="259045"/>
    <xdr:sp macro="" textlink="">
      <xdr:nvSpPr>
        <xdr:cNvPr id="132" name="債務償還比率平均値テキスト">
          <a:extLst>
            <a:ext uri="{FF2B5EF4-FFF2-40B4-BE49-F238E27FC236}">
              <a16:creationId xmlns:a16="http://schemas.microsoft.com/office/drawing/2014/main" id="{286A4575-2051-4A3D-96A6-31AE5A7EFD44}"/>
            </a:ext>
          </a:extLst>
        </xdr:cNvPr>
        <xdr:cNvSpPr txBox="1"/>
      </xdr:nvSpPr>
      <xdr:spPr>
        <a:xfrm>
          <a:off x="14846300" y="572378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28787</xdr:rowOff>
    </xdr:from>
    <xdr:to>
      <xdr:col>76</xdr:col>
      <xdr:colOff>73025</xdr:colOff>
      <xdr:row>30</xdr:row>
      <xdr:rowOff>58937</xdr:rowOff>
    </xdr:to>
    <xdr:sp macro="" textlink="">
      <xdr:nvSpPr>
        <xdr:cNvPr id="133" name="フローチャート: 判断 132">
          <a:extLst>
            <a:ext uri="{FF2B5EF4-FFF2-40B4-BE49-F238E27FC236}">
              <a16:creationId xmlns:a16="http://schemas.microsoft.com/office/drawing/2014/main" id="{AD413995-7B0C-4D7E-821C-3708858BA5C5}"/>
            </a:ext>
          </a:extLst>
        </xdr:cNvPr>
        <xdr:cNvSpPr/>
      </xdr:nvSpPr>
      <xdr:spPr>
        <a:xfrm>
          <a:off x="14744700" y="5872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1</xdr:row>
      <xdr:rowOff>28466</xdr:rowOff>
    </xdr:from>
    <xdr:to>
      <xdr:col>72</xdr:col>
      <xdr:colOff>123825</xdr:colOff>
      <xdr:row>31</xdr:row>
      <xdr:rowOff>130066</xdr:rowOff>
    </xdr:to>
    <xdr:sp macro="" textlink="">
      <xdr:nvSpPr>
        <xdr:cNvPr id="134" name="フローチャート: 判断 133">
          <a:extLst>
            <a:ext uri="{FF2B5EF4-FFF2-40B4-BE49-F238E27FC236}">
              <a16:creationId xmlns:a16="http://schemas.microsoft.com/office/drawing/2014/main" id="{B4D1CF11-1A5E-41B0-864E-2C5B9DFA7466}"/>
            </a:ext>
          </a:extLst>
        </xdr:cNvPr>
        <xdr:cNvSpPr/>
      </xdr:nvSpPr>
      <xdr:spPr>
        <a:xfrm>
          <a:off x="14033500" y="6114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1</xdr:row>
      <xdr:rowOff>57613</xdr:rowOff>
    </xdr:from>
    <xdr:to>
      <xdr:col>68</xdr:col>
      <xdr:colOff>123825</xdr:colOff>
      <xdr:row>31</xdr:row>
      <xdr:rowOff>159213</xdr:rowOff>
    </xdr:to>
    <xdr:sp macro="" textlink="">
      <xdr:nvSpPr>
        <xdr:cNvPr id="135" name="フローチャート: 判断 134">
          <a:extLst>
            <a:ext uri="{FF2B5EF4-FFF2-40B4-BE49-F238E27FC236}">
              <a16:creationId xmlns:a16="http://schemas.microsoft.com/office/drawing/2014/main" id="{AB711FD0-A745-4447-886B-074C85051CAE}"/>
            </a:ext>
          </a:extLst>
        </xdr:cNvPr>
        <xdr:cNvSpPr/>
      </xdr:nvSpPr>
      <xdr:spPr>
        <a:xfrm>
          <a:off x="13271500" y="614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31</xdr:row>
      <xdr:rowOff>38644</xdr:rowOff>
    </xdr:from>
    <xdr:to>
      <xdr:col>64</xdr:col>
      <xdr:colOff>123825</xdr:colOff>
      <xdr:row>31</xdr:row>
      <xdr:rowOff>140244</xdr:rowOff>
    </xdr:to>
    <xdr:sp macro="" textlink="">
      <xdr:nvSpPr>
        <xdr:cNvPr id="136" name="フローチャート: 判断 135">
          <a:extLst>
            <a:ext uri="{FF2B5EF4-FFF2-40B4-BE49-F238E27FC236}">
              <a16:creationId xmlns:a16="http://schemas.microsoft.com/office/drawing/2014/main" id="{355FF7D6-4225-4A04-A413-70EAE94771CF}"/>
            </a:ext>
          </a:extLst>
        </xdr:cNvPr>
        <xdr:cNvSpPr/>
      </xdr:nvSpPr>
      <xdr:spPr>
        <a:xfrm>
          <a:off x="12509500" y="6125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31</xdr:row>
      <xdr:rowOff>67020</xdr:rowOff>
    </xdr:from>
    <xdr:to>
      <xdr:col>60</xdr:col>
      <xdr:colOff>123825</xdr:colOff>
      <xdr:row>31</xdr:row>
      <xdr:rowOff>168620</xdr:rowOff>
    </xdr:to>
    <xdr:sp macro="" textlink="">
      <xdr:nvSpPr>
        <xdr:cNvPr id="137" name="フローチャート: 判断 136">
          <a:extLst>
            <a:ext uri="{FF2B5EF4-FFF2-40B4-BE49-F238E27FC236}">
              <a16:creationId xmlns:a16="http://schemas.microsoft.com/office/drawing/2014/main" id="{73AC14A1-BB3E-4236-AD22-C183D0B198C9}"/>
            </a:ext>
          </a:extLst>
        </xdr:cNvPr>
        <xdr:cNvSpPr/>
      </xdr:nvSpPr>
      <xdr:spPr>
        <a:xfrm>
          <a:off x="11747500" y="61534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8" name="テキスト ボックス 137">
          <a:extLst>
            <a:ext uri="{FF2B5EF4-FFF2-40B4-BE49-F238E27FC236}">
              <a16:creationId xmlns:a16="http://schemas.microsoft.com/office/drawing/2014/main" id="{8D0EF576-E722-4E85-90A5-CAA8E625B37D}"/>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3</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9" name="テキスト ボックス 138">
          <a:extLst>
            <a:ext uri="{FF2B5EF4-FFF2-40B4-BE49-F238E27FC236}">
              <a16:creationId xmlns:a16="http://schemas.microsoft.com/office/drawing/2014/main" id="{1A6B84FE-C77D-4EBC-B7B8-2D94AC7E5A33}"/>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0" name="テキスト ボックス 139">
          <a:extLst>
            <a:ext uri="{FF2B5EF4-FFF2-40B4-BE49-F238E27FC236}">
              <a16:creationId xmlns:a16="http://schemas.microsoft.com/office/drawing/2014/main" id="{298FBA40-0EA9-4C9D-80B7-30C0FB06AF2D}"/>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1" name="テキスト ボックス 140">
          <a:extLst>
            <a:ext uri="{FF2B5EF4-FFF2-40B4-BE49-F238E27FC236}">
              <a16:creationId xmlns:a16="http://schemas.microsoft.com/office/drawing/2014/main" id="{D38F536E-D8F0-4D84-AC99-279DEF93ABFF}"/>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42" name="テキスト ボックス 141">
          <a:extLst>
            <a:ext uri="{FF2B5EF4-FFF2-40B4-BE49-F238E27FC236}">
              <a16:creationId xmlns:a16="http://schemas.microsoft.com/office/drawing/2014/main" id="{445ED5E4-F292-4821-87FD-FCABDDF1865B}"/>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17635</xdr:rowOff>
    </xdr:from>
    <xdr:to>
      <xdr:col>76</xdr:col>
      <xdr:colOff>73025</xdr:colOff>
      <xdr:row>30</xdr:row>
      <xdr:rowOff>119235</xdr:rowOff>
    </xdr:to>
    <xdr:sp macro="" textlink="">
      <xdr:nvSpPr>
        <xdr:cNvPr id="143" name="楕円 142">
          <a:extLst>
            <a:ext uri="{FF2B5EF4-FFF2-40B4-BE49-F238E27FC236}">
              <a16:creationId xmlns:a16="http://schemas.microsoft.com/office/drawing/2014/main" id="{B074A454-4AF3-4F4A-8448-9AE707986819}"/>
            </a:ext>
          </a:extLst>
        </xdr:cNvPr>
        <xdr:cNvSpPr/>
      </xdr:nvSpPr>
      <xdr:spPr>
        <a:xfrm>
          <a:off x="14744700" y="59326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9</xdr:row>
      <xdr:rowOff>167512</xdr:rowOff>
    </xdr:from>
    <xdr:ext cx="469744" cy="259045"/>
    <xdr:sp macro="" textlink="">
      <xdr:nvSpPr>
        <xdr:cNvPr id="144" name="債務償還比率該当値テキスト">
          <a:extLst>
            <a:ext uri="{FF2B5EF4-FFF2-40B4-BE49-F238E27FC236}">
              <a16:creationId xmlns:a16="http://schemas.microsoft.com/office/drawing/2014/main" id="{85FAC213-E535-48F1-9D70-14128FAC763B}"/>
            </a:ext>
          </a:extLst>
        </xdr:cNvPr>
        <xdr:cNvSpPr txBox="1"/>
      </xdr:nvSpPr>
      <xdr:spPr>
        <a:xfrm>
          <a:off x="14846300" y="5911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2</xdr:row>
      <xdr:rowOff>146631</xdr:rowOff>
    </xdr:from>
    <xdr:to>
      <xdr:col>72</xdr:col>
      <xdr:colOff>123825</xdr:colOff>
      <xdr:row>33</xdr:row>
      <xdr:rowOff>76781</xdr:rowOff>
    </xdr:to>
    <xdr:sp macro="" textlink="">
      <xdr:nvSpPr>
        <xdr:cNvPr id="145" name="楕円 144">
          <a:extLst>
            <a:ext uri="{FF2B5EF4-FFF2-40B4-BE49-F238E27FC236}">
              <a16:creationId xmlns:a16="http://schemas.microsoft.com/office/drawing/2014/main" id="{BAA5DA13-BD05-4A72-B5ED-582A8A4BD2A7}"/>
            </a:ext>
          </a:extLst>
        </xdr:cNvPr>
        <xdr:cNvSpPr/>
      </xdr:nvSpPr>
      <xdr:spPr>
        <a:xfrm>
          <a:off x="14033500" y="6404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0</xdr:row>
      <xdr:rowOff>68435</xdr:rowOff>
    </xdr:from>
    <xdr:to>
      <xdr:col>76</xdr:col>
      <xdr:colOff>22225</xdr:colOff>
      <xdr:row>33</xdr:row>
      <xdr:rowOff>25981</xdr:rowOff>
    </xdr:to>
    <xdr:cxnSp macro="">
      <xdr:nvCxnSpPr>
        <xdr:cNvPr id="146" name="直線コネクタ 145">
          <a:extLst>
            <a:ext uri="{FF2B5EF4-FFF2-40B4-BE49-F238E27FC236}">
              <a16:creationId xmlns:a16="http://schemas.microsoft.com/office/drawing/2014/main" id="{DE6E538F-BB30-48EC-ABBD-33885F96EECE}"/>
            </a:ext>
          </a:extLst>
        </xdr:cNvPr>
        <xdr:cNvCxnSpPr/>
      </xdr:nvCxnSpPr>
      <xdr:spPr>
        <a:xfrm flipV="1">
          <a:off x="14084300" y="5983460"/>
          <a:ext cx="711200" cy="471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11883</xdr:rowOff>
    </xdr:from>
    <xdr:to>
      <xdr:col>68</xdr:col>
      <xdr:colOff>123825</xdr:colOff>
      <xdr:row>33</xdr:row>
      <xdr:rowOff>113483</xdr:rowOff>
    </xdr:to>
    <xdr:sp macro="" textlink="">
      <xdr:nvSpPr>
        <xdr:cNvPr id="147" name="楕円 146">
          <a:extLst>
            <a:ext uri="{FF2B5EF4-FFF2-40B4-BE49-F238E27FC236}">
              <a16:creationId xmlns:a16="http://schemas.microsoft.com/office/drawing/2014/main" id="{107C180B-33E6-47BE-9815-2E0FD6DBA520}"/>
            </a:ext>
          </a:extLst>
        </xdr:cNvPr>
        <xdr:cNvSpPr/>
      </xdr:nvSpPr>
      <xdr:spPr>
        <a:xfrm>
          <a:off x="13271500" y="6441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3</xdr:row>
      <xdr:rowOff>25981</xdr:rowOff>
    </xdr:from>
    <xdr:to>
      <xdr:col>72</xdr:col>
      <xdr:colOff>73025</xdr:colOff>
      <xdr:row>33</xdr:row>
      <xdr:rowOff>62683</xdr:rowOff>
    </xdr:to>
    <xdr:cxnSp macro="">
      <xdr:nvCxnSpPr>
        <xdr:cNvPr id="148" name="直線コネクタ 147">
          <a:extLst>
            <a:ext uri="{FF2B5EF4-FFF2-40B4-BE49-F238E27FC236}">
              <a16:creationId xmlns:a16="http://schemas.microsoft.com/office/drawing/2014/main" id="{606CFDD8-CA2B-44A1-9847-60CD36A09275}"/>
            </a:ext>
          </a:extLst>
        </xdr:cNvPr>
        <xdr:cNvCxnSpPr/>
      </xdr:nvCxnSpPr>
      <xdr:spPr>
        <a:xfrm flipV="1">
          <a:off x="13322300" y="6455356"/>
          <a:ext cx="762000" cy="367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120414</xdr:rowOff>
    </xdr:from>
    <xdr:to>
      <xdr:col>64</xdr:col>
      <xdr:colOff>123825</xdr:colOff>
      <xdr:row>33</xdr:row>
      <xdr:rowOff>50564</xdr:rowOff>
    </xdr:to>
    <xdr:sp macro="" textlink="">
      <xdr:nvSpPr>
        <xdr:cNvPr id="149" name="楕円 148">
          <a:extLst>
            <a:ext uri="{FF2B5EF4-FFF2-40B4-BE49-F238E27FC236}">
              <a16:creationId xmlns:a16="http://schemas.microsoft.com/office/drawing/2014/main" id="{9F5DA48D-D750-4A88-9204-5A16F3341E2A}"/>
            </a:ext>
          </a:extLst>
        </xdr:cNvPr>
        <xdr:cNvSpPr/>
      </xdr:nvSpPr>
      <xdr:spPr>
        <a:xfrm>
          <a:off x="12509500" y="6378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2</xdr:row>
      <xdr:rowOff>171214</xdr:rowOff>
    </xdr:from>
    <xdr:to>
      <xdr:col>68</xdr:col>
      <xdr:colOff>73025</xdr:colOff>
      <xdr:row>33</xdr:row>
      <xdr:rowOff>62683</xdr:rowOff>
    </xdr:to>
    <xdr:cxnSp macro="">
      <xdr:nvCxnSpPr>
        <xdr:cNvPr id="150" name="直線コネクタ 149">
          <a:extLst>
            <a:ext uri="{FF2B5EF4-FFF2-40B4-BE49-F238E27FC236}">
              <a16:creationId xmlns:a16="http://schemas.microsoft.com/office/drawing/2014/main" id="{61388686-E85B-4B7E-A97E-1D7D6FFC2207}"/>
            </a:ext>
          </a:extLst>
        </xdr:cNvPr>
        <xdr:cNvCxnSpPr/>
      </xdr:nvCxnSpPr>
      <xdr:spPr>
        <a:xfrm>
          <a:off x="12560300" y="6429139"/>
          <a:ext cx="762000" cy="629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46890</xdr:rowOff>
    </xdr:from>
    <xdr:to>
      <xdr:col>60</xdr:col>
      <xdr:colOff>123825</xdr:colOff>
      <xdr:row>33</xdr:row>
      <xdr:rowOff>148490</xdr:rowOff>
    </xdr:to>
    <xdr:sp macro="" textlink="">
      <xdr:nvSpPr>
        <xdr:cNvPr id="151" name="楕円 150">
          <a:extLst>
            <a:ext uri="{FF2B5EF4-FFF2-40B4-BE49-F238E27FC236}">
              <a16:creationId xmlns:a16="http://schemas.microsoft.com/office/drawing/2014/main" id="{D2B3925D-03AC-4289-8F1C-531730703A09}"/>
            </a:ext>
          </a:extLst>
        </xdr:cNvPr>
        <xdr:cNvSpPr/>
      </xdr:nvSpPr>
      <xdr:spPr>
        <a:xfrm>
          <a:off x="11747500" y="6476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2</xdr:row>
      <xdr:rowOff>171214</xdr:rowOff>
    </xdr:from>
    <xdr:to>
      <xdr:col>64</xdr:col>
      <xdr:colOff>73025</xdr:colOff>
      <xdr:row>33</xdr:row>
      <xdr:rowOff>97690</xdr:rowOff>
    </xdr:to>
    <xdr:cxnSp macro="">
      <xdr:nvCxnSpPr>
        <xdr:cNvPr id="152" name="直線コネクタ 151">
          <a:extLst>
            <a:ext uri="{FF2B5EF4-FFF2-40B4-BE49-F238E27FC236}">
              <a16:creationId xmlns:a16="http://schemas.microsoft.com/office/drawing/2014/main" id="{30045CD9-901D-4751-B70D-526B7781F400}"/>
            </a:ext>
          </a:extLst>
        </xdr:cNvPr>
        <xdr:cNvCxnSpPr/>
      </xdr:nvCxnSpPr>
      <xdr:spPr>
        <a:xfrm flipV="1">
          <a:off x="11798300" y="6429139"/>
          <a:ext cx="762000" cy="97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9</xdr:row>
      <xdr:rowOff>146593</xdr:rowOff>
    </xdr:from>
    <xdr:ext cx="469744" cy="259045"/>
    <xdr:sp macro="" textlink="">
      <xdr:nvSpPr>
        <xdr:cNvPr id="153" name="n_1aveValue債務償還比率">
          <a:extLst>
            <a:ext uri="{FF2B5EF4-FFF2-40B4-BE49-F238E27FC236}">
              <a16:creationId xmlns:a16="http://schemas.microsoft.com/office/drawing/2014/main" id="{EED592CE-E22E-4169-AA31-602C600CA709}"/>
            </a:ext>
          </a:extLst>
        </xdr:cNvPr>
        <xdr:cNvSpPr txBox="1"/>
      </xdr:nvSpPr>
      <xdr:spPr>
        <a:xfrm>
          <a:off x="13836727" y="58901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0</xdr:row>
      <xdr:rowOff>4290</xdr:rowOff>
    </xdr:from>
    <xdr:ext cx="469744" cy="259045"/>
    <xdr:sp macro="" textlink="">
      <xdr:nvSpPr>
        <xdr:cNvPr id="154" name="n_2aveValue債務償還比率">
          <a:extLst>
            <a:ext uri="{FF2B5EF4-FFF2-40B4-BE49-F238E27FC236}">
              <a16:creationId xmlns:a16="http://schemas.microsoft.com/office/drawing/2014/main" id="{85508712-9277-420E-8E32-F1667EB565A7}"/>
            </a:ext>
          </a:extLst>
        </xdr:cNvPr>
        <xdr:cNvSpPr txBox="1"/>
      </xdr:nvSpPr>
      <xdr:spPr>
        <a:xfrm>
          <a:off x="13087427" y="59193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9</xdr:row>
      <xdr:rowOff>156771</xdr:rowOff>
    </xdr:from>
    <xdr:ext cx="469744" cy="259045"/>
    <xdr:sp macro="" textlink="">
      <xdr:nvSpPr>
        <xdr:cNvPr id="155" name="n_3aveValue債務償還比率">
          <a:extLst>
            <a:ext uri="{FF2B5EF4-FFF2-40B4-BE49-F238E27FC236}">
              <a16:creationId xmlns:a16="http://schemas.microsoft.com/office/drawing/2014/main" id="{E52124DC-42D1-414A-BAA7-8E2CA3E64802}"/>
            </a:ext>
          </a:extLst>
        </xdr:cNvPr>
        <xdr:cNvSpPr txBox="1"/>
      </xdr:nvSpPr>
      <xdr:spPr>
        <a:xfrm>
          <a:off x="12325427" y="5900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0</xdr:row>
      <xdr:rowOff>13697</xdr:rowOff>
    </xdr:from>
    <xdr:ext cx="469744" cy="259045"/>
    <xdr:sp macro="" textlink="">
      <xdr:nvSpPr>
        <xdr:cNvPr id="156" name="n_4aveValue債務償還比率">
          <a:extLst>
            <a:ext uri="{FF2B5EF4-FFF2-40B4-BE49-F238E27FC236}">
              <a16:creationId xmlns:a16="http://schemas.microsoft.com/office/drawing/2014/main" id="{3A714AF0-C2CE-4871-B624-24D88C455BF9}"/>
            </a:ext>
          </a:extLst>
        </xdr:cNvPr>
        <xdr:cNvSpPr txBox="1"/>
      </xdr:nvSpPr>
      <xdr:spPr>
        <a:xfrm>
          <a:off x="11563427" y="59287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33</xdr:row>
      <xdr:rowOff>67908</xdr:rowOff>
    </xdr:from>
    <xdr:ext cx="469744" cy="259045"/>
    <xdr:sp macro="" textlink="">
      <xdr:nvSpPr>
        <xdr:cNvPr id="157" name="n_1mainValue債務償還比率">
          <a:extLst>
            <a:ext uri="{FF2B5EF4-FFF2-40B4-BE49-F238E27FC236}">
              <a16:creationId xmlns:a16="http://schemas.microsoft.com/office/drawing/2014/main" id="{A66E5BA8-3060-41F2-B4AF-A7A91F4CD490}"/>
            </a:ext>
          </a:extLst>
        </xdr:cNvPr>
        <xdr:cNvSpPr txBox="1"/>
      </xdr:nvSpPr>
      <xdr:spPr>
        <a:xfrm>
          <a:off x="13836727" y="64972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33</xdr:row>
      <xdr:rowOff>104611</xdr:rowOff>
    </xdr:from>
    <xdr:ext cx="469744" cy="259045"/>
    <xdr:sp macro="" textlink="">
      <xdr:nvSpPr>
        <xdr:cNvPr id="158" name="n_2mainValue債務償還比率">
          <a:extLst>
            <a:ext uri="{FF2B5EF4-FFF2-40B4-BE49-F238E27FC236}">
              <a16:creationId xmlns:a16="http://schemas.microsoft.com/office/drawing/2014/main" id="{B52177A7-3E83-4543-9468-3FAF621171D6}"/>
            </a:ext>
          </a:extLst>
        </xdr:cNvPr>
        <xdr:cNvSpPr txBox="1"/>
      </xdr:nvSpPr>
      <xdr:spPr>
        <a:xfrm>
          <a:off x="13087427" y="65339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33</xdr:row>
      <xdr:rowOff>41691</xdr:rowOff>
    </xdr:from>
    <xdr:ext cx="469744" cy="259045"/>
    <xdr:sp macro="" textlink="">
      <xdr:nvSpPr>
        <xdr:cNvPr id="159" name="n_3mainValue債務償還比率">
          <a:extLst>
            <a:ext uri="{FF2B5EF4-FFF2-40B4-BE49-F238E27FC236}">
              <a16:creationId xmlns:a16="http://schemas.microsoft.com/office/drawing/2014/main" id="{7DFBEDED-BAC0-4412-894F-67B5E127013B}"/>
            </a:ext>
          </a:extLst>
        </xdr:cNvPr>
        <xdr:cNvSpPr txBox="1"/>
      </xdr:nvSpPr>
      <xdr:spPr>
        <a:xfrm>
          <a:off x="12325427" y="6471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33</xdr:row>
      <xdr:rowOff>139617</xdr:rowOff>
    </xdr:from>
    <xdr:ext cx="469744" cy="259045"/>
    <xdr:sp macro="" textlink="">
      <xdr:nvSpPr>
        <xdr:cNvPr id="160" name="n_4mainValue債務償還比率">
          <a:extLst>
            <a:ext uri="{FF2B5EF4-FFF2-40B4-BE49-F238E27FC236}">
              <a16:creationId xmlns:a16="http://schemas.microsoft.com/office/drawing/2014/main" id="{0439215C-9F59-488C-ACD6-794349803FE4}"/>
            </a:ext>
          </a:extLst>
        </xdr:cNvPr>
        <xdr:cNvSpPr txBox="1"/>
      </xdr:nvSpPr>
      <xdr:spPr>
        <a:xfrm>
          <a:off x="11563427" y="6568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61" name="正方形/長方形 160">
          <a:extLst>
            <a:ext uri="{FF2B5EF4-FFF2-40B4-BE49-F238E27FC236}">
              <a16:creationId xmlns:a16="http://schemas.microsoft.com/office/drawing/2014/main" id="{4507BA12-935D-4A23-9744-C67DEF41E216}"/>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2" name="正方形/長方形 161">
          <a:extLst>
            <a:ext uri="{FF2B5EF4-FFF2-40B4-BE49-F238E27FC236}">
              <a16:creationId xmlns:a16="http://schemas.microsoft.com/office/drawing/2014/main" id="{20B456E1-F840-455D-8EFC-7822195FDD7E}"/>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3" name="テキスト ボックス 162">
          <a:extLst>
            <a:ext uri="{FF2B5EF4-FFF2-40B4-BE49-F238E27FC236}">
              <a16:creationId xmlns:a16="http://schemas.microsoft.com/office/drawing/2014/main" id="{75D7FDA9-6A91-4E4C-984B-466920523489}"/>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4" name="テキスト ボックス 163">
          <a:extLst>
            <a:ext uri="{FF2B5EF4-FFF2-40B4-BE49-F238E27FC236}">
              <a16:creationId xmlns:a16="http://schemas.microsoft.com/office/drawing/2014/main" id="{0934B6E1-39CA-4DAA-A9EA-7CA22B2292DE}"/>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5" name="テキスト ボックス 164">
          <a:extLst>
            <a:ext uri="{FF2B5EF4-FFF2-40B4-BE49-F238E27FC236}">
              <a16:creationId xmlns:a16="http://schemas.microsoft.com/office/drawing/2014/main" id="{B9FF70BB-EB96-4A61-BB46-FD0247C05548}"/>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6" name="テキスト ボックス 165">
          <a:extLst>
            <a:ext uri="{FF2B5EF4-FFF2-40B4-BE49-F238E27FC236}">
              <a16:creationId xmlns:a16="http://schemas.microsoft.com/office/drawing/2014/main" id="{F2963351-3B19-4AF2-A2B9-BE8D0D25101D}"/>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9BFA947B-C9BC-4F75-8A62-8736BBF138B5}"/>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07862E0F-A8C8-4CA0-B2F7-82247EA6EA7E}"/>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284B5BD5-90F0-48B7-B757-1A899C95206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65D88362-F6CB-4EE4-8FB6-8EC1DB18FB8E}"/>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E2A9D701-BCA4-4F09-A349-00E2530E5A73}"/>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2738D7D1-F4E5-4C81-82FC-65BEB3E633AA}"/>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7A78A127-6296-4137-878D-1AEC79A5A1C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44191FF0-4413-46E4-B88D-18936EDEDD0A}"/>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E199CC3B-E48A-41DB-950E-BF5E7F180909}"/>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C747A8D7-C981-45A4-88BF-1A205AA4DACE}"/>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795
97,298
55.56
38,593,373
36,101,492
2,440,297
20,871,660
22,402,6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34C76E9C-B372-4BA8-82D4-F62490484BFB}"/>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B3ED5179-5017-438D-B6B8-FF77DF7FD0CC}"/>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8B6B4245-AD3D-4230-934B-77AAD507435E}"/>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16CA2B4D-DD91-4E89-8DCE-E0EE6C4E2F1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3D350BAA-740F-4A65-AECE-53FC09B65785}"/>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id="{23010DB9-0F0A-4BB4-BC7A-92538E0C3ABA}"/>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FEA959F1-CB7B-4054-977C-301F009437F8}"/>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ED282E19-5B82-41C3-9371-8D715B4BD63D}"/>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576150C4-0D99-45C3-910D-C8C764983EFB}"/>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75758AC6-AFFD-48E2-82DC-F5EDD4A0E3B8}"/>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C88955FE-6244-42D9-81F4-A75A8DA970E1}"/>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814E892D-C33F-456E-8147-4C8805836C73}"/>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9047A676-092C-4048-AA63-3F20D347FA44}"/>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94E9544A-BF5C-4766-BA16-96FEF6F7DB43}"/>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B5E2A730-5CC8-443E-9F20-229DC3E81F54}"/>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DC91D63-8AD0-4C59-8FEB-808B7C869D7C}"/>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7A35C3AE-759C-4034-90A5-FEA21D59606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2F20FEA5-CCFC-4F00-AA75-2479CA4FADBD}"/>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14B2AAD8-60C6-4242-BCE2-BA99D67139F3}"/>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BD34C67E-B878-4328-92BF-8EC610B17C54}"/>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112B4BAD-C07C-4594-B15A-8E759556B80F}"/>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891402D8-1B1D-4329-9E00-5740CF4AC408}"/>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31285108-63A0-4400-B5DD-ADBBB9A54E08}"/>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EFDC7197-0FA4-4346-ABF9-70A01596248E}"/>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8F302588-1DB7-4ACC-997C-22D4B9C74145}"/>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F0EE9CDD-322B-4056-96E0-CE8571FAC2BD}"/>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90646E2E-3FEF-4173-BB2B-0E9492144066}"/>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32A75039-6365-4B9F-8180-822BC94E0EAC}"/>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E50EE8EC-EFD5-4F03-9295-3518ECEE7022}"/>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2FB29A54-B484-41CA-B196-5EEC7EE9738D}"/>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2B0C57E8-925C-484A-9F0C-2107B368E0C1}"/>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36C1F9EC-0AF7-40F9-A403-DDB780E6F2E9}"/>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id="{60238C48-D265-4C69-8743-91F5609184B8}"/>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id="{6CF47966-FB52-487D-9BF0-4A8D9B795FD6}"/>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id="{25D8F7D8-1BC5-4BD3-911A-E6B793E2A538}"/>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id="{1399F122-1EB3-4980-B324-B406525A14B1}"/>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id="{590F2FC6-2138-4560-8A06-D5D7E74479B0}"/>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id="{C68F9CA1-8FEC-4BC0-B441-BBB18515F131}"/>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id="{3671065E-24B4-4F85-A84F-F5EDC1D6CA9C}"/>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id="{C4E9CCAA-6AEF-4887-BBF5-21AD12E1798B}"/>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id="{56BB8F32-F8B3-4CAE-B91A-BD9825F7480C}"/>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id="{0FC08D22-617D-4A1A-A128-2140EB719B88}"/>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id="{A5E38AD0-72B9-41E6-9F90-53E5C174AC70}"/>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id="{D7FC8359-22A9-43F8-BDFA-42AE99E16D88}"/>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id="{93B8CDD7-6D23-4C58-B573-FB3B775DC716}"/>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121920</xdr:rowOff>
    </xdr:from>
    <xdr:to>
      <xdr:col>24</xdr:col>
      <xdr:colOff>62865</xdr:colOff>
      <xdr:row>41</xdr:row>
      <xdr:rowOff>133350</xdr:rowOff>
    </xdr:to>
    <xdr:cxnSp macro="">
      <xdr:nvCxnSpPr>
        <xdr:cNvPr id="57" name="直線コネクタ 56">
          <a:extLst>
            <a:ext uri="{FF2B5EF4-FFF2-40B4-BE49-F238E27FC236}">
              <a16:creationId xmlns:a16="http://schemas.microsoft.com/office/drawing/2014/main" id="{FC451C2B-46B8-462C-BF50-02A8ECE2B487}"/>
            </a:ext>
          </a:extLst>
        </xdr:cNvPr>
        <xdr:cNvCxnSpPr/>
      </xdr:nvCxnSpPr>
      <xdr:spPr>
        <a:xfrm flipV="1">
          <a:off x="4634865" y="5951220"/>
          <a:ext cx="0" cy="1211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37177</xdr:rowOff>
    </xdr:from>
    <xdr:ext cx="405111" cy="259045"/>
    <xdr:sp macro="" textlink="">
      <xdr:nvSpPr>
        <xdr:cNvPr id="58" name="【道路】&#10;有形固定資産減価償却率最小値テキスト">
          <a:extLst>
            <a:ext uri="{FF2B5EF4-FFF2-40B4-BE49-F238E27FC236}">
              <a16:creationId xmlns:a16="http://schemas.microsoft.com/office/drawing/2014/main" id="{DA7EF65D-FB4A-4623-AE72-BEC5EB80A06B}"/>
            </a:ext>
          </a:extLst>
        </xdr:cNvPr>
        <xdr:cNvSpPr txBox="1"/>
      </xdr:nvSpPr>
      <xdr:spPr>
        <a:xfrm>
          <a:off x="4673600" y="7166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33350</xdr:rowOff>
    </xdr:from>
    <xdr:to>
      <xdr:col>24</xdr:col>
      <xdr:colOff>152400</xdr:colOff>
      <xdr:row>41</xdr:row>
      <xdr:rowOff>133350</xdr:rowOff>
    </xdr:to>
    <xdr:cxnSp macro="">
      <xdr:nvCxnSpPr>
        <xdr:cNvPr id="59" name="直線コネクタ 58">
          <a:extLst>
            <a:ext uri="{FF2B5EF4-FFF2-40B4-BE49-F238E27FC236}">
              <a16:creationId xmlns:a16="http://schemas.microsoft.com/office/drawing/2014/main" id="{DB55AB47-7647-41DC-9C65-D3D3597EA3A5}"/>
            </a:ext>
          </a:extLst>
        </xdr:cNvPr>
        <xdr:cNvCxnSpPr/>
      </xdr:nvCxnSpPr>
      <xdr:spPr>
        <a:xfrm>
          <a:off x="4546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3</xdr:row>
      <xdr:rowOff>68597</xdr:rowOff>
    </xdr:from>
    <xdr:ext cx="405111" cy="259045"/>
    <xdr:sp macro="" textlink="">
      <xdr:nvSpPr>
        <xdr:cNvPr id="60" name="【道路】&#10;有形固定資産減価償却率最大値テキスト">
          <a:extLst>
            <a:ext uri="{FF2B5EF4-FFF2-40B4-BE49-F238E27FC236}">
              <a16:creationId xmlns:a16="http://schemas.microsoft.com/office/drawing/2014/main" id="{7222B152-53FE-4BD3-8A2E-30623814E4C0}"/>
            </a:ext>
          </a:extLst>
        </xdr:cNvPr>
        <xdr:cNvSpPr txBox="1"/>
      </xdr:nvSpPr>
      <xdr:spPr>
        <a:xfrm>
          <a:off x="4673600" y="5726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121920</xdr:rowOff>
    </xdr:from>
    <xdr:to>
      <xdr:col>24</xdr:col>
      <xdr:colOff>152400</xdr:colOff>
      <xdr:row>34</xdr:row>
      <xdr:rowOff>121920</xdr:rowOff>
    </xdr:to>
    <xdr:cxnSp macro="">
      <xdr:nvCxnSpPr>
        <xdr:cNvPr id="61" name="直線コネクタ 60">
          <a:extLst>
            <a:ext uri="{FF2B5EF4-FFF2-40B4-BE49-F238E27FC236}">
              <a16:creationId xmlns:a16="http://schemas.microsoft.com/office/drawing/2014/main" id="{74592694-915D-47F8-B069-AF882F010655}"/>
            </a:ext>
          </a:extLst>
        </xdr:cNvPr>
        <xdr:cNvCxnSpPr/>
      </xdr:nvCxnSpPr>
      <xdr:spPr>
        <a:xfrm>
          <a:off x="4546600" y="595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3992</xdr:rowOff>
    </xdr:from>
    <xdr:ext cx="405111" cy="259045"/>
    <xdr:sp macro="" textlink="">
      <xdr:nvSpPr>
        <xdr:cNvPr id="62" name="【道路】&#10;有形固定資産減価償却率平均値テキスト">
          <a:extLst>
            <a:ext uri="{FF2B5EF4-FFF2-40B4-BE49-F238E27FC236}">
              <a16:creationId xmlns:a16="http://schemas.microsoft.com/office/drawing/2014/main" id="{FF4D13F2-B04B-417B-8518-F6E34E45AA12}"/>
            </a:ext>
          </a:extLst>
        </xdr:cNvPr>
        <xdr:cNvSpPr txBox="1"/>
      </xdr:nvSpPr>
      <xdr:spPr>
        <a:xfrm>
          <a:off x="4673600" y="639764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31115</xdr:rowOff>
    </xdr:from>
    <xdr:to>
      <xdr:col>24</xdr:col>
      <xdr:colOff>114300</xdr:colOff>
      <xdr:row>38</xdr:row>
      <xdr:rowOff>132715</xdr:rowOff>
    </xdr:to>
    <xdr:sp macro="" textlink="">
      <xdr:nvSpPr>
        <xdr:cNvPr id="63" name="フローチャート: 判断 62">
          <a:extLst>
            <a:ext uri="{FF2B5EF4-FFF2-40B4-BE49-F238E27FC236}">
              <a16:creationId xmlns:a16="http://schemas.microsoft.com/office/drawing/2014/main" id="{C799997E-3F6C-4DE1-A30D-D5CCAA2A9089}"/>
            </a:ext>
          </a:extLst>
        </xdr:cNvPr>
        <xdr:cNvSpPr/>
      </xdr:nvSpPr>
      <xdr:spPr>
        <a:xfrm>
          <a:off x="4584700" y="6546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19685</xdr:rowOff>
    </xdr:from>
    <xdr:to>
      <xdr:col>20</xdr:col>
      <xdr:colOff>38100</xdr:colOff>
      <xdr:row>38</xdr:row>
      <xdr:rowOff>121285</xdr:rowOff>
    </xdr:to>
    <xdr:sp macro="" textlink="">
      <xdr:nvSpPr>
        <xdr:cNvPr id="64" name="フローチャート: 判断 63">
          <a:extLst>
            <a:ext uri="{FF2B5EF4-FFF2-40B4-BE49-F238E27FC236}">
              <a16:creationId xmlns:a16="http://schemas.microsoft.com/office/drawing/2014/main" id="{3B554EDA-15B0-4AA4-97BF-CC07F1A41F6A}"/>
            </a:ext>
          </a:extLst>
        </xdr:cNvPr>
        <xdr:cNvSpPr/>
      </xdr:nvSpPr>
      <xdr:spPr>
        <a:xfrm>
          <a:off x="3746500" y="6534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8255</xdr:rowOff>
    </xdr:from>
    <xdr:to>
      <xdr:col>15</xdr:col>
      <xdr:colOff>101600</xdr:colOff>
      <xdr:row>38</xdr:row>
      <xdr:rowOff>109855</xdr:rowOff>
    </xdr:to>
    <xdr:sp macro="" textlink="">
      <xdr:nvSpPr>
        <xdr:cNvPr id="65" name="フローチャート: 判断 64">
          <a:extLst>
            <a:ext uri="{FF2B5EF4-FFF2-40B4-BE49-F238E27FC236}">
              <a16:creationId xmlns:a16="http://schemas.microsoft.com/office/drawing/2014/main" id="{5A9762B7-0869-4970-AE91-170B08575B7E}"/>
            </a:ext>
          </a:extLst>
        </xdr:cNvPr>
        <xdr:cNvSpPr/>
      </xdr:nvSpPr>
      <xdr:spPr>
        <a:xfrm>
          <a:off x="2857500" y="652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47320</xdr:rowOff>
    </xdr:from>
    <xdr:to>
      <xdr:col>10</xdr:col>
      <xdr:colOff>165100</xdr:colOff>
      <xdr:row>38</xdr:row>
      <xdr:rowOff>77470</xdr:rowOff>
    </xdr:to>
    <xdr:sp macro="" textlink="">
      <xdr:nvSpPr>
        <xdr:cNvPr id="66" name="フローチャート: 判断 65">
          <a:extLst>
            <a:ext uri="{FF2B5EF4-FFF2-40B4-BE49-F238E27FC236}">
              <a16:creationId xmlns:a16="http://schemas.microsoft.com/office/drawing/2014/main" id="{347FA258-F30E-4838-9C6A-070968FE1F1B}"/>
            </a:ext>
          </a:extLst>
        </xdr:cNvPr>
        <xdr:cNvSpPr/>
      </xdr:nvSpPr>
      <xdr:spPr>
        <a:xfrm>
          <a:off x="1968500" y="649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128270</xdr:rowOff>
    </xdr:from>
    <xdr:to>
      <xdr:col>6</xdr:col>
      <xdr:colOff>38100</xdr:colOff>
      <xdr:row>38</xdr:row>
      <xdr:rowOff>58420</xdr:rowOff>
    </xdr:to>
    <xdr:sp macro="" textlink="">
      <xdr:nvSpPr>
        <xdr:cNvPr id="67" name="フローチャート: 判断 66">
          <a:extLst>
            <a:ext uri="{FF2B5EF4-FFF2-40B4-BE49-F238E27FC236}">
              <a16:creationId xmlns:a16="http://schemas.microsoft.com/office/drawing/2014/main" id="{D11C4901-25D7-4A62-8413-1E08DC1493D2}"/>
            </a:ext>
          </a:extLst>
        </xdr:cNvPr>
        <xdr:cNvSpPr/>
      </xdr:nvSpPr>
      <xdr:spPr>
        <a:xfrm>
          <a:off x="1079500" y="64719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id="{E77219A1-303E-4666-820C-041F7ACD885A}"/>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6FE952A0-7918-43A1-A4B8-FB04DDFE6F72}"/>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2FFD0C40-4BBB-4FE5-8158-1DE03C7B2D43}"/>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A123AA1F-F793-4E15-84C0-248BFBDC6878}"/>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91DE32CB-F844-4A6C-BF34-BE297F3364BF}"/>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44450</xdr:rowOff>
    </xdr:from>
    <xdr:to>
      <xdr:col>24</xdr:col>
      <xdr:colOff>114300</xdr:colOff>
      <xdr:row>39</xdr:row>
      <xdr:rowOff>146050</xdr:rowOff>
    </xdr:to>
    <xdr:sp macro="" textlink="">
      <xdr:nvSpPr>
        <xdr:cNvPr id="73" name="楕円 72">
          <a:extLst>
            <a:ext uri="{FF2B5EF4-FFF2-40B4-BE49-F238E27FC236}">
              <a16:creationId xmlns:a16="http://schemas.microsoft.com/office/drawing/2014/main" id="{62CF936D-2C7F-4271-87FB-5CBEC47B32FA}"/>
            </a:ext>
          </a:extLst>
        </xdr:cNvPr>
        <xdr:cNvSpPr/>
      </xdr:nvSpPr>
      <xdr:spPr>
        <a:xfrm>
          <a:off x="4584700" y="673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9</xdr:row>
      <xdr:rowOff>22877</xdr:rowOff>
    </xdr:from>
    <xdr:ext cx="405111" cy="259045"/>
    <xdr:sp macro="" textlink="">
      <xdr:nvSpPr>
        <xdr:cNvPr id="74" name="【道路】&#10;有形固定資産減価償却率該当値テキスト">
          <a:extLst>
            <a:ext uri="{FF2B5EF4-FFF2-40B4-BE49-F238E27FC236}">
              <a16:creationId xmlns:a16="http://schemas.microsoft.com/office/drawing/2014/main" id="{6877B806-851A-4035-9CF6-4A6F84AD47F1}"/>
            </a:ext>
          </a:extLst>
        </xdr:cNvPr>
        <xdr:cNvSpPr txBox="1"/>
      </xdr:nvSpPr>
      <xdr:spPr>
        <a:xfrm>
          <a:off x="4673600" y="6709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23495</xdr:rowOff>
    </xdr:from>
    <xdr:to>
      <xdr:col>20</xdr:col>
      <xdr:colOff>38100</xdr:colOff>
      <xdr:row>39</xdr:row>
      <xdr:rowOff>125095</xdr:rowOff>
    </xdr:to>
    <xdr:sp macro="" textlink="">
      <xdr:nvSpPr>
        <xdr:cNvPr id="75" name="楕円 74">
          <a:extLst>
            <a:ext uri="{FF2B5EF4-FFF2-40B4-BE49-F238E27FC236}">
              <a16:creationId xmlns:a16="http://schemas.microsoft.com/office/drawing/2014/main" id="{619042DD-7B08-4DF4-942A-2C6E50D29F60}"/>
            </a:ext>
          </a:extLst>
        </xdr:cNvPr>
        <xdr:cNvSpPr/>
      </xdr:nvSpPr>
      <xdr:spPr>
        <a:xfrm>
          <a:off x="3746500" y="6710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74295</xdr:rowOff>
    </xdr:from>
    <xdr:to>
      <xdr:col>24</xdr:col>
      <xdr:colOff>63500</xdr:colOff>
      <xdr:row>39</xdr:row>
      <xdr:rowOff>95250</xdr:rowOff>
    </xdr:to>
    <xdr:cxnSp macro="">
      <xdr:nvCxnSpPr>
        <xdr:cNvPr id="76" name="直線コネクタ 75">
          <a:extLst>
            <a:ext uri="{FF2B5EF4-FFF2-40B4-BE49-F238E27FC236}">
              <a16:creationId xmlns:a16="http://schemas.microsoft.com/office/drawing/2014/main" id="{ABA4763B-655E-4943-B936-AF7E5AA5E786}"/>
            </a:ext>
          </a:extLst>
        </xdr:cNvPr>
        <xdr:cNvCxnSpPr/>
      </xdr:nvCxnSpPr>
      <xdr:spPr>
        <a:xfrm>
          <a:off x="3797300" y="6760845"/>
          <a:ext cx="8382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9</xdr:row>
      <xdr:rowOff>4445</xdr:rowOff>
    </xdr:from>
    <xdr:to>
      <xdr:col>15</xdr:col>
      <xdr:colOff>101600</xdr:colOff>
      <xdr:row>39</xdr:row>
      <xdr:rowOff>106045</xdr:rowOff>
    </xdr:to>
    <xdr:sp macro="" textlink="">
      <xdr:nvSpPr>
        <xdr:cNvPr id="77" name="楕円 76">
          <a:extLst>
            <a:ext uri="{FF2B5EF4-FFF2-40B4-BE49-F238E27FC236}">
              <a16:creationId xmlns:a16="http://schemas.microsoft.com/office/drawing/2014/main" id="{E277708C-5970-47E6-B9B8-DE66C92EFD02}"/>
            </a:ext>
          </a:extLst>
        </xdr:cNvPr>
        <xdr:cNvSpPr/>
      </xdr:nvSpPr>
      <xdr:spPr>
        <a:xfrm>
          <a:off x="2857500" y="6690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55245</xdr:rowOff>
    </xdr:from>
    <xdr:to>
      <xdr:col>19</xdr:col>
      <xdr:colOff>177800</xdr:colOff>
      <xdr:row>39</xdr:row>
      <xdr:rowOff>74295</xdr:rowOff>
    </xdr:to>
    <xdr:cxnSp macro="">
      <xdr:nvCxnSpPr>
        <xdr:cNvPr id="78" name="直線コネクタ 77">
          <a:extLst>
            <a:ext uri="{FF2B5EF4-FFF2-40B4-BE49-F238E27FC236}">
              <a16:creationId xmlns:a16="http://schemas.microsoft.com/office/drawing/2014/main" id="{46A2F05D-1430-4665-A498-30474D9E3645}"/>
            </a:ext>
          </a:extLst>
        </xdr:cNvPr>
        <xdr:cNvCxnSpPr/>
      </xdr:nvCxnSpPr>
      <xdr:spPr>
        <a:xfrm>
          <a:off x="2908300" y="6741795"/>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53035</xdr:rowOff>
    </xdr:from>
    <xdr:to>
      <xdr:col>10</xdr:col>
      <xdr:colOff>165100</xdr:colOff>
      <xdr:row>39</xdr:row>
      <xdr:rowOff>83185</xdr:rowOff>
    </xdr:to>
    <xdr:sp macro="" textlink="">
      <xdr:nvSpPr>
        <xdr:cNvPr id="79" name="楕円 78">
          <a:extLst>
            <a:ext uri="{FF2B5EF4-FFF2-40B4-BE49-F238E27FC236}">
              <a16:creationId xmlns:a16="http://schemas.microsoft.com/office/drawing/2014/main" id="{0A838E92-D797-4F5D-A29E-8CE1D2C397BA}"/>
            </a:ext>
          </a:extLst>
        </xdr:cNvPr>
        <xdr:cNvSpPr/>
      </xdr:nvSpPr>
      <xdr:spPr>
        <a:xfrm>
          <a:off x="1968500" y="66681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9</xdr:row>
      <xdr:rowOff>32385</xdr:rowOff>
    </xdr:from>
    <xdr:to>
      <xdr:col>15</xdr:col>
      <xdr:colOff>50800</xdr:colOff>
      <xdr:row>39</xdr:row>
      <xdr:rowOff>55245</xdr:rowOff>
    </xdr:to>
    <xdr:cxnSp macro="">
      <xdr:nvCxnSpPr>
        <xdr:cNvPr id="80" name="直線コネクタ 79">
          <a:extLst>
            <a:ext uri="{FF2B5EF4-FFF2-40B4-BE49-F238E27FC236}">
              <a16:creationId xmlns:a16="http://schemas.microsoft.com/office/drawing/2014/main" id="{0421E603-0DDC-4CC1-8A91-40F5210E711B}"/>
            </a:ext>
          </a:extLst>
        </xdr:cNvPr>
        <xdr:cNvCxnSpPr/>
      </xdr:nvCxnSpPr>
      <xdr:spPr>
        <a:xfrm>
          <a:off x="2019300" y="671893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128270</xdr:rowOff>
    </xdr:from>
    <xdr:to>
      <xdr:col>6</xdr:col>
      <xdr:colOff>38100</xdr:colOff>
      <xdr:row>39</xdr:row>
      <xdr:rowOff>58420</xdr:rowOff>
    </xdr:to>
    <xdr:sp macro="" textlink="">
      <xdr:nvSpPr>
        <xdr:cNvPr id="81" name="楕円 80">
          <a:extLst>
            <a:ext uri="{FF2B5EF4-FFF2-40B4-BE49-F238E27FC236}">
              <a16:creationId xmlns:a16="http://schemas.microsoft.com/office/drawing/2014/main" id="{A6D81D93-8960-4BEB-BD90-117115B7FF41}"/>
            </a:ext>
          </a:extLst>
        </xdr:cNvPr>
        <xdr:cNvSpPr/>
      </xdr:nvSpPr>
      <xdr:spPr>
        <a:xfrm>
          <a:off x="1079500" y="6643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9</xdr:row>
      <xdr:rowOff>7620</xdr:rowOff>
    </xdr:from>
    <xdr:to>
      <xdr:col>10</xdr:col>
      <xdr:colOff>114300</xdr:colOff>
      <xdr:row>39</xdr:row>
      <xdr:rowOff>32385</xdr:rowOff>
    </xdr:to>
    <xdr:cxnSp macro="">
      <xdr:nvCxnSpPr>
        <xdr:cNvPr id="82" name="直線コネクタ 81">
          <a:extLst>
            <a:ext uri="{FF2B5EF4-FFF2-40B4-BE49-F238E27FC236}">
              <a16:creationId xmlns:a16="http://schemas.microsoft.com/office/drawing/2014/main" id="{22A61C81-88FA-46B6-8AE9-49B0839887E3}"/>
            </a:ext>
          </a:extLst>
        </xdr:cNvPr>
        <xdr:cNvCxnSpPr/>
      </xdr:nvCxnSpPr>
      <xdr:spPr>
        <a:xfrm>
          <a:off x="1130300" y="6694170"/>
          <a:ext cx="8890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37812</xdr:rowOff>
    </xdr:from>
    <xdr:ext cx="405111" cy="259045"/>
    <xdr:sp macro="" textlink="">
      <xdr:nvSpPr>
        <xdr:cNvPr id="83" name="n_1aveValue【道路】&#10;有形固定資産減価償却率">
          <a:extLst>
            <a:ext uri="{FF2B5EF4-FFF2-40B4-BE49-F238E27FC236}">
              <a16:creationId xmlns:a16="http://schemas.microsoft.com/office/drawing/2014/main" id="{730F9DC3-98B3-4CBB-AF4E-C4071C840440}"/>
            </a:ext>
          </a:extLst>
        </xdr:cNvPr>
        <xdr:cNvSpPr txBox="1"/>
      </xdr:nvSpPr>
      <xdr:spPr>
        <a:xfrm>
          <a:off x="3582044" y="63100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26382</xdr:rowOff>
    </xdr:from>
    <xdr:ext cx="405111" cy="259045"/>
    <xdr:sp macro="" textlink="">
      <xdr:nvSpPr>
        <xdr:cNvPr id="84" name="n_2aveValue【道路】&#10;有形固定資産減価償却率">
          <a:extLst>
            <a:ext uri="{FF2B5EF4-FFF2-40B4-BE49-F238E27FC236}">
              <a16:creationId xmlns:a16="http://schemas.microsoft.com/office/drawing/2014/main" id="{663D1A9E-3527-4FF5-867F-62D09305992E}"/>
            </a:ext>
          </a:extLst>
        </xdr:cNvPr>
        <xdr:cNvSpPr txBox="1"/>
      </xdr:nvSpPr>
      <xdr:spPr>
        <a:xfrm>
          <a:off x="2705744" y="6298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93997</xdr:rowOff>
    </xdr:from>
    <xdr:ext cx="405111" cy="259045"/>
    <xdr:sp macro="" textlink="">
      <xdr:nvSpPr>
        <xdr:cNvPr id="85" name="n_3aveValue【道路】&#10;有形固定資産減価償却率">
          <a:extLst>
            <a:ext uri="{FF2B5EF4-FFF2-40B4-BE49-F238E27FC236}">
              <a16:creationId xmlns:a16="http://schemas.microsoft.com/office/drawing/2014/main" id="{A49F57B4-8113-4430-9655-EFD0B8C3DD35}"/>
            </a:ext>
          </a:extLst>
        </xdr:cNvPr>
        <xdr:cNvSpPr txBox="1"/>
      </xdr:nvSpPr>
      <xdr:spPr>
        <a:xfrm>
          <a:off x="1816744" y="626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74947</xdr:rowOff>
    </xdr:from>
    <xdr:ext cx="405111" cy="259045"/>
    <xdr:sp macro="" textlink="">
      <xdr:nvSpPr>
        <xdr:cNvPr id="86" name="n_4aveValue【道路】&#10;有形固定資産減価償却率">
          <a:extLst>
            <a:ext uri="{FF2B5EF4-FFF2-40B4-BE49-F238E27FC236}">
              <a16:creationId xmlns:a16="http://schemas.microsoft.com/office/drawing/2014/main" id="{DBE42AAC-D968-45B3-98E2-4F03CE612905}"/>
            </a:ext>
          </a:extLst>
        </xdr:cNvPr>
        <xdr:cNvSpPr txBox="1"/>
      </xdr:nvSpPr>
      <xdr:spPr>
        <a:xfrm>
          <a:off x="927744" y="6247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116222</xdr:rowOff>
    </xdr:from>
    <xdr:ext cx="405111" cy="259045"/>
    <xdr:sp macro="" textlink="">
      <xdr:nvSpPr>
        <xdr:cNvPr id="87" name="n_1mainValue【道路】&#10;有形固定資産減価償却率">
          <a:extLst>
            <a:ext uri="{FF2B5EF4-FFF2-40B4-BE49-F238E27FC236}">
              <a16:creationId xmlns:a16="http://schemas.microsoft.com/office/drawing/2014/main" id="{1158317E-E2DC-4156-9A38-226B899C49B6}"/>
            </a:ext>
          </a:extLst>
        </xdr:cNvPr>
        <xdr:cNvSpPr txBox="1"/>
      </xdr:nvSpPr>
      <xdr:spPr>
        <a:xfrm>
          <a:off x="3582044" y="6802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97172</xdr:rowOff>
    </xdr:from>
    <xdr:ext cx="405111" cy="259045"/>
    <xdr:sp macro="" textlink="">
      <xdr:nvSpPr>
        <xdr:cNvPr id="88" name="n_2mainValue【道路】&#10;有形固定資産減価償却率">
          <a:extLst>
            <a:ext uri="{FF2B5EF4-FFF2-40B4-BE49-F238E27FC236}">
              <a16:creationId xmlns:a16="http://schemas.microsoft.com/office/drawing/2014/main" id="{6B1280D5-87B2-4EDD-B44B-83EB00D0E8FA}"/>
            </a:ext>
          </a:extLst>
        </xdr:cNvPr>
        <xdr:cNvSpPr txBox="1"/>
      </xdr:nvSpPr>
      <xdr:spPr>
        <a:xfrm>
          <a:off x="2705744" y="6783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9</xdr:row>
      <xdr:rowOff>74312</xdr:rowOff>
    </xdr:from>
    <xdr:ext cx="405111" cy="259045"/>
    <xdr:sp macro="" textlink="">
      <xdr:nvSpPr>
        <xdr:cNvPr id="89" name="n_3mainValue【道路】&#10;有形固定資産減価償却率">
          <a:extLst>
            <a:ext uri="{FF2B5EF4-FFF2-40B4-BE49-F238E27FC236}">
              <a16:creationId xmlns:a16="http://schemas.microsoft.com/office/drawing/2014/main" id="{0FAB9858-329E-4021-AAF9-0F4136B320D4}"/>
            </a:ext>
          </a:extLst>
        </xdr:cNvPr>
        <xdr:cNvSpPr txBox="1"/>
      </xdr:nvSpPr>
      <xdr:spPr>
        <a:xfrm>
          <a:off x="1816744" y="6760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9</xdr:row>
      <xdr:rowOff>49547</xdr:rowOff>
    </xdr:from>
    <xdr:ext cx="405111" cy="259045"/>
    <xdr:sp macro="" textlink="">
      <xdr:nvSpPr>
        <xdr:cNvPr id="90" name="n_4mainValue【道路】&#10;有形固定資産減価償却率">
          <a:extLst>
            <a:ext uri="{FF2B5EF4-FFF2-40B4-BE49-F238E27FC236}">
              <a16:creationId xmlns:a16="http://schemas.microsoft.com/office/drawing/2014/main" id="{98C6E6D3-A76C-489B-A324-06490EBB1CD0}"/>
            </a:ext>
          </a:extLst>
        </xdr:cNvPr>
        <xdr:cNvSpPr txBox="1"/>
      </xdr:nvSpPr>
      <xdr:spPr>
        <a:xfrm>
          <a:off x="927744" y="673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id="{8C7AEB0D-478C-49A5-B9B7-4D2598A8CB6B}"/>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id="{28E4E0BF-9DE5-4F64-B436-FC3E7B4CAEEE}"/>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id="{CCAAFAA2-7511-446C-BA8B-E2A2B35E9724}"/>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id="{DF088FDA-7B3E-4B13-982E-64E2471547E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id="{3C5C33F5-D909-4816-9797-F678A5FDF19B}"/>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id="{D619B421-1D12-4044-9EF2-3D7F0CBB7BF0}"/>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id="{AA79CB69-EE7A-4119-A629-8F0C1CAB4D3A}"/>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id="{C7DE0196-5BB4-4699-8287-822041487378}"/>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id="{7B432FE9-8D1A-41B6-BAE6-FB6108BD0FEA}"/>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id="{22B00B1F-02B4-4FD8-9DE2-2C5F80490FB9}"/>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101" name="直線コネクタ 100">
          <a:extLst>
            <a:ext uri="{FF2B5EF4-FFF2-40B4-BE49-F238E27FC236}">
              <a16:creationId xmlns:a16="http://schemas.microsoft.com/office/drawing/2014/main" id="{A087382D-274C-4BF0-B9E8-FC57B419D38D}"/>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2" name="テキスト ボックス 101">
          <a:extLst>
            <a:ext uri="{FF2B5EF4-FFF2-40B4-BE49-F238E27FC236}">
              <a16:creationId xmlns:a16="http://schemas.microsoft.com/office/drawing/2014/main" id="{FB3EC32E-75F0-4CCB-845B-0DC3AB758471}"/>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3" name="直線コネクタ 102">
          <a:extLst>
            <a:ext uri="{FF2B5EF4-FFF2-40B4-BE49-F238E27FC236}">
              <a16:creationId xmlns:a16="http://schemas.microsoft.com/office/drawing/2014/main" id="{6F66EB77-AA6A-4C78-A9C0-707AFFDD4926}"/>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4" name="テキスト ボックス 103">
          <a:extLst>
            <a:ext uri="{FF2B5EF4-FFF2-40B4-BE49-F238E27FC236}">
              <a16:creationId xmlns:a16="http://schemas.microsoft.com/office/drawing/2014/main" id="{90D4E3D3-BE91-4207-A7E9-AEE4F2A50F9C}"/>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5" name="直線コネクタ 104">
          <a:extLst>
            <a:ext uri="{FF2B5EF4-FFF2-40B4-BE49-F238E27FC236}">
              <a16:creationId xmlns:a16="http://schemas.microsoft.com/office/drawing/2014/main" id="{989CEC9C-B0FA-4031-A409-F800190E1167}"/>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62577</xdr:rowOff>
    </xdr:from>
    <xdr:ext cx="531299" cy="259045"/>
    <xdr:sp macro="" textlink="">
      <xdr:nvSpPr>
        <xdr:cNvPr id="106" name="テキスト ボックス 105">
          <a:extLst>
            <a:ext uri="{FF2B5EF4-FFF2-40B4-BE49-F238E27FC236}">
              <a16:creationId xmlns:a16="http://schemas.microsoft.com/office/drawing/2014/main" id="{F5DEE51C-EAAB-4805-805B-3C54246E1205}"/>
            </a:ext>
          </a:extLst>
        </xdr:cNvPr>
        <xdr:cNvSpPr txBox="1"/>
      </xdr:nvSpPr>
      <xdr:spPr>
        <a:xfrm>
          <a:off x="6072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7" name="直線コネクタ 106">
          <a:extLst>
            <a:ext uri="{FF2B5EF4-FFF2-40B4-BE49-F238E27FC236}">
              <a16:creationId xmlns:a16="http://schemas.microsoft.com/office/drawing/2014/main" id="{E8A6A8E1-3C02-4EB3-B948-300802C68027}"/>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24477</xdr:rowOff>
    </xdr:from>
    <xdr:ext cx="531299" cy="259045"/>
    <xdr:sp macro="" textlink="">
      <xdr:nvSpPr>
        <xdr:cNvPr id="108" name="テキスト ボックス 107">
          <a:extLst>
            <a:ext uri="{FF2B5EF4-FFF2-40B4-BE49-F238E27FC236}">
              <a16:creationId xmlns:a16="http://schemas.microsoft.com/office/drawing/2014/main" id="{05D9B7B9-38C4-4916-A8B3-EBB344EB423E}"/>
            </a:ext>
          </a:extLst>
        </xdr:cNvPr>
        <xdr:cNvSpPr txBox="1"/>
      </xdr:nvSpPr>
      <xdr:spPr>
        <a:xfrm>
          <a:off x="6072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9" name="直線コネクタ 108">
          <a:extLst>
            <a:ext uri="{FF2B5EF4-FFF2-40B4-BE49-F238E27FC236}">
              <a16:creationId xmlns:a16="http://schemas.microsoft.com/office/drawing/2014/main" id="{9F131C3B-FB82-4E51-B6C9-90533A42D4DF}"/>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10" name="テキスト ボックス 109">
          <a:extLst>
            <a:ext uri="{FF2B5EF4-FFF2-40B4-BE49-F238E27FC236}">
              <a16:creationId xmlns:a16="http://schemas.microsoft.com/office/drawing/2014/main" id="{9279645E-1F56-48D9-940A-F70C72F69E70}"/>
            </a:ext>
          </a:extLst>
        </xdr:cNvPr>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1" name="直線コネクタ 110">
          <a:extLst>
            <a:ext uri="{FF2B5EF4-FFF2-40B4-BE49-F238E27FC236}">
              <a16:creationId xmlns:a16="http://schemas.microsoft.com/office/drawing/2014/main" id="{14DEBEC7-BA9E-4A05-8D15-B1902A1CFCA3}"/>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2" name="テキスト ボックス 111">
          <a:extLst>
            <a:ext uri="{FF2B5EF4-FFF2-40B4-BE49-F238E27FC236}">
              <a16:creationId xmlns:a16="http://schemas.microsoft.com/office/drawing/2014/main" id="{8CD450C7-4618-40F2-8933-348FC662EDB0}"/>
            </a:ext>
          </a:extLst>
        </xdr:cNvPr>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3" name="【道路】&#10;一人当たり延長グラフ枠">
          <a:extLst>
            <a:ext uri="{FF2B5EF4-FFF2-40B4-BE49-F238E27FC236}">
              <a16:creationId xmlns:a16="http://schemas.microsoft.com/office/drawing/2014/main" id="{A155C959-C0C1-4980-AA7E-178F224DF9A7}"/>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90678</xdr:rowOff>
    </xdr:from>
    <xdr:to>
      <xdr:col>54</xdr:col>
      <xdr:colOff>189865</xdr:colOff>
      <xdr:row>41</xdr:row>
      <xdr:rowOff>104242</xdr:rowOff>
    </xdr:to>
    <xdr:cxnSp macro="">
      <xdr:nvCxnSpPr>
        <xdr:cNvPr id="114" name="直線コネクタ 113">
          <a:extLst>
            <a:ext uri="{FF2B5EF4-FFF2-40B4-BE49-F238E27FC236}">
              <a16:creationId xmlns:a16="http://schemas.microsoft.com/office/drawing/2014/main" id="{AB7549F7-D9FC-4856-A5EB-A3E2EEBE1A1C}"/>
            </a:ext>
          </a:extLst>
        </xdr:cNvPr>
        <xdr:cNvCxnSpPr/>
      </xdr:nvCxnSpPr>
      <xdr:spPr>
        <a:xfrm flipV="1">
          <a:off x="10476865" y="5919978"/>
          <a:ext cx="0" cy="12137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8069</xdr:rowOff>
    </xdr:from>
    <xdr:ext cx="469744" cy="259045"/>
    <xdr:sp macro="" textlink="">
      <xdr:nvSpPr>
        <xdr:cNvPr id="115" name="【道路】&#10;一人当たり延長最小値テキスト">
          <a:extLst>
            <a:ext uri="{FF2B5EF4-FFF2-40B4-BE49-F238E27FC236}">
              <a16:creationId xmlns:a16="http://schemas.microsoft.com/office/drawing/2014/main" id="{B1ECFB7D-6BEF-47EA-9BF1-4CAC8615F327}"/>
            </a:ext>
          </a:extLst>
        </xdr:cNvPr>
        <xdr:cNvSpPr txBox="1"/>
      </xdr:nvSpPr>
      <xdr:spPr>
        <a:xfrm>
          <a:off x="10515600" y="7137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04242</xdr:rowOff>
    </xdr:from>
    <xdr:to>
      <xdr:col>55</xdr:col>
      <xdr:colOff>88900</xdr:colOff>
      <xdr:row>41</xdr:row>
      <xdr:rowOff>104242</xdr:rowOff>
    </xdr:to>
    <xdr:cxnSp macro="">
      <xdr:nvCxnSpPr>
        <xdr:cNvPr id="116" name="直線コネクタ 115">
          <a:extLst>
            <a:ext uri="{FF2B5EF4-FFF2-40B4-BE49-F238E27FC236}">
              <a16:creationId xmlns:a16="http://schemas.microsoft.com/office/drawing/2014/main" id="{59573DAE-EF4C-4866-9154-8E4A3FF6036E}"/>
            </a:ext>
          </a:extLst>
        </xdr:cNvPr>
        <xdr:cNvCxnSpPr/>
      </xdr:nvCxnSpPr>
      <xdr:spPr>
        <a:xfrm>
          <a:off x="10388600" y="71336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37355</xdr:rowOff>
    </xdr:from>
    <xdr:ext cx="534377" cy="259045"/>
    <xdr:sp macro="" textlink="">
      <xdr:nvSpPr>
        <xdr:cNvPr id="117" name="【道路】&#10;一人当たり延長最大値テキスト">
          <a:extLst>
            <a:ext uri="{FF2B5EF4-FFF2-40B4-BE49-F238E27FC236}">
              <a16:creationId xmlns:a16="http://schemas.microsoft.com/office/drawing/2014/main" id="{582F94BF-2517-4363-9FF0-9C4B093CCE7A}"/>
            </a:ext>
          </a:extLst>
        </xdr:cNvPr>
        <xdr:cNvSpPr txBox="1"/>
      </xdr:nvSpPr>
      <xdr:spPr>
        <a:xfrm>
          <a:off x="10515600" y="56952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90678</xdr:rowOff>
    </xdr:from>
    <xdr:to>
      <xdr:col>55</xdr:col>
      <xdr:colOff>88900</xdr:colOff>
      <xdr:row>34</xdr:row>
      <xdr:rowOff>90678</xdr:rowOff>
    </xdr:to>
    <xdr:cxnSp macro="">
      <xdr:nvCxnSpPr>
        <xdr:cNvPr id="118" name="直線コネクタ 117">
          <a:extLst>
            <a:ext uri="{FF2B5EF4-FFF2-40B4-BE49-F238E27FC236}">
              <a16:creationId xmlns:a16="http://schemas.microsoft.com/office/drawing/2014/main" id="{44FFA389-0596-4C75-8FC0-55F7EC31E8F2}"/>
            </a:ext>
          </a:extLst>
        </xdr:cNvPr>
        <xdr:cNvCxnSpPr/>
      </xdr:nvCxnSpPr>
      <xdr:spPr>
        <a:xfrm>
          <a:off x="10388600" y="59199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7027</xdr:rowOff>
    </xdr:from>
    <xdr:ext cx="469744" cy="259045"/>
    <xdr:sp macro="" textlink="">
      <xdr:nvSpPr>
        <xdr:cNvPr id="119" name="【道路】&#10;一人当たり延長平均値テキスト">
          <a:extLst>
            <a:ext uri="{FF2B5EF4-FFF2-40B4-BE49-F238E27FC236}">
              <a16:creationId xmlns:a16="http://schemas.microsoft.com/office/drawing/2014/main" id="{A097E715-0BE5-4AE4-BC81-ABCFA674F719}"/>
            </a:ext>
          </a:extLst>
        </xdr:cNvPr>
        <xdr:cNvSpPr txBox="1"/>
      </xdr:nvSpPr>
      <xdr:spPr>
        <a:xfrm>
          <a:off x="10515600" y="66221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4150</xdr:rowOff>
    </xdr:from>
    <xdr:to>
      <xdr:col>55</xdr:col>
      <xdr:colOff>50800</xdr:colOff>
      <xdr:row>40</xdr:row>
      <xdr:rowOff>14300</xdr:rowOff>
    </xdr:to>
    <xdr:sp macro="" textlink="">
      <xdr:nvSpPr>
        <xdr:cNvPr id="120" name="フローチャート: 判断 119">
          <a:extLst>
            <a:ext uri="{FF2B5EF4-FFF2-40B4-BE49-F238E27FC236}">
              <a16:creationId xmlns:a16="http://schemas.microsoft.com/office/drawing/2014/main" id="{3180CA91-2E75-4A5D-AA15-5891B8F400D5}"/>
            </a:ext>
          </a:extLst>
        </xdr:cNvPr>
        <xdr:cNvSpPr/>
      </xdr:nvSpPr>
      <xdr:spPr>
        <a:xfrm>
          <a:off x="10426700" y="677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67767</xdr:rowOff>
    </xdr:from>
    <xdr:to>
      <xdr:col>50</xdr:col>
      <xdr:colOff>165100</xdr:colOff>
      <xdr:row>39</xdr:row>
      <xdr:rowOff>169367</xdr:rowOff>
    </xdr:to>
    <xdr:sp macro="" textlink="">
      <xdr:nvSpPr>
        <xdr:cNvPr id="121" name="フローチャート: 判断 120">
          <a:extLst>
            <a:ext uri="{FF2B5EF4-FFF2-40B4-BE49-F238E27FC236}">
              <a16:creationId xmlns:a16="http://schemas.microsoft.com/office/drawing/2014/main" id="{1BB809B3-5D4E-4F99-A30E-CC22072A9884}"/>
            </a:ext>
          </a:extLst>
        </xdr:cNvPr>
        <xdr:cNvSpPr/>
      </xdr:nvSpPr>
      <xdr:spPr>
        <a:xfrm>
          <a:off x="9588500" y="6754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89560</xdr:rowOff>
    </xdr:from>
    <xdr:to>
      <xdr:col>46</xdr:col>
      <xdr:colOff>38100</xdr:colOff>
      <xdr:row>40</xdr:row>
      <xdr:rowOff>19710</xdr:rowOff>
    </xdr:to>
    <xdr:sp macro="" textlink="">
      <xdr:nvSpPr>
        <xdr:cNvPr id="122" name="フローチャート: 判断 121">
          <a:extLst>
            <a:ext uri="{FF2B5EF4-FFF2-40B4-BE49-F238E27FC236}">
              <a16:creationId xmlns:a16="http://schemas.microsoft.com/office/drawing/2014/main" id="{1DC796C8-48B2-4BFC-809A-C7C3FFEB49B3}"/>
            </a:ext>
          </a:extLst>
        </xdr:cNvPr>
        <xdr:cNvSpPr/>
      </xdr:nvSpPr>
      <xdr:spPr>
        <a:xfrm>
          <a:off x="8699500" y="6776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85674</xdr:rowOff>
    </xdr:from>
    <xdr:to>
      <xdr:col>41</xdr:col>
      <xdr:colOff>101600</xdr:colOff>
      <xdr:row>40</xdr:row>
      <xdr:rowOff>15824</xdr:rowOff>
    </xdr:to>
    <xdr:sp macro="" textlink="">
      <xdr:nvSpPr>
        <xdr:cNvPr id="123" name="フローチャート: 判断 122">
          <a:extLst>
            <a:ext uri="{FF2B5EF4-FFF2-40B4-BE49-F238E27FC236}">
              <a16:creationId xmlns:a16="http://schemas.microsoft.com/office/drawing/2014/main" id="{7D2ADDFC-354A-4506-8DA1-19056D156506}"/>
            </a:ext>
          </a:extLst>
        </xdr:cNvPr>
        <xdr:cNvSpPr/>
      </xdr:nvSpPr>
      <xdr:spPr>
        <a:xfrm>
          <a:off x="7810500" y="67722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85446</xdr:rowOff>
    </xdr:from>
    <xdr:to>
      <xdr:col>36</xdr:col>
      <xdr:colOff>165100</xdr:colOff>
      <xdr:row>40</xdr:row>
      <xdr:rowOff>15596</xdr:rowOff>
    </xdr:to>
    <xdr:sp macro="" textlink="">
      <xdr:nvSpPr>
        <xdr:cNvPr id="124" name="フローチャート: 判断 123">
          <a:extLst>
            <a:ext uri="{FF2B5EF4-FFF2-40B4-BE49-F238E27FC236}">
              <a16:creationId xmlns:a16="http://schemas.microsoft.com/office/drawing/2014/main" id="{A79EB140-7D71-49AA-83B8-5A905C095606}"/>
            </a:ext>
          </a:extLst>
        </xdr:cNvPr>
        <xdr:cNvSpPr/>
      </xdr:nvSpPr>
      <xdr:spPr>
        <a:xfrm>
          <a:off x="6921500" y="6771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5" name="テキスト ボックス 124">
          <a:extLst>
            <a:ext uri="{FF2B5EF4-FFF2-40B4-BE49-F238E27FC236}">
              <a16:creationId xmlns:a16="http://schemas.microsoft.com/office/drawing/2014/main" id="{75AE2916-6BAC-4FBE-8598-CC152E5F2C36}"/>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id="{E38F0B2F-12CC-4F21-B3E0-AB65FD9C8384}"/>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id="{FB08AE3D-A45F-4BCC-A583-BE9AE0A1031E}"/>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3606C79E-E30C-42F0-9CD3-7809B78838D5}"/>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2A0D3E75-AC9E-4162-A591-8A76970A13B8}"/>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056</xdr:rowOff>
    </xdr:from>
    <xdr:to>
      <xdr:col>55</xdr:col>
      <xdr:colOff>50800</xdr:colOff>
      <xdr:row>40</xdr:row>
      <xdr:rowOff>114656</xdr:rowOff>
    </xdr:to>
    <xdr:sp macro="" textlink="">
      <xdr:nvSpPr>
        <xdr:cNvPr id="130" name="楕円 129">
          <a:extLst>
            <a:ext uri="{FF2B5EF4-FFF2-40B4-BE49-F238E27FC236}">
              <a16:creationId xmlns:a16="http://schemas.microsoft.com/office/drawing/2014/main" id="{84F005B4-DE8F-4A68-BE7F-D1D3FB1BBAE0}"/>
            </a:ext>
          </a:extLst>
        </xdr:cNvPr>
        <xdr:cNvSpPr/>
      </xdr:nvSpPr>
      <xdr:spPr>
        <a:xfrm>
          <a:off x="10426700" y="6871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2933</xdr:rowOff>
    </xdr:from>
    <xdr:ext cx="469744" cy="259045"/>
    <xdr:sp macro="" textlink="">
      <xdr:nvSpPr>
        <xdr:cNvPr id="131" name="【道路】&#10;一人当たり延長該当値テキスト">
          <a:extLst>
            <a:ext uri="{FF2B5EF4-FFF2-40B4-BE49-F238E27FC236}">
              <a16:creationId xmlns:a16="http://schemas.microsoft.com/office/drawing/2014/main" id="{3DA0C368-F86F-432C-9CE8-70538D4EBEBE}"/>
            </a:ext>
          </a:extLst>
        </xdr:cNvPr>
        <xdr:cNvSpPr txBox="1"/>
      </xdr:nvSpPr>
      <xdr:spPr>
        <a:xfrm>
          <a:off x="10515600" y="68494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4427</xdr:rowOff>
    </xdr:from>
    <xdr:to>
      <xdr:col>50</xdr:col>
      <xdr:colOff>165100</xdr:colOff>
      <xdr:row>40</xdr:row>
      <xdr:rowOff>116027</xdr:rowOff>
    </xdr:to>
    <xdr:sp macro="" textlink="">
      <xdr:nvSpPr>
        <xdr:cNvPr id="132" name="楕円 131">
          <a:extLst>
            <a:ext uri="{FF2B5EF4-FFF2-40B4-BE49-F238E27FC236}">
              <a16:creationId xmlns:a16="http://schemas.microsoft.com/office/drawing/2014/main" id="{27A46039-DE75-43E5-8FAA-2B1AAE90F194}"/>
            </a:ext>
          </a:extLst>
        </xdr:cNvPr>
        <xdr:cNvSpPr/>
      </xdr:nvSpPr>
      <xdr:spPr>
        <a:xfrm>
          <a:off x="9588500" y="68724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63856</xdr:rowOff>
    </xdr:from>
    <xdr:to>
      <xdr:col>55</xdr:col>
      <xdr:colOff>0</xdr:colOff>
      <xdr:row>40</xdr:row>
      <xdr:rowOff>65227</xdr:rowOff>
    </xdr:to>
    <xdr:cxnSp macro="">
      <xdr:nvCxnSpPr>
        <xdr:cNvPr id="133" name="直線コネクタ 132">
          <a:extLst>
            <a:ext uri="{FF2B5EF4-FFF2-40B4-BE49-F238E27FC236}">
              <a16:creationId xmlns:a16="http://schemas.microsoft.com/office/drawing/2014/main" id="{6B6B8476-40CB-4B46-B6F4-992E967316CB}"/>
            </a:ext>
          </a:extLst>
        </xdr:cNvPr>
        <xdr:cNvCxnSpPr/>
      </xdr:nvCxnSpPr>
      <xdr:spPr>
        <a:xfrm flipV="1">
          <a:off x="9639300" y="6921856"/>
          <a:ext cx="838200" cy="13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5570</xdr:rowOff>
    </xdr:from>
    <xdr:to>
      <xdr:col>46</xdr:col>
      <xdr:colOff>38100</xdr:colOff>
      <xdr:row>40</xdr:row>
      <xdr:rowOff>117170</xdr:rowOff>
    </xdr:to>
    <xdr:sp macro="" textlink="">
      <xdr:nvSpPr>
        <xdr:cNvPr id="134" name="楕円 133">
          <a:extLst>
            <a:ext uri="{FF2B5EF4-FFF2-40B4-BE49-F238E27FC236}">
              <a16:creationId xmlns:a16="http://schemas.microsoft.com/office/drawing/2014/main" id="{D7BC03BC-D5F6-40CB-850E-665913639AA6}"/>
            </a:ext>
          </a:extLst>
        </xdr:cNvPr>
        <xdr:cNvSpPr/>
      </xdr:nvSpPr>
      <xdr:spPr>
        <a:xfrm>
          <a:off x="8699500" y="6873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65227</xdr:rowOff>
    </xdr:from>
    <xdr:to>
      <xdr:col>50</xdr:col>
      <xdr:colOff>114300</xdr:colOff>
      <xdr:row>40</xdr:row>
      <xdr:rowOff>66370</xdr:rowOff>
    </xdr:to>
    <xdr:cxnSp macro="">
      <xdr:nvCxnSpPr>
        <xdr:cNvPr id="135" name="直線コネクタ 134">
          <a:extLst>
            <a:ext uri="{FF2B5EF4-FFF2-40B4-BE49-F238E27FC236}">
              <a16:creationId xmlns:a16="http://schemas.microsoft.com/office/drawing/2014/main" id="{6399C0AE-2190-4CB0-BAF3-A3CDD6AC268D}"/>
            </a:ext>
          </a:extLst>
        </xdr:cNvPr>
        <xdr:cNvCxnSpPr/>
      </xdr:nvCxnSpPr>
      <xdr:spPr>
        <a:xfrm flipV="1">
          <a:off x="8750300" y="6923227"/>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7628</xdr:rowOff>
    </xdr:from>
    <xdr:to>
      <xdr:col>41</xdr:col>
      <xdr:colOff>101600</xdr:colOff>
      <xdr:row>40</xdr:row>
      <xdr:rowOff>119228</xdr:rowOff>
    </xdr:to>
    <xdr:sp macro="" textlink="">
      <xdr:nvSpPr>
        <xdr:cNvPr id="136" name="楕円 135">
          <a:extLst>
            <a:ext uri="{FF2B5EF4-FFF2-40B4-BE49-F238E27FC236}">
              <a16:creationId xmlns:a16="http://schemas.microsoft.com/office/drawing/2014/main" id="{A5ECDE2E-B366-469F-856D-E41FF3A4B746}"/>
            </a:ext>
          </a:extLst>
        </xdr:cNvPr>
        <xdr:cNvSpPr/>
      </xdr:nvSpPr>
      <xdr:spPr>
        <a:xfrm>
          <a:off x="7810500" y="6875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66370</xdr:rowOff>
    </xdr:from>
    <xdr:to>
      <xdr:col>45</xdr:col>
      <xdr:colOff>177800</xdr:colOff>
      <xdr:row>40</xdr:row>
      <xdr:rowOff>68428</xdr:rowOff>
    </xdr:to>
    <xdr:cxnSp macro="">
      <xdr:nvCxnSpPr>
        <xdr:cNvPr id="137" name="直線コネクタ 136">
          <a:extLst>
            <a:ext uri="{FF2B5EF4-FFF2-40B4-BE49-F238E27FC236}">
              <a16:creationId xmlns:a16="http://schemas.microsoft.com/office/drawing/2014/main" id="{1C2ED9A0-2105-4919-ADD9-948E3AACFC3E}"/>
            </a:ext>
          </a:extLst>
        </xdr:cNvPr>
        <xdr:cNvCxnSpPr/>
      </xdr:nvCxnSpPr>
      <xdr:spPr>
        <a:xfrm flipV="1">
          <a:off x="7861300" y="6924370"/>
          <a:ext cx="889000" cy="2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0</xdr:row>
      <xdr:rowOff>17552</xdr:rowOff>
    </xdr:from>
    <xdr:to>
      <xdr:col>36</xdr:col>
      <xdr:colOff>165100</xdr:colOff>
      <xdr:row>40</xdr:row>
      <xdr:rowOff>119152</xdr:rowOff>
    </xdr:to>
    <xdr:sp macro="" textlink="">
      <xdr:nvSpPr>
        <xdr:cNvPr id="138" name="楕円 137">
          <a:extLst>
            <a:ext uri="{FF2B5EF4-FFF2-40B4-BE49-F238E27FC236}">
              <a16:creationId xmlns:a16="http://schemas.microsoft.com/office/drawing/2014/main" id="{1E1CE805-9243-4EDE-B711-18C78C67EDD6}"/>
            </a:ext>
          </a:extLst>
        </xdr:cNvPr>
        <xdr:cNvSpPr/>
      </xdr:nvSpPr>
      <xdr:spPr>
        <a:xfrm>
          <a:off x="6921500" y="6875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68352</xdr:rowOff>
    </xdr:from>
    <xdr:to>
      <xdr:col>41</xdr:col>
      <xdr:colOff>50800</xdr:colOff>
      <xdr:row>40</xdr:row>
      <xdr:rowOff>68428</xdr:rowOff>
    </xdr:to>
    <xdr:cxnSp macro="">
      <xdr:nvCxnSpPr>
        <xdr:cNvPr id="139" name="直線コネクタ 138">
          <a:extLst>
            <a:ext uri="{FF2B5EF4-FFF2-40B4-BE49-F238E27FC236}">
              <a16:creationId xmlns:a16="http://schemas.microsoft.com/office/drawing/2014/main" id="{7B4E24B7-0AE6-43D9-88BE-DE74F9D177CA}"/>
            </a:ext>
          </a:extLst>
        </xdr:cNvPr>
        <xdr:cNvCxnSpPr/>
      </xdr:nvCxnSpPr>
      <xdr:spPr>
        <a:xfrm>
          <a:off x="6972300" y="6926352"/>
          <a:ext cx="889000" cy="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4444</xdr:rowOff>
    </xdr:from>
    <xdr:ext cx="469744" cy="259045"/>
    <xdr:sp macro="" textlink="">
      <xdr:nvSpPr>
        <xdr:cNvPr id="140" name="n_1aveValue【道路】&#10;一人当たり延長">
          <a:extLst>
            <a:ext uri="{FF2B5EF4-FFF2-40B4-BE49-F238E27FC236}">
              <a16:creationId xmlns:a16="http://schemas.microsoft.com/office/drawing/2014/main" id="{3073C476-065D-48D3-90A9-57C18B1941B9}"/>
            </a:ext>
          </a:extLst>
        </xdr:cNvPr>
        <xdr:cNvSpPr txBox="1"/>
      </xdr:nvSpPr>
      <xdr:spPr>
        <a:xfrm>
          <a:off x="9391727" y="65295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6237</xdr:rowOff>
    </xdr:from>
    <xdr:ext cx="469744" cy="259045"/>
    <xdr:sp macro="" textlink="">
      <xdr:nvSpPr>
        <xdr:cNvPr id="141" name="n_2aveValue【道路】&#10;一人当たり延長">
          <a:extLst>
            <a:ext uri="{FF2B5EF4-FFF2-40B4-BE49-F238E27FC236}">
              <a16:creationId xmlns:a16="http://schemas.microsoft.com/office/drawing/2014/main" id="{D58F4FD8-E9CC-44D5-8A7E-30587451D71F}"/>
            </a:ext>
          </a:extLst>
        </xdr:cNvPr>
        <xdr:cNvSpPr txBox="1"/>
      </xdr:nvSpPr>
      <xdr:spPr>
        <a:xfrm>
          <a:off x="8515427" y="6551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32351</xdr:rowOff>
    </xdr:from>
    <xdr:ext cx="469744" cy="259045"/>
    <xdr:sp macro="" textlink="">
      <xdr:nvSpPr>
        <xdr:cNvPr id="142" name="n_3aveValue【道路】&#10;一人当たり延長">
          <a:extLst>
            <a:ext uri="{FF2B5EF4-FFF2-40B4-BE49-F238E27FC236}">
              <a16:creationId xmlns:a16="http://schemas.microsoft.com/office/drawing/2014/main" id="{28D7CFD6-E21A-48D7-9EE6-4BBC8EFC666C}"/>
            </a:ext>
          </a:extLst>
        </xdr:cNvPr>
        <xdr:cNvSpPr txBox="1"/>
      </xdr:nvSpPr>
      <xdr:spPr>
        <a:xfrm>
          <a:off x="7626427" y="65474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32123</xdr:rowOff>
    </xdr:from>
    <xdr:ext cx="469744" cy="259045"/>
    <xdr:sp macro="" textlink="">
      <xdr:nvSpPr>
        <xdr:cNvPr id="143" name="n_4aveValue【道路】&#10;一人当たり延長">
          <a:extLst>
            <a:ext uri="{FF2B5EF4-FFF2-40B4-BE49-F238E27FC236}">
              <a16:creationId xmlns:a16="http://schemas.microsoft.com/office/drawing/2014/main" id="{879E8E22-0FA5-4A93-80E3-4CDF7D1525BC}"/>
            </a:ext>
          </a:extLst>
        </xdr:cNvPr>
        <xdr:cNvSpPr txBox="1"/>
      </xdr:nvSpPr>
      <xdr:spPr>
        <a:xfrm>
          <a:off x="6737427" y="65472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07154</xdr:rowOff>
    </xdr:from>
    <xdr:ext cx="469744" cy="259045"/>
    <xdr:sp macro="" textlink="">
      <xdr:nvSpPr>
        <xdr:cNvPr id="144" name="n_1mainValue【道路】&#10;一人当たり延長">
          <a:extLst>
            <a:ext uri="{FF2B5EF4-FFF2-40B4-BE49-F238E27FC236}">
              <a16:creationId xmlns:a16="http://schemas.microsoft.com/office/drawing/2014/main" id="{60B108AE-BF2C-4F60-BDFA-9FDF2C0EC847}"/>
            </a:ext>
          </a:extLst>
        </xdr:cNvPr>
        <xdr:cNvSpPr txBox="1"/>
      </xdr:nvSpPr>
      <xdr:spPr>
        <a:xfrm>
          <a:off x="9391727" y="69651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08297</xdr:rowOff>
    </xdr:from>
    <xdr:ext cx="469744" cy="259045"/>
    <xdr:sp macro="" textlink="">
      <xdr:nvSpPr>
        <xdr:cNvPr id="145" name="n_2mainValue【道路】&#10;一人当たり延長">
          <a:extLst>
            <a:ext uri="{FF2B5EF4-FFF2-40B4-BE49-F238E27FC236}">
              <a16:creationId xmlns:a16="http://schemas.microsoft.com/office/drawing/2014/main" id="{EA43B160-1EA6-4D2E-A91C-82E71BEB846E}"/>
            </a:ext>
          </a:extLst>
        </xdr:cNvPr>
        <xdr:cNvSpPr txBox="1"/>
      </xdr:nvSpPr>
      <xdr:spPr>
        <a:xfrm>
          <a:off x="8515427" y="6966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110355</xdr:rowOff>
    </xdr:from>
    <xdr:ext cx="469744" cy="259045"/>
    <xdr:sp macro="" textlink="">
      <xdr:nvSpPr>
        <xdr:cNvPr id="146" name="n_3mainValue【道路】&#10;一人当たり延長">
          <a:extLst>
            <a:ext uri="{FF2B5EF4-FFF2-40B4-BE49-F238E27FC236}">
              <a16:creationId xmlns:a16="http://schemas.microsoft.com/office/drawing/2014/main" id="{7A1B6191-06B8-4F4E-9A83-3F100967BA04}"/>
            </a:ext>
          </a:extLst>
        </xdr:cNvPr>
        <xdr:cNvSpPr txBox="1"/>
      </xdr:nvSpPr>
      <xdr:spPr>
        <a:xfrm>
          <a:off x="7626427" y="6968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110279</xdr:rowOff>
    </xdr:from>
    <xdr:ext cx="469744" cy="259045"/>
    <xdr:sp macro="" textlink="">
      <xdr:nvSpPr>
        <xdr:cNvPr id="147" name="n_4mainValue【道路】&#10;一人当たり延長">
          <a:extLst>
            <a:ext uri="{FF2B5EF4-FFF2-40B4-BE49-F238E27FC236}">
              <a16:creationId xmlns:a16="http://schemas.microsoft.com/office/drawing/2014/main" id="{0395F3CE-8298-4542-9698-F408BD9505AD}"/>
            </a:ext>
          </a:extLst>
        </xdr:cNvPr>
        <xdr:cNvSpPr txBox="1"/>
      </xdr:nvSpPr>
      <xdr:spPr>
        <a:xfrm>
          <a:off x="6737427" y="69682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8" name="正方形/長方形 147">
          <a:extLst>
            <a:ext uri="{FF2B5EF4-FFF2-40B4-BE49-F238E27FC236}">
              <a16:creationId xmlns:a16="http://schemas.microsoft.com/office/drawing/2014/main" id="{12BD691F-93AA-41E8-A615-ABCDDA744A7C}"/>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9" name="正方形/長方形 148">
          <a:extLst>
            <a:ext uri="{FF2B5EF4-FFF2-40B4-BE49-F238E27FC236}">
              <a16:creationId xmlns:a16="http://schemas.microsoft.com/office/drawing/2014/main" id="{BF2EA0C1-055A-4E75-8B25-BC7F39CCC83B}"/>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0" name="正方形/長方形 149">
          <a:extLst>
            <a:ext uri="{FF2B5EF4-FFF2-40B4-BE49-F238E27FC236}">
              <a16:creationId xmlns:a16="http://schemas.microsoft.com/office/drawing/2014/main" id="{8FB496FB-6C9A-4AB8-BA05-A5A8BD82A1D7}"/>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1" name="正方形/長方形 150">
          <a:extLst>
            <a:ext uri="{FF2B5EF4-FFF2-40B4-BE49-F238E27FC236}">
              <a16:creationId xmlns:a16="http://schemas.microsoft.com/office/drawing/2014/main" id="{828C22AA-0616-43BF-915A-39546D722B7D}"/>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2" name="正方形/長方形 151">
          <a:extLst>
            <a:ext uri="{FF2B5EF4-FFF2-40B4-BE49-F238E27FC236}">
              <a16:creationId xmlns:a16="http://schemas.microsoft.com/office/drawing/2014/main" id="{CF21B319-62B8-464E-9617-838852E00B02}"/>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3" name="正方形/長方形 152">
          <a:extLst>
            <a:ext uri="{FF2B5EF4-FFF2-40B4-BE49-F238E27FC236}">
              <a16:creationId xmlns:a16="http://schemas.microsoft.com/office/drawing/2014/main" id="{EBCE21D1-3219-438C-BDB9-1BD5AC8DE876}"/>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4" name="正方形/長方形 153">
          <a:extLst>
            <a:ext uri="{FF2B5EF4-FFF2-40B4-BE49-F238E27FC236}">
              <a16:creationId xmlns:a16="http://schemas.microsoft.com/office/drawing/2014/main" id="{6C9115A4-0567-4D31-9262-48CAA741301C}"/>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5" name="正方形/長方形 154">
          <a:extLst>
            <a:ext uri="{FF2B5EF4-FFF2-40B4-BE49-F238E27FC236}">
              <a16:creationId xmlns:a16="http://schemas.microsoft.com/office/drawing/2014/main" id="{7A29327F-29A9-4F1B-9627-52FF5B3D3397}"/>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6" name="テキスト ボックス 155">
          <a:extLst>
            <a:ext uri="{FF2B5EF4-FFF2-40B4-BE49-F238E27FC236}">
              <a16:creationId xmlns:a16="http://schemas.microsoft.com/office/drawing/2014/main" id="{3E4E5345-30E9-471A-A821-C67C9C4833EC}"/>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7" name="直線コネクタ 156">
          <a:extLst>
            <a:ext uri="{FF2B5EF4-FFF2-40B4-BE49-F238E27FC236}">
              <a16:creationId xmlns:a16="http://schemas.microsoft.com/office/drawing/2014/main" id="{B2193934-6021-4C1B-B25F-1478DD44CCE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8" name="テキスト ボックス 157">
          <a:extLst>
            <a:ext uri="{FF2B5EF4-FFF2-40B4-BE49-F238E27FC236}">
              <a16:creationId xmlns:a16="http://schemas.microsoft.com/office/drawing/2014/main" id="{9D1365A1-DC58-47F6-8E5C-8DF1AC97A5FC}"/>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9" name="直線コネクタ 158">
          <a:extLst>
            <a:ext uri="{FF2B5EF4-FFF2-40B4-BE49-F238E27FC236}">
              <a16:creationId xmlns:a16="http://schemas.microsoft.com/office/drawing/2014/main" id="{42179C18-151E-4D7B-93D1-93C0EBC6F4E8}"/>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0" name="テキスト ボックス 159">
          <a:extLst>
            <a:ext uri="{FF2B5EF4-FFF2-40B4-BE49-F238E27FC236}">
              <a16:creationId xmlns:a16="http://schemas.microsoft.com/office/drawing/2014/main" id="{CA5C2283-D5AD-4C5F-A91C-3A7983E66AF4}"/>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1" name="直線コネクタ 160">
          <a:extLst>
            <a:ext uri="{FF2B5EF4-FFF2-40B4-BE49-F238E27FC236}">
              <a16:creationId xmlns:a16="http://schemas.microsoft.com/office/drawing/2014/main" id="{763E053C-2B0E-4D09-9A27-D4AFD38667CF}"/>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2" name="テキスト ボックス 161">
          <a:extLst>
            <a:ext uri="{FF2B5EF4-FFF2-40B4-BE49-F238E27FC236}">
              <a16:creationId xmlns:a16="http://schemas.microsoft.com/office/drawing/2014/main" id="{6DDBC748-93C4-40FD-B10E-A92CB0FA46BF}"/>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3" name="直線コネクタ 162">
          <a:extLst>
            <a:ext uri="{FF2B5EF4-FFF2-40B4-BE49-F238E27FC236}">
              <a16:creationId xmlns:a16="http://schemas.microsoft.com/office/drawing/2014/main" id="{5D9E94D1-5982-404B-BA37-9B436343B477}"/>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4" name="テキスト ボックス 163">
          <a:extLst>
            <a:ext uri="{FF2B5EF4-FFF2-40B4-BE49-F238E27FC236}">
              <a16:creationId xmlns:a16="http://schemas.microsoft.com/office/drawing/2014/main" id="{A017487E-B6DE-48B8-A349-09AD0FAC3541}"/>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5" name="直線コネクタ 164">
          <a:extLst>
            <a:ext uri="{FF2B5EF4-FFF2-40B4-BE49-F238E27FC236}">
              <a16:creationId xmlns:a16="http://schemas.microsoft.com/office/drawing/2014/main" id="{4D01EA8B-7BF8-4192-B9AF-226CED863C36}"/>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6" name="テキスト ボックス 165">
          <a:extLst>
            <a:ext uri="{FF2B5EF4-FFF2-40B4-BE49-F238E27FC236}">
              <a16:creationId xmlns:a16="http://schemas.microsoft.com/office/drawing/2014/main" id="{4CDE3C3C-BDF9-4C7A-85A3-87968F3C9C46}"/>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7" name="直線コネクタ 166">
          <a:extLst>
            <a:ext uri="{FF2B5EF4-FFF2-40B4-BE49-F238E27FC236}">
              <a16:creationId xmlns:a16="http://schemas.microsoft.com/office/drawing/2014/main" id="{FC7BF563-BDCF-4BA0-99EC-478D69AECB0E}"/>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8" name="テキスト ボックス 167">
          <a:extLst>
            <a:ext uri="{FF2B5EF4-FFF2-40B4-BE49-F238E27FC236}">
              <a16:creationId xmlns:a16="http://schemas.microsoft.com/office/drawing/2014/main" id="{53DF8F6B-CDA7-4AB4-8835-A21F4E032021}"/>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id="{E547215B-B748-4F2A-9C99-E37312A03B9B}"/>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0" name="テキスト ボックス 169">
          <a:extLst>
            <a:ext uri="{FF2B5EF4-FFF2-40B4-BE49-F238E27FC236}">
              <a16:creationId xmlns:a16="http://schemas.microsoft.com/office/drawing/2014/main" id="{096D8FAF-97DB-4CBB-810C-1B90C5060A1C}"/>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1" name="【橋りょう・トンネル】&#10;有形固定資産減価償却率グラフ枠">
          <a:extLst>
            <a:ext uri="{FF2B5EF4-FFF2-40B4-BE49-F238E27FC236}">
              <a16:creationId xmlns:a16="http://schemas.microsoft.com/office/drawing/2014/main" id="{8099D02B-70AF-49CA-8AA3-D3ACD50E92B4}"/>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51435</xdr:rowOff>
    </xdr:from>
    <xdr:to>
      <xdr:col>24</xdr:col>
      <xdr:colOff>62865</xdr:colOff>
      <xdr:row>64</xdr:row>
      <xdr:rowOff>26670</xdr:rowOff>
    </xdr:to>
    <xdr:cxnSp macro="">
      <xdr:nvCxnSpPr>
        <xdr:cNvPr id="172" name="直線コネクタ 171">
          <a:extLst>
            <a:ext uri="{FF2B5EF4-FFF2-40B4-BE49-F238E27FC236}">
              <a16:creationId xmlns:a16="http://schemas.microsoft.com/office/drawing/2014/main" id="{762DD9CE-C599-497E-8797-AAE2B08CCE27}"/>
            </a:ext>
          </a:extLst>
        </xdr:cNvPr>
        <xdr:cNvCxnSpPr/>
      </xdr:nvCxnSpPr>
      <xdr:spPr>
        <a:xfrm flipV="1">
          <a:off x="4634865" y="9652635"/>
          <a:ext cx="0" cy="13468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30497</xdr:rowOff>
    </xdr:from>
    <xdr:ext cx="405111" cy="259045"/>
    <xdr:sp macro="" textlink="">
      <xdr:nvSpPr>
        <xdr:cNvPr id="173" name="【橋りょう・トンネル】&#10;有形固定資産減価償却率最小値テキスト">
          <a:extLst>
            <a:ext uri="{FF2B5EF4-FFF2-40B4-BE49-F238E27FC236}">
              <a16:creationId xmlns:a16="http://schemas.microsoft.com/office/drawing/2014/main" id="{03379DC2-C0BA-4DFC-A935-9FB3B0007EE9}"/>
            </a:ext>
          </a:extLst>
        </xdr:cNvPr>
        <xdr:cNvSpPr txBox="1"/>
      </xdr:nvSpPr>
      <xdr:spPr>
        <a:xfrm>
          <a:off x="4673600" y="1100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26670</xdr:rowOff>
    </xdr:from>
    <xdr:to>
      <xdr:col>24</xdr:col>
      <xdr:colOff>152400</xdr:colOff>
      <xdr:row>64</xdr:row>
      <xdr:rowOff>26670</xdr:rowOff>
    </xdr:to>
    <xdr:cxnSp macro="">
      <xdr:nvCxnSpPr>
        <xdr:cNvPr id="174" name="直線コネクタ 173">
          <a:extLst>
            <a:ext uri="{FF2B5EF4-FFF2-40B4-BE49-F238E27FC236}">
              <a16:creationId xmlns:a16="http://schemas.microsoft.com/office/drawing/2014/main" id="{1C1A8C70-F444-48B0-AAE8-E30E9EE3BB7B}"/>
            </a:ext>
          </a:extLst>
        </xdr:cNvPr>
        <xdr:cNvCxnSpPr/>
      </xdr:nvCxnSpPr>
      <xdr:spPr>
        <a:xfrm>
          <a:off x="4546600" y="1099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69562</xdr:rowOff>
    </xdr:from>
    <xdr:ext cx="405111" cy="259045"/>
    <xdr:sp macro="" textlink="">
      <xdr:nvSpPr>
        <xdr:cNvPr id="175" name="【橋りょう・トンネル】&#10;有形固定資産減価償却率最大値テキスト">
          <a:extLst>
            <a:ext uri="{FF2B5EF4-FFF2-40B4-BE49-F238E27FC236}">
              <a16:creationId xmlns:a16="http://schemas.microsoft.com/office/drawing/2014/main" id="{30EA12DD-6508-4579-BCE6-8BAE4481A54D}"/>
            </a:ext>
          </a:extLst>
        </xdr:cNvPr>
        <xdr:cNvSpPr txBox="1"/>
      </xdr:nvSpPr>
      <xdr:spPr>
        <a:xfrm>
          <a:off x="4673600" y="9427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51435</xdr:rowOff>
    </xdr:from>
    <xdr:to>
      <xdr:col>24</xdr:col>
      <xdr:colOff>152400</xdr:colOff>
      <xdr:row>56</xdr:row>
      <xdr:rowOff>51435</xdr:rowOff>
    </xdr:to>
    <xdr:cxnSp macro="">
      <xdr:nvCxnSpPr>
        <xdr:cNvPr id="176" name="直線コネクタ 175">
          <a:extLst>
            <a:ext uri="{FF2B5EF4-FFF2-40B4-BE49-F238E27FC236}">
              <a16:creationId xmlns:a16="http://schemas.microsoft.com/office/drawing/2014/main" id="{3D11E1C9-452A-4EE8-8DFE-FC5C0BA46010}"/>
            </a:ext>
          </a:extLst>
        </xdr:cNvPr>
        <xdr:cNvCxnSpPr/>
      </xdr:nvCxnSpPr>
      <xdr:spPr>
        <a:xfrm>
          <a:off x="4546600" y="96526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40022</xdr:rowOff>
    </xdr:from>
    <xdr:ext cx="405111" cy="259045"/>
    <xdr:sp macro="" textlink="">
      <xdr:nvSpPr>
        <xdr:cNvPr id="177" name="【橋りょう・トンネル】&#10;有形固定資産減価償却率平均値テキスト">
          <a:extLst>
            <a:ext uri="{FF2B5EF4-FFF2-40B4-BE49-F238E27FC236}">
              <a16:creationId xmlns:a16="http://schemas.microsoft.com/office/drawing/2014/main" id="{701707F3-8383-48CA-A957-59B1737FB266}"/>
            </a:ext>
          </a:extLst>
        </xdr:cNvPr>
        <xdr:cNvSpPr txBox="1"/>
      </xdr:nvSpPr>
      <xdr:spPr>
        <a:xfrm>
          <a:off x="4673600" y="103270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61595</xdr:rowOff>
    </xdr:from>
    <xdr:to>
      <xdr:col>24</xdr:col>
      <xdr:colOff>114300</xdr:colOff>
      <xdr:row>60</xdr:row>
      <xdr:rowOff>163195</xdr:rowOff>
    </xdr:to>
    <xdr:sp macro="" textlink="">
      <xdr:nvSpPr>
        <xdr:cNvPr id="178" name="フローチャート: 判断 177">
          <a:extLst>
            <a:ext uri="{FF2B5EF4-FFF2-40B4-BE49-F238E27FC236}">
              <a16:creationId xmlns:a16="http://schemas.microsoft.com/office/drawing/2014/main" id="{55B2FE56-DCB6-4747-B74F-A8D2937D1716}"/>
            </a:ext>
          </a:extLst>
        </xdr:cNvPr>
        <xdr:cNvSpPr/>
      </xdr:nvSpPr>
      <xdr:spPr>
        <a:xfrm>
          <a:off x="4584700" y="10348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33020</xdr:rowOff>
    </xdr:from>
    <xdr:to>
      <xdr:col>20</xdr:col>
      <xdr:colOff>38100</xdr:colOff>
      <xdr:row>60</xdr:row>
      <xdr:rowOff>134620</xdr:rowOff>
    </xdr:to>
    <xdr:sp macro="" textlink="">
      <xdr:nvSpPr>
        <xdr:cNvPr id="179" name="フローチャート: 判断 178">
          <a:extLst>
            <a:ext uri="{FF2B5EF4-FFF2-40B4-BE49-F238E27FC236}">
              <a16:creationId xmlns:a16="http://schemas.microsoft.com/office/drawing/2014/main" id="{0074E065-BEDC-4929-8638-8D0FA06FD7F9}"/>
            </a:ext>
          </a:extLst>
        </xdr:cNvPr>
        <xdr:cNvSpPr/>
      </xdr:nvSpPr>
      <xdr:spPr>
        <a:xfrm>
          <a:off x="3746500" y="10320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25400</xdr:rowOff>
    </xdr:from>
    <xdr:to>
      <xdr:col>15</xdr:col>
      <xdr:colOff>101600</xdr:colOff>
      <xdr:row>60</xdr:row>
      <xdr:rowOff>127000</xdr:rowOff>
    </xdr:to>
    <xdr:sp macro="" textlink="">
      <xdr:nvSpPr>
        <xdr:cNvPr id="180" name="フローチャート: 判断 179">
          <a:extLst>
            <a:ext uri="{FF2B5EF4-FFF2-40B4-BE49-F238E27FC236}">
              <a16:creationId xmlns:a16="http://schemas.microsoft.com/office/drawing/2014/main" id="{4739123C-D89F-4654-BCD1-B91C99EDD6FF}"/>
            </a:ext>
          </a:extLst>
        </xdr:cNvPr>
        <xdr:cNvSpPr/>
      </xdr:nvSpPr>
      <xdr:spPr>
        <a:xfrm>
          <a:off x="2857500" y="1031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8750</xdr:rowOff>
    </xdr:from>
    <xdr:to>
      <xdr:col>10</xdr:col>
      <xdr:colOff>165100</xdr:colOff>
      <xdr:row>60</xdr:row>
      <xdr:rowOff>88900</xdr:rowOff>
    </xdr:to>
    <xdr:sp macro="" textlink="">
      <xdr:nvSpPr>
        <xdr:cNvPr id="181" name="フローチャート: 判断 180">
          <a:extLst>
            <a:ext uri="{FF2B5EF4-FFF2-40B4-BE49-F238E27FC236}">
              <a16:creationId xmlns:a16="http://schemas.microsoft.com/office/drawing/2014/main" id="{07580230-133C-4410-A9AF-8091AE876813}"/>
            </a:ext>
          </a:extLst>
        </xdr:cNvPr>
        <xdr:cNvSpPr/>
      </xdr:nvSpPr>
      <xdr:spPr>
        <a:xfrm>
          <a:off x="1968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54940</xdr:rowOff>
    </xdr:from>
    <xdr:to>
      <xdr:col>6</xdr:col>
      <xdr:colOff>38100</xdr:colOff>
      <xdr:row>60</xdr:row>
      <xdr:rowOff>85090</xdr:rowOff>
    </xdr:to>
    <xdr:sp macro="" textlink="">
      <xdr:nvSpPr>
        <xdr:cNvPr id="182" name="フローチャート: 判断 181">
          <a:extLst>
            <a:ext uri="{FF2B5EF4-FFF2-40B4-BE49-F238E27FC236}">
              <a16:creationId xmlns:a16="http://schemas.microsoft.com/office/drawing/2014/main" id="{3B94EE4D-4E1D-4581-96F7-300C3D9E110A}"/>
            </a:ext>
          </a:extLst>
        </xdr:cNvPr>
        <xdr:cNvSpPr/>
      </xdr:nvSpPr>
      <xdr:spPr>
        <a:xfrm>
          <a:off x="107950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id="{7A0CB8E7-7B20-4756-AEED-B7B0F07310EB}"/>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id="{C4CCC0C5-BDCD-49DE-9F9F-B1CFF1E1DD79}"/>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id="{F6638BBA-716E-4317-A439-9B25A0117201}"/>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ADEA4745-67E5-48DD-9586-C874D5FB7EF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191D8AA8-ACA3-47BA-842A-645E09761FDD}"/>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25400</xdr:rowOff>
    </xdr:from>
    <xdr:to>
      <xdr:col>24</xdr:col>
      <xdr:colOff>114300</xdr:colOff>
      <xdr:row>60</xdr:row>
      <xdr:rowOff>127000</xdr:rowOff>
    </xdr:to>
    <xdr:sp macro="" textlink="">
      <xdr:nvSpPr>
        <xdr:cNvPr id="188" name="楕円 187">
          <a:extLst>
            <a:ext uri="{FF2B5EF4-FFF2-40B4-BE49-F238E27FC236}">
              <a16:creationId xmlns:a16="http://schemas.microsoft.com/office/drawing/2014/main" id="{C9ED891A-4998-4281-9101-C09077C5E97C}"/>
            </a:ext>
          </a:extLst>
        </xdr:cNvPr>
        <xdr:cNvSpPr/>
      </xdr:nvSpPr>
      <xdr:spPr>
        <a:xfrm>
          <a:off x="4584700" y="1031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48277</xdr:rowOff>
    </xdr:from>
    <xdr:ext cx="405111" cy="259045"/>
    <xdr:sp macro="" textlink="">
      <xdr:nvSpPr>
        <xdr:cNvPr id="189" name="【橋りょう・トンネル】&#10;有形固定資産減価償却率該当値テキスト">
          <a:extLst>
            <a:ext uri="{FF2B5EF4-FFF2-40B4-BE49-F238E27FC236}">
              <a16:creationId xmlns:a16="http://schemas.microsoft.com/office/drawing/2014/main" id="{D5F860A4-70A3-42DA-A0A8-AFB4FD7C5716}"/>
            </a:ext>
          </a:extLst>
        </xdr:cNvPr>
        <xdr:cNvSpPr txBox="1"/>
      </xdr:nvSpPr>
      <xdr:spPr>
        <a:xfrm>
          <a:off x="4673600" y="10163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6350</xdr:rowOff>
    </xdr:from>
    <xdr:to>
      <xdr:col>20</xdr:col>
      <xdr:colOff>38100</xdr:colOff>
      <xdr:row>60</xdr:row>
      <xdr:rowOff>107950</xdr:rowOff>
    </xdr:to>
    <xdr:sp macro="" textlink="">
      <xdr:nvSpPr>
        <xdr:cNvPr id="190" name="楕円 189">
          <a:extLst>
            <a:ext uri="{FF2B5EF4-FFF2-40B4-BE49-F238E27FC236}">
              <a16:creationId xmlns:a16="http://schemas.microsoft.com/office/drawing/2014/main" id="{FAFA7C64-1C72-4B32-97BB-934BACB1E4A5}"/>
            </a:ext>
          </a:extLst>
        </xdr:cNvPr>
        <xdr:cNvSpPr/>
      </xdr:nvSpPr>
      <xdr:spPr>
        <a:xfrm>
          <a:off x="3746500" y="10293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57150</xdr:rowOff>
    </xdr:from>
    <xdr:to>
      <xdr:col>24</xdr:col>
      <xdr:colOff>63500</xdr:colOff>
      <xdr:row>60</xdr:row>
      <xdr:rowOff>76200</xdr:rowOff>
    </xdr:to>
    <xdr:cxnSp macro="">
      <xdr:nvCxnSpPr>
        <xdr:cNvPr id="191" name="直線コネクタ 190">
          <a:extLst>
            <a:ext uri="{FF2B5EF4-FFF2-40B4-BE49-F238E27FC236}">
              <a16:creationId xmlns:a16="http://schemas.microsoft.com/office/drawing/2014/main" id="{50884EA7-35E5-4B95-903B-3ED4E001D722}"/>
            </a:ext>
          </a:extLst>
        </xdr:cNvPr>
        <xdr:cNvCxnSpPr/>
      </xdr:nvCxnSpPr>
      <xdr:spPr>
        <a:xfrm>
          <a:off x="3797300" y="103441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49225</xdr:rowOff>
    </xdr:from>
    <xdr:to>
      <xdr:col>15</xdr:col>
      <xdr:colOff>101600</xdr:colOff>
      <xdr:row>60</xdr:row>
      <xdr:rowOff>79375</xdr:rowOff>
    </xdr:to>
    <xdr:sp macro="" textlink="">
      <xdr:nvSpPr>
        <xdr:cNvPr id="192" name="楕円 191">
          <a:extLst>
            <a:ext uri="{FF2B5EF4-FFF2-40B4-BE49-F238E27FC236}">
              <a16:creationId xmlns:a16="http://schemas.microsoft.com/office/drawing/2014/main" id="{56B82F0F-375C-4991-B92D-A095C38447BB}"/>
            </a:ext>
          </a:extLst>
        </xdr:cNvPr>
        <xdr:cNvSpPr/>
      </xdr:nvSpPr>
      <xdr:spPr>
        <a:xfrm>
          <a:off x="2857500" y="10264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28575</xdr:rowOff>
    </xdr:from>
    <xdr:to>
      <xdr:col>19</xdr:col>
      <xdr:colOff>177800</xdr:colOff>
      <xdr:row>60</xdr:row>
      <xdr:rowOff>57150</xdr:rowOff>
    </xdr:to>
    <xdr:cxnSp macro="">
      <xdr:nvCxnSpPr>
        <xdr:cNvPr id="193" name="直線コネクタ 192">
          <a:extLst>
            <a:ext uri="{FF2B5EF4-FFF2-40B4-BE49-F238E27FC236}">
              <a16:creationId xmlns:a16="http://schemas.microsoft.com/office/drawing/2014/main" id="{536E2A26-DF16-4D03-82B3-7E7282641E35}"/>
            </a:ext>
          </a:extLst>
        </xdr:cNvPr>
        <xdr:cNvCxnSpPr/>
      </xdr:nvCxnSpPr>
      <xdr:spPr>
        <a:xfrm>
          <a:off x="2908300" y="10315575"/>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128270</xdr:rowOff>
    </xdr:from>
    <xdr:to>
      <xdr:col>10</xdr:col>
      <xdr:colOff>165100</xdr:colOff>
      <xdr:row>60</xdr:row>
      <xdr:rowOff>58420</xdr:rowOff>
    </xdr:to>
    <xdr:sp macro="" textlink="">
      <xdr:nvSpPr>
        <xdr:cNvPr id="194" name="楕円 193">
          <a:extLst>
            <a:ext uri="{FF2B5EF4-FFF2-40B4-BE49-F238E27FC236}">
              <a16:creationId xmlns:a16="http://schemas.microsoft.com/office/drawing/2014/main" id="{8799C049-B559-477A-BF68-2E6917EFBCCD}"/>
            </a:ext>
          </a:extLst>
        </xdr:cNvPr>
        <xdr:cNvSpPr/>
      </xdr:nvSpPr>
      <xdr:spPr>
        <a:xfrm>
          <a:off x="1968500" y="10243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7620</xdr:rowOff>
    </xdr:from>
    <xdr:to>
      <xdr:col>15</xdr:col>
      <xdr:colOff>50800</xdr:colOff>
      <xdr:row>60</xdr:row>
      <xdr:rowOff>28575</xdr:rowOff>
    </xdr:to>
    <xdr:cxnSp macro="">
      <xdr:nvCxnSpPr>
        <xdr:cNvPr id="195" name="直線コネクタ 194">
          <a:extLst>
            <a:ext uri="{FF2B5EF4-FFF2-40B4-BE49-F238E27FC236}">
              <a16:creationId xmlns:a16="http://schemas.microsoft.com/office/drawing/2014/main" id="{B8074BCD-3877-40B2-8344-E82341137D7B}"/>
            </a:ext>
          </a:extLst>
        </xdr:cNvPr>
        <xdr:cNvCxnSpPr/>
      </xdr:nvCxnSpPr>
      <xdr:spPr>
        <a:xfrm>
          <a:off x="2019300" y="1029462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01600</xdr:rowOff>
    </xdr:from>
    <xdr:to>
      <xdr:col>6</xdr:col>
      <xdr:colOff>38100</xdr:colOff>
      <xdr:row>60</xdr:row>
      <xdr:rowOff>31750</xdr:rowOff>
    </xdr:to>
    <xdr:sp macro="" textlink="">
      <xdr:nvSpPr>
        <xdr:cNvPr id="196" name="楕円 195">
          <a:extLst>
            <a:ext uri="{FF2B5EF4-FFF2-40B4-BE49-F238E27FC236}">
              <a16:creationId xmlns:a16="http://schemas.microsoft.com/office/drawing/2014/main" id="{BA3D5568-F9DE-49E1-98A8-8576F2EC1DDE}"/>
            </a:ext>
          </a:extLst>
        </xdr:cNvPr>
        <xdr:cNvSpPr/>
      </xdr:nvSpPr>
      <xdr:spPr>
        <a:xfrm>
          <a:off x="1079500" y="1021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9</xdr:row>
      <xdr:rowOff>152400</xdr:rowOff>
    </xdr:from>
    <xdr:to>
      <xdr:col>10</xdr:col>
      <xdr:colOff>114300</xdr:colOff>
      <xdr:row>60</xdr:row>
      <xdr:rowOff>7620</xdr:rowOff>
    </xdr:to>
    <xdr:cxnSp macro="">
      <xdr:nvCxnSpPr>
        <xdr:cNvPr id="197" name="直線コネクタ 196">
          <a:extLst>
            <a:ext uri="{FF2B5EF4-FFF2-40B4-BE49-F238E27FC236}">
              <a16:creationId xmlns:a16="http://schemas.microsoft.com/office/drawing/2014/main" id="{91A3A75B-3C25-4003-8724-7793C6477F77}"/>
            </a:ext>
          </a:extLst>
        </xdr:cNvPr>
        <xdr:cNvCxnSpPr/>
      </xdr:nvCxnSpPr>
      <xdr:spPr>
        <a:xfrm>
          <a:off x="1130300" y="1026795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25747</xdr:rowOff>
    </xdr:from>
    <xdr:ext cx="405111" cy="259045"/>
    <xdr:sp macro="" textlink="">
      <xdr:nvSpPr>
        <xdr:cNvPr id="198" name="n_1aveValue【橋りょう・トンネル】&#10;有形固定資産減価償却率">
          <a:extLst>
            <a:ext uri="{FF2B5EF4-FFF2-40B4-BE49-F238E27FC236}">
              <a16:creationId xmlns:a16="http://schemas.microsoft.com/office/drawing/2014/main" id="{5A6373E6-DC76-49B9-8068-5A8331A6F778}"/>
            </a:ext>
          </a:extLst>
        </xdr:cNvPr>
        <xdr:cNvSpPr txBox="1"/>
      </xdr:nvSpPr>
      <xdr:spPr>
        <a:xfrm>
          <a:off x="3582044" y="1041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18127</xdr:rowOff>
    </xdr:from>
    <xdr:ext cx="405111" cy="259045"/>
    <xdr:sp macro="" textlink="">
      <xdr:nvSpPr>
        <xdr:cNvPr id="199" name="n_2aveValue【橋りょう・トンネル】&#10;有形固定資産減価償却率">
          <a:extLst>
            <a:ext uri="{FF2B5EF4-FFF2-40B4-BE49-F238E27FC236}">
              <a16:creationId xmlns:a16="http://schemas.microsoft.com/office/drawing/2014/main" id="{BAA9419B-9511-427B-9E94-6A0669E54B54}"/>
            </a:ext>
          </a:extLst>
        </xdr:cNvPr>
        <xdr:cNvSpPr txBox="1"/>
      </xdr:nvSpPr>
      <xdr:spPr>
        <a:xfrm>
          <a:off x="2705744" y="1040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80027</xdr:rowOff>
    </xdr:from>
    <xdr:ext cx="405111" cy="259045"/>
    <xdr:sp macro="" textlink="">
      <xdr:nvSpPr>
        <xdr:cNvPr id="200" name="n_3aveValue【橋りょう・トンネル】&#10;有形固定資産減価償却率">
          <a:extLst>
            <a:ext uri="{FF2B5EF4-FFF2-40B4-BE49-F238E27FC236}">
              <a16:creationId xmlns:a16="http://schemas.microsoft.com/office/drawing/2014/main" id="{6F5CFBD6-F61C-4F01-85F5-6369BA49EADD}"/>
            </a:ext>
          </a:extLst>
        </xdr:cNvPr>
        <xdr:cNvSpPr txBox="1"/>
      </xdr:nvSpPr>
      <xdr:spPr>
        <a:xfrm>
          <a:off x="1816744" y="1036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76217</xdr:rowOff>
    </xdr:from>
    <xdr:ext cx="405111" cy="259045"/>
    <xdr:sp macro="" textlink="">
      <xdr:nvSpPr>
        <xdr:cNvPr id="201" name="n_4aveValue【橋りょう・トンネル】&#10;有形固定資産減価償却率">
          <a:extLst>
            <a:ext uri="{FF2B5EF4-FFF2-40B4-BE49-F238E27FC236}">
              <a16:creationId xmlns:a16="http://schemas.microsoft.com/office/drawing/2014/main" id="{F1CC224F-64A7-4FA8-AA92-8BE1D5013FBB}"/>
            </a:ext>
          </a:extLst>
        </xdr:cNvPr>
        <xdr:cNvSpPr txBox="1"/>
      </xdr:nvSpPr>
      <xdr:spPr>
        <a:xfrm>
          <a:off x="927744" y="10363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8</xdr:row>
      <xdr:rowOff>124477</xdr:rowOff>
    </xdr:from>
    <xdr:ext cx="405111" cy="259045"/>
    <xdr:sp macro="" textlink="">
      <xdr:nvSpPr>
        <xdr:cNvPr id="202" name="n_1mainValue【橋りょう・トンネル】&#10;有形固定資産減価償却率">
          <a:extLst>
            <a:ext uri="{FF2B5EF4-FFF2-40B4-BE49-F238E27FC236}">
              <a16:creationId xmlns:a16="http://schemas.microsoft.com/office/drawing/2014/main" id="{F796C3DF-9867-4555-9CBD-D6504270AEEF}"/>
            </a:ext>
          </a:extLst>
        </xdr:cNvPr>
        <xdr:cNvSpPr txBox="1"/>
      </xdr:nvSpPr>
      <xdr:spPr>
        <a:xfrm>
          <a:off x="3582044" y="10068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95902</xdr:rowOff>
    </xdr:from>
    <xdr:ext cx="405111" cy="259045"/>
    <xdr:sp macro="" textlink="">
      <xdr:nvSpPr>
        <xdr:cNvPr id="203" name="n_2mainValue【橋りょう・トンネル】&#10;有形固定資産減価償却率">
          <a:extLst>
            <a:ext uri="{FF2B5EF4-FFF2-40B4-BE49-F238E27FC236}">
              <a16:creationId xmlns:a16="http://schemas.microsoft.com/office/drawing/2014/main" id="{2B24C664-9036-49B2-B5B6-9B684BA095E3}"/>
            </a:ext>
          </a:extLst>
        </xdr:cNvPr>
        <xdr:cNvSpPr txBox="1"/>
      </xdr:nvSpPr>
      <xdr:spPr>
        <a:xfrm>
          <a:off x="2705744" y="10040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74947</xdr:rowOff>
    </xdr:from>
    <xdr:ext cx="405111" cy="259045"/>
    <xdr:sp macro="" textlink="">
      <xdr:nvSpPr>
        <xdr:cNvPr id="204" name="n_3mainValue【橋りょう・トンネル】&#10;有形固定資産減価償却率">
          <a:extLst>
            <a:ext uri="{FF2B5EF4-FFF2-40B4-BE49-F238E27FC236}">
              <a16:creationId xmlns:a16="http://schemas.microsoft.com/office/drawing/2014/main" id="{B5D949BA-2544-4834-9CE8-9A1AD31D0F38}"/>
            </a:ext>
          </a:extLst>
        </xdr:cNvPr>
        <xdr:cNvSpPr txBox="1"/>
      </xdr:nvSpPr>
      <xdr:spPr>
        <a:xfrm>
          <a:off x="1816744" y="1001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48277</xdr:rowOff>
    </xdr:from>
    <xdr:ext cx="405111" cy="259045"/>
    <xdr:sp macro="" textlink="">
      <xdr:nvSpPr>
        <xdr:cNvPr id="205" name="n_4mainValue【橋りょう・トンネル】&#10;有形固定資産減価償却率">
          <a:extLst>
            <a:ext uri="{FF2B5EF4-FFF2-40B4-BE49-F238E27FC236}">
              <a16:creationId xmlns:a16="http://schemas.microsoft.com/office/drawing/2014/main" id="{27CA90E9-D167-4D08-86CE-6879A50F4411}"/>
            </a:ext>
          </a:extLst>
        </xdr:cNvPr>
        <xdr:cNvSpPr txBox="1"/>
      </xdr:nvSpPr>
      <xdr:spPr>
        <a:xfrm>
          <a:off x="927744" y="999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6" name="正方形/長方形 205">
          <a:extLst>
            <a:ext uri="{FF2B5EF4-FFF2-40B4-BE49-F238E27FC236}">
              <a16:creationId xmlns:a16="http://schemas.microsoft.com/office/drawing/2014/main" id="{A7E30C25-B816-4C3D-9566-91922BC4101D}"/>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7" name="正方形/長方形 206">
          <a:extLst>
            <a:ext uri="{FF2B5EF4-FFF2-40B4-BE49-F238E27FC236}">
              <a16:creationId xmlns:a16="http://schemas.microsoft.com/office/drawing/2014/main" id="{6054A90B-B99A-4C68-89C6-2E8FF744E9DF}"/>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8" name="正方形/長方形 207">
          <a:extLst>
            <a:ext uri="{FF2B5EF4-FFF2-40B4-BE49-F238E27FC236}">
              <a16:creationId xmlns:a16="http://schemas.microsoft.com/office/drawing/2014/main" id="{C3D9C928-16BD-4E7F-9D8B-056A5DC60423}"/>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9" name="正方形/長方形 208">
          <a:extLst>
            <a:ext uri="{FF2B5EF4-FFF2-40B4-BE49-F238E27FC236}">
              <a16:creationId xmlns:a16="http://schemas.microsoft.com/office/drawing/2014/main" id="{0BC5B9B6-2008-441B-8870-05FC79999C78}"/>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0" name="正方形/長方形 209">
          <a:extLst>
            <a:ext uri="{FF2B5EF4-FFF2-40B4-BE49-F238E27FC236}">
              <a16:creationId xmlns:a16="http://schemas.microsoft.com/office/drawing/2014/main" id="{D97B1A9A-973D-42C5-9C1C-0399034C8551}"/>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8,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1" name="正方形/長方形 210">
          <a:extLst>
            <a:ext uri="{FF2B5EF4-FFF2-40B4-BE49-F238E27FC236}">
              <a16:creationId xmlns:a16="http://schemas.microsoft.com/office/drawing/2014/main" id="{DB2B0E02-44D3-48E9-958F-6A3CD8E5BAB9}"/>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2" name="正方形/長方形 211">
          <a:extLst>
            <a:ext uri="{FF2B5EF4-FFF2-40B4-BE49-F238E27FC236}">
              <a16:creationId xmlns:a16="http://schemas.microsoft.com/office/drawing/2014/main" id="{C4F042B2-FD4B-40A3-ADAB-EF6CDA04BE29}"/>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3" name="正方形/長方形 212">
          <a:extLst>
            <a:ext uri="{FF2B5EF4-FFF2-40B4-BE49-F238E27FC236}">
              <a16:creationId xmlns:a16="http://schemas.microsoft.com/office/drawing/2014/main" id="{022D171A-4099-4515-9185-A6FA4455A990}"/>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4" name="テキスト ボックス 213">
          <a:extLst>
            <a:ext uri="{FF2B5EF4-FFF2-40B4-BE49-F238E27FC236}">
              <a16:creationId xmlns:a16="http://schemas.microsoft.com/office/drawing/2014/main" id="{0E32E633-2056-4AE6-90B3-649DD33B2B96}"/>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5" name="直線コネクタ 214">
          <a:extLst>
            <a:ext uri="{FF2B5EF4-FFF2-40B4-BE49-F238E27FC236}">
              <a16:creationId xmlns:a16="http://schemas.microsoft.com/office/drawing/2014/main" id="{8492D88F-EE76-4810-8622-2BA9985954E9}"/>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130628</xdr:rowOff>
    </xdr:from>
    <xdr:to>
      <xdr:col>59</xdr:col>
      <xdr:colOff>50800</xdr:colOff>
      <xdr:row>64</xdr:row>
      <xdr:rowOff>130628</xdr:rowOff>
    </xdr:to>
    <xdr:cxnSp macro="">
      <xdr:nvCxnSpPr>
        <xdr:cNvPr id="216" name="直線コネクタ 215">
          <a:extLst>
            <a:ext uri="{FF2B5EF4-FFF2-40B4-BE49-F238E27FC236}">
              <a16:creationId xmlns:a16="http://schemas.microsoft.com/office/drawing/2014/main" id="{8E1BB7D0-804B-4535-B753-F6F1B3AE20E1}"/>
            </a:ext>
          </a:extLst>
        </xdr:cNvPr>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59855</xdr:rowOff>
    </xdr:from>
    <xdr:ext cx="248786" cy="259045"/>
    <xdr:sp macro="" textlink="">
      <xdr:nvSpPr>
        <xdr:cNvPr id="217" name="テキスト ボックス 216">
          <a:extLst>
            <a:ext uri="{FF2B5EF4-FFF2-40B4-BE49-F238E27FC236}">
              <a16:creationId xmlns:a16="http://schemas.microsoft.com/office/drawing/2014/main" id="{3FDE9C62-51EB-4A0E-B81A-91F1ABA2FE81}"/>
            </a:ext>
          </a:extLst>
        </xdr:cNvPr>
        <xdr:cNvSpPr txBox="1"/>
      </xdr:nvSpPr>
      <xdr:spPr>
        <a:xfrm>
          <a:off x="6355214" y="10961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18" name="直線コネクタ 217">
          <a:extLst>
            <a:ext uri="{FF2B5EF4-FFF2-40B4-BE49-F238E27FC236}">
              <a16:creationId xmlns:a16="http://schemas.microsoft.com/office/drawing/2014/main" id="{90E63BE5-A9C4-4458-A8AA-FDAC685EC1B8}"/>
            </a:ext>
          </a:extLst>
        </xdr:cNvPr>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2</xdr:row>
      <xdr:rowOff>4734</xdr:rowOff>
    </xdr:from>
    <xdr:ext cx="595419" cy="259045"/>
    <xdr:sp macro="" textlink="">
      <xdr:nvSpPr>
        <xdr:cNvPr id="219" name="テキスト ボックス 218">
          <a:extLst>
            <a:ext uri="{FF2B5EF4-FFF2-40B4-BE49-F238E27FC236}">
              <a16:creationId xmlns:a16="http://schemas.microsoft.com/office/drawing/2014/main" id="{E34A19D9-B6A7-403F-BD55-2359CC758A06}"/>
            </a:ext>
          </a:extLst>
        </xdr:cNvPr>
        <xdr:cNvSpPr txBox="1"/>
      </xdr:nvSpPr>
      <xdr:spPr>
        <a:xfrm>
          <a:off x="6008581" y="1063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20" name="直線コネクタ 219">
          <a:extLst>
            <a:ext uri="{FF2B5EF4-FFF2-40B4-BE49-F238E27FC236}">
              <a16:creationId xmlns:a16="http://schemas.microsoft.com/office/drawing/2014/main" id="{FD848EF4-BC99-45A0-AB73-65581C95C624}"/>
            </a:ext>
          </a:extLst>
        </xdr:cNvPr>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0</xdr:row>
      <xdr:rowOff>21062</xdr:rowOff>
    </xdr:from>
    <xdr:ext cx="595419" cy="259045"/>
    <xdr:sp macro="" textlink="">
      <xdr:nvSpPr>
        <xdr:cNvPr id="221" name="テキスト ボックス 220">
          <a:extLst>
            <a:ext uri="{FF2B5EF4-FFF2-40B4-BE49-F238E27FC236}">
              <a16:creationId xmlns:a16="http://schemas.microsoft.com/office/drawing/2014/main" id="{3B0D23FE-52AC-4B14-ABC5-75988F378915}"/>
            </a:ext>
          </a:extLst>
        </xdr:cNvPr>
        <xdr:cNvSpPr txBox="1"/>
      </xdr:nvSpPr>
      <xdr:spPr>
        <a:xfrm>
          <a:off x="6008581" y="1030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22" name="直線コネクタ 221">
          <a:extLst>
            <a:ext uri="{FF2B5EF4-FFF2-40B4-BE49-F238E27FC236}">
              <a16:creationId xmlns:a16="http://schemas.microsoft.com/office/drawing/2014/main" id="{D080FC15-C3AE-4352-8DAE-5CB80B5CBA02}"/>
            </a:ext>
          </a:extLst>
        </xdr:cNvPr>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8</xdr:row>
      <xdr:rowOff>37392</xdr:rowOff>
    </xdr:from>
    <xdr:ext cx="595419" cy="259045"/>
    <xdr:sp macro="" textlink="">
      <xdr:nvSpPr>
        <xdr:cNvPr id="223" name="テキスト ボックス 222">
          <a:extLst>
            <a:ext uri="{FF2B5EF4-FFF2-40B4-BE49-F238E27FC236}">
              <a16:creationId xmlns:a16="http://schemas.microsoft.com/office/drawing/2014/main" id="{EB3F8332-DCD7-48E4-95D3-C9B561059948}"/>
            </a:ext>
          </a:extLst>
        </xdr:cNvPr>
        <xdr:cNvSpPr txBox="1"/>
      </xdr:nvSpPr>
      <xdr:spPr>
        <a:xfrm>
          <a:off x="6008581" y="998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24" name="直線コネクタ 223">
          <a:extLst>
            <a:ext uri="{FF2B5EF4-FFF2-40B4-BE49-F238E27FC236}">
              <a16:creationId xmlns:a16="http://schemas.microsoft.com/office/drawing/2014/main" id="{6FFA891C-9D1F-482B-BBDB-3B5D32941129}"/>
            </a:ext>
          </a:extLst>
        </xdr:cNvPr>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53720</xdr:rowOff>
    </xdr:from>
    <xdr:ext cx="595419" cy="259045"/>
    <xdr:sp macro="" textlink="">
      <xdr:nvSpPr>
        <xdr:cNvPr id="225" name="テキスト ボックス 224">
          <a:extLst>
            <a:ext uri="{FF2B5EF4-FFF2-40B4-BE49-F238E27FC236}">
              <a16:creationId xmlns:a16="http://schemas.microsoft.com/office/drawing/2014/main" id="{B96B2C47-2971-4901-8FFC-CF916CB54E90}"/>
            </a:ext>
          </a:extLst>
        </xdr:cNvPr>
        <xdr:cNvSpPr txBox="1"/>
      </xdr:nvSpPr>
      <xdr:spPr>
        <a:xfrm>
          <a:off x="6008581" y="965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26" name="直線コネクタ 225">
          <a:extLst>
            <a:ext uri="{FF2B5EF4-FFF2-40B4-BE49-F238E27FC236}">
              <a16:creationId xmlns:a16="http://schemas.microsoft.com/office/drawing/2014/main" id="{4DD6E6F8-2AD9-4A05-8535-9F560BCB8A94}"/>
            </a:ext>
          </a:extLst>
        </xdr:cNvPr>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70049</xdr:rowOff>
    </xdr:from>
    <xdr:ext cx="595419" cy="259045"/>
    <xdr:sp macro="" textlink="">
      <xdr:nvSpPr>
        <xdr:cNvPr id="227" name="テキスト ボックス 226">
          <a:extLst>
            <a:ext uri="{FF2B5EF4-FFF2-40B4-BE49-F238E27FC236}">
              <a16:creationId xmlns:a16="http://schemas.microsoft.com/office/drawing/2014/main" id="{7E99E500-471B-49F1-817F-335AA7BB40C1}"/>
            </a:ext>
          </a:extLst>
        </xdr:cNvPr>
        <xdr:cNvSpPr txBox="1"/>
      </xdr:nvSpPr>
      <xdr:spPr>
        <a:xfrm>
          <a:off x="6008581" y="932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8" name="直線コネクタ 227">
          <a:extLst>
            <a:ext uri="{FF2B5EF4-FFF2-40B4-BE49-F238E27FC236}">
              <a16:creationId xmlns:a16="http://schemas.microsoft.com/office/drawing/2014/main" id="{B4789AAD-47BB-4361-A5B9-8A2634331F86}"/>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29" name="テキスト ボックス 228">
          <a:extLst>
            <a:ext uri="{FF2B5EF4-FFF2-40B4-BE49-F238E27FC236}">
              <a16:creationId xmlns:a16="http://schemas.microsoft.com/office/drawing/2014/main" id="{29B0D2A2-F0B8-482C-9DEA-1830740927DC}"/>
            </a:ext>
          </a:extLst>
        </xdr:cNvPr>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0" name="【橋りょう・トンネル】&#10;一人当たり有形固定資産（償却資産）額グラフ枠">
          <a:extLst>
            <a:ext uri="{FF2B5EF4-FFF2-40B4-BE49-F238E27FC236}">
              <a16:creationId xmlns:a16="http://schemas.microsoft.com/office/drawing/2014/main" id="{04F04607-18EF-42EB-9E7D-6368740A1CBC}"/>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87015</xdr:rowOff>
    </xdr:from>
    <xdr:to>
      <xdr:col>54</xdr:col>
      <xdr:colOff>189865</xdr:colOff>
      <xdr:row>64</xdr:row>
      <xdr:rowOff>119891</xdr:rowOff>
    </xdr:to>
    <xdr:cxnSp macro="">
      <xdr:nvCxnSpPr>
        <xdr:cNvPr id="231" name="直線コネクタ 230">
          <a:extLst>
            <a:ext uri="{FF2B5EF4-FFF2-40B4-BE49-F238E27FC236}">
              <a16:creationId xmlns:a16="http://schemas.microsoft.com/office/drawing/2014/main" id="{9DA224AF-EC46-490C-AA45-2569BFFAB9AF}"/>
            </a:ext>
          </a:extLst>
        </xdr:cNvPr>
        <xdr:cNvCxnSpPr/>
      </xdr:nvCxnSpPr>
      <xdr:spPr>
        <a:xfrm flipV="1">
          <a:off x="10476865" y="9688215"/>
          <a:ext cx="0" cy="14044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23718</xdr:rowOff>
    </xdr:from>
    <xdr:ext cx="469744" cy="259045"/>
    <xdr:sp macro="" textlink="">
      <xdr:nvSpPr>
        <xdr:cNvPr id="232" name="【橋りょう・トンネル】&#10;一人当たり有形固定資産（償却資産）額最小値テキスト">
          <a:extLst>
            <a:ext uri="{FF2B5EF4-FFF2-40B4-BE49-F238E27FC236}">
              <a16:creationId xmlns:a16="http://schemas.microsoft.com/office/drawing/2014/main" id="{D0718819-DC22-4165-A1BA-D9AD9B9F93A1}"/>
            </a:ext>
          </a:extLst>
        </xdr:cNvPr>
        <xdr:cNvSpPr txBox="1"/>
      </xdr:nvSpPr>
      <xdr:spPr>
        <a:xfrm>
          <a:off x="10515600" y="11096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19891</xdr:rowOff>
    </xdr:from>
    <xdr:to>
      <xdr:col>55</xdr:col>
      <xdr:colOff>88900</xdr:colOff>
      <xdr:row>64</xdr:row>
      <xdr:rowOff>119891</xdr:rowOff>
    </xdr:to>
    <xdr:cxnSp macro="">
      <xdr:nvCxnSpPr>
        <xdr:cNvPr id="233" name="直線コネクタ 232">
          <a:extLst>
            <a:ext uri="{FF2B5EF4-FFF2-40B4-BE49-F238E27FC236}">
              <a16:creationId xmlns:a16="http://schemas.microsoft.com/office/drawing/2014/main" id="{D2190C78-61EB-4A30-AAE2-DD0AD2602603}"/>
            </a:ext>
          </a:extLst>
        </xdr:cNvPr>
        <xdr:cNvCxnSpPr/>
      </xdr:nvCxnSpPr>
      <xdr:spPr>
        <a:xfrm>
          <a:off x="10388600" y="110926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33692</xdr:rowOff>
    </xdr:from>
    <xdr:ext cx="599010" cy="259045"/>
    <xdr:sp macro="" textlink="">
      <xdr:nvSpPr>
        <xdr:cNvPr id="234" name="【橋りょう・トンネル】&#10;一人当たり有形固定資産（償却資産）額最大値テキスト">
          <a:extLst>
            <a:ext uri="{FF2B5EF4-FFF2-40B4-BE49-F238E27FC236}">
              <a16:creationId xmlns:a16="http://schemas.microsoft.com/office/drawing/2014/main" id="{BD60468B-EF8E-4DB7-8F3A-F311F9205E73}"/>
            </a:ext>
          </a:extLst>
        </xdr:cNvPr>
        <xdr:cNvSpPr txBox="1"/>
      </xdr:nvSpPr>
      <xdr:spPr>
        <a:xfrm>
          <a:off x="10515600" y="9463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3,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87015</xdr:rowOff>
    </xdr:from>
    <xdr:to>
      <xdr:col>55</xdr:col>
      <xdr:colOff>88900</xdr:colOff>
      <xdr:row>56</xdr:row>
      <xdr:rowOff>87015</xdr:rowOff>
    </xdr:to>
    <xdr:cxnSp macro="">
      <xdr:nvCxnSpPr>
        <xdr:cNvPr id="235" name="直線コネクタ 234">
          <a:extLst>
            <a:ext uri="{FF2B5EF4-FFF2-40B4-BE49-F238E27FC236}">
              <a16:creationId xmlns:a16="http://schemas.microsoft.com/office/drawing/2014/main" id="{136F0375-1F97-4A32-8410-0F8AD9DF848C}"/>
            </a:ext>
          </a:extLst>
        </xdr:cNvPr>
        <xdr:cNvCxnSpPr/>
      </xdr:nvCxnSpPr>
      <xdr:spPr>
        <a:xfrm>
          <a:off x="10388600" y="9688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81367</xdr:rowOff>
    </xdr:from>
    <xdr:ext cx="534377" cy="259045"/>
    <xdr:sp macro="" textlink="">
      <xdr:nvSpPr>
        <xdr:cNvPr id="236" name="【橋りょう・トンネル】&#10;一人当たり有形固定資産（償却資産）額平均値テキスト">
          <a:extLst>
            <a:ext uri="{FF2B5EF4-FFF2-40B4-BE49-F238E27FC236}">
              <a16:creationId xmlns:a16="http://schemas.microsoft.com/office/drawing/2014/main" id="{81272BBD-3BBF-49A7-BCFA-0AECA1FCEC5A}"/>
            </a:ext>
          </a:extLst>
        </xdr:cNvPr>
        <xdr:cNvSpPr txBox="1"/>
      </xdr:nvSpPr>
      <xdr:spPr>
        <a:xfrm>
          <a:off x="10515600" y="107112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102940</xdr:rowOff>
    </xdr:from>
    <xdr:to>
      <xdr:col>55</xdr:col>
      <xdr:colOff>50800</xdr:colOff>
      <xdr:row>63</xdr:row>
      <xdr:rowOff>33090</xdr:rowOff>
    </xdr:to>
    <xdr:sp macro="" textlink="">
      <xdr:nvSpPr>
        <xdr:cNvPr id="237" name="フローチャート: 判断 236">
          <a:extLst>
            <a:ext uri="{FF2B5EF4-FFF2-40B4-BE49-F238E27FC236}">
              <a16:creationId xmlns:a16="http://schemas.microsoft.com/office/drawing/2014/main" id="{6D19DEBD-D922-4CC6-B27A-F928D3830658}"/>
            </a:ext>
          </a:extLst>
        </xdr:cNvPr>
        <xdr:cNvSpPr/>
      </xdr:nvSpPr>
      <xdr:spPr>
        <a:xfrm>
          <a:off x="10426700" y="10732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10660</xdr:rowOff>
    </xdr:from>
    <xdr:to>
      <xdr:col>50</xdr:col>
      <xdr:colOff>165100</xdr:colOff>
      <xdr:row>63</xdr:row>
      <xdr:rowOff>40810</xdr:rowOff>
    </xdr:to>
    <xdr:sp macro="" textlink="">
      <xdr:nvSpPr>
        <xdr:cNvPr id="238" name="フローチャート: 判断 237">
          <a:extLst>
            <a:ext uri="{FF2B5EF4-FFF2-40B4-BE49-F238E27FC236}">
              <a16:creationId xmlns:a16="http://schemas.microsoft.com/office/drawing/2014/main" id="{25F95BA4-DEA8-47F3-9BAA-D9253590A09B}"/>
            </a:ext>
          </a:extLst>
        </xdr:cNvPr>
        <xdr:cNvSpPr/>
      </xdr:nvSpPr>
      <xdr:spPr>
        <a:xfrm>
          <a:off x="9588500" y="10740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28064</xdr:rowOff>
    </xdr:from>
    <xdr:to>
      <xdr:col>46</xdr:col>
      <xdr:colOff>38100</xdr:colOff>
      <xdr:row>63</xdr:row>
      <xdr:rowOff>58214</xdr:rowOff>
    </xdr:to>
    <xdr:sp macro="" textlink="">
      <xdr:nvSpPr>
        <xdr:cNvPr id="239" name="フローチャート: 判断 238">
          <a:extLst>
            <a:ext uri="{FF2B5EF4-FFF2-40B4-BE49-F238E27FC236}">
              <a16:creationId xmlns:a16="http://schemas.microsoft.com/office/drawing/2014/main" id="{91064F40-1028-4B18-941C-BB3EFF37C0B3}"/>
            </a:ext>
          </a:extLst>
        </xdr:cNvPr>
        <xdr:cNvSpPr/>
      </xdr:nvSpPr>
      <xdr:spPr>
        <a:xfrm>
          <a:off x="8699500" y="10757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135731</xdr:rowOff>
    </xdr:from>
    <xdr:to>
      <xdr:col>41</xdr:col>
      <xdr:colOff>101600</xdr:colOff>
      <xdr:row>63</xdr:row>
      <xdr:rowOff>65881</xdr:rowOff>
    </xdr:to>
    <xdr:sp macro="" textlink="">
      <xdr:nvSpPr>
        <xdr:cNvPr id="240" name="フローチャート: 判断 239">
          <a:extLst>
            <a:ext uri="{FF2B5EF4-FFF2-40B4-BE49-F238E27FC236}">
              <a16:creationId xmlns:a16="http://schemas.microsoft.com/office/drawing/2014/main" id="{C2EFCCB4-473E-4C56-8EB4-69846F0134BE}"/>
            </a:ext>
          </a:extLst>
        </xdr:cNvPr>
        <xdr:cNvSpPr/>
      </xdr:nvSpPr>
      <xdr:spPr>
        <a:xfrm>
          <a:off x="7810500" y="10765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33328</xdr:rowOff>
    </xdr:from>
    <xdr:to>
      <xdr:col>36</xdr:col>
      <xdr:colOff>165100</xdr:colOff>
      <xdr:row>63</xdr:row>
      <xdr:rowOff>63478</xdr:rowOff>
    </xdr:to>
    <xdr:sp macro="" textlink="">
      <xdr:nvSpPr>
        <xdr:cNvPr id="241" name="フローチャート: 判断 240">
          <a:extLst>
            <a:ext uri="{FF2B5EF4-FFF2-40B4-BE49-F238E27FC236}">
              <a16:creationId xmlns:a16="http://schemas.microsoft.com/office/drawing/2014/main" id="{1B4067F9-F71D-42D0-808B-ED999F3B2FE5}"/>
            </a:ext>
          </a:extLst>
        </xdr:cNvPr>
        <xdr:cNvSpPr/>
      </xdr:nvSpPr>
      <xdr:spPr>
        <a:xfrm>
          <a:off x="6921500" y="10763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id="{94658A91-C41E-485D-8224-D1C39BEC8168}"/>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30A9EC0A-8CB9-4D02-B6E4-79DDD0BA29CA}"/>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AE626179-9283-4964-B23F-2B9484F1DBC6}"/>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6B2FA3CD-4B0A-487E-930D-F6776103DFA9}"/>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C236B965-EC35-4A8B-8C4B-490D8A495201}"/>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9082</xdr:rowOff>
    </xdr:from>
    <xdr:to>
      <xdr:col>55</xdr:col>
      <xdr:colOff>50800</xdr:colOff>
      <xdr:row>62</xdr:row>
      <xdr:rowOff>140682</xdr:rowOff>
    </xdr:to>
    <xdr:sp macro="" textlink="">
      <xdr:nvSpPr>
        <xdr:cNvPr id="247" name="楕円 246">
          <a:extLst>
            <a:ext uri="{FF2B5EF4-FFF2-40B4-BE49-F238E27FC236}">
              <a16:creationId xmlns:a16="http://schemas.microsoft.com/office/drawing/2014/main" id="{92E71AA5-5265-467C-906B-C7621018FA34}"/>
            </a:ext>
          </a:extLst>
        </xdr:cNvPr>
        <xdr:cNvSpPr/>
      </xdr:nvSpPr>
      <xdr:spPr>
        <a:xfrm>
          <a:off x="10426700" y="10668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61959</xdr:rowOff>
    </xdr:from>
    <xdr:ext cx="599010" cy="259045"/>
    <xdr:sp macro="" textlink="">
      <xdr:nvSpPr>
        <xdr:cNvPr id="248" name="【橋りょう・トンネル】&#10;一人当たり有形固定資産（償却資産）額該当値テキスト">
          <a:extLst>
            <a:ext uri="{FF2B5EF4-FFF2-40B4-BE49-F238E27FC236}">
              <a16:creationId xmlns:a16="http://schemas.microsoft.com/office/drawing/2014/main" id="{746B1CB4-5CA6-44D7-8D49-27D0431419CA}"/>
            </a:ext>
          </a:extLst>
        </xdr:cNvPr>
        <xdr:cNvSpPr txBox="1"/>
      </xdr:nvSpPr>
      <xdr:spPr>
        <a:xfrm>
          <a:off x="10515600" y="10520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43925</xdr:rowOff>
    </xdr:from>
    <xdr:to>
      <xdr:col>50</xdr:col>
      <xdr:colOff>165100</xdr:colOff>
      <xdr:row>62</xdr:row>
      <xdr:rowOff>145525</xdr:rowOff>
    </xdr:to>
    <xdr:sp macro="" textlink="">
      <xdr:nvSpPr>
        <xdr:cNvPr id="249" name="楕円 248">
          <a:extLst>
            <a:ext uri="{FF2B5EF4-FFF2-40B4-BE49-F238E27FC236}">
              <a16:creationId xmlns:a16="http://schemas.microsoft.com/office/drawing/2014/main" id="{FAC5D530-A638-4507-A01D-89F00D71F8E6}"/>
            </a:ext>
          </a:extLst>
        </xdr:cNvPr>
        <xdr:cNvSpPr/>
      </xdr:nvSpPr>
      <xdr:spPr>
        <a:xfrm>
          <a:off x="9588500" y="1067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89882</xdr:rowOff>
    </xdr:from>
    <xdr:to>
      <xdr:col>55</xdr:col>
      <xdr:colOff>0</xdr:colOff>
      <xdr:row>62</xdr:row>
      <xdr:rowOff>94725</xdr:rowOff>
    </xdr:to>
    <xdr:cxnSp macro="">
      <xdr:nvCxnSpPr>
        <xdr:cNvPr id="250" name="直線コネクタ 249">
          <a:extLst>
            <a:ext uri="{FF2B5EF4-FFF2-40B4-BE49-F238E27FC236}">
              <a16:creationId xmlns:a16="http://schemas.microsoft.com/office/drawing/2014/main" id="{376D73DE-19FD-4E71-AD8B-5BFD14BE55C4}"/>
            </a:ext>
          </a:extLst>
        </xdr:cNvPr>
        <xdr:cNvCxnSpPr/>
      </xdr:nvCxnSpPr>
      <xdr:spPr>
        <a:xfrm flipV="1">
          <a:off x="9639300" y="10719782"/>
          <a:ext cx="838200" cy="4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45555</xdr:rowOff>
    </xdr:from>
    <xdr:to>
      <xdr:col>46</xdr:col>
      <xdr:colOff>38100</xdr:colOff>
      <xdr:row>62</xdr:row>
      <xdr:rowOff>147155</xdr:rowOff>
    </xdr:to>
    <xdr:sp macro="" textlink="">
      <xdr:nvSpPr>
        <xdr:cNvPr id="251" name="楕円 250">
          <a:extLst>
            <a:ext uri="{FF2B5EF4-FFF2-40B4-BE49-F238E27FC236}">
              <a16:creationId xmlns:a16="http://schemas.microsoft.com/office/drawing/2014/main" id="{22A5A4CF-005C-4203-B4B8-65EB025B9310}"/>
            </a:ext>
          </a:extLst>
        </xdr:cNvPr>
        <xdr:cNvSpPr/>
      </xdr:nvSpPr>
      <xdr:spPr>
        <a:xfrm>
          <a:off x="8699500" y="10675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94725</xdr:rowOff>
    </xdr:from>
    <xdr:to>
      <xdr:col>50</xdr:col>
      <xdr:colOff>114300</xdr:colOff>
      <xdr:row>62</xdr:row>
      <xdr:rowOff>96355</xdr:rowOff>
    </xdr:to>
    <xdr:cxnSp macro="">
      <xdr:nvCxnSpPr>
        <xdr:cNvPr id="252" name="直線コネクタ 251">
          <a:extLst>
            <a:ext uri="{FF2B5EF4-FFF2-40B4-BE49-F238E27FC236}">
              <a16:creationId xmlns:a16="http://schemas.microsoft.com/office/drawing/2014/main" id="{C7E9D151-7B33-44D2-ADF7-D742535F458E}"/>
            </a:ext>
          </a:extLst>
        </xdr:cNvPr>
        <xdr:cNvCxnSpPr/>
      </xdr:nvCxnSpPr>
      <xdr:spPr>
        <a:xfrm flipV="1">
          <a:off x="8750300" y="10724625"/>
          <a:ext cx="889000" cy="1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50052</xdr:rowOff>
    </xdr:from>
    <xdr:to>
      <xdr:col>41</xdr:col>
      <xdr:colOff>101600</xdr:colOff>
      <xdr:row>62</xdr:row>
      <xdr:rowOff>151652</xdr:rowOff>
    </xdr:to>
    <xdr:sp macro="" textlink="">
      <xdr:nvSpPr>
        <xdr:cNvPr id="253" name="楕円 252">
          <a:extLst>
            <a:ext uri="{FF2B5EF4-FFF2-40B4-BE49-F238E27FC236}">
              <a16:creationId xmlns:a16="http://schemas.microsoft.com/office/drawing/2014/main" id="{156F9CEF-5D36-4D59-845A-9395FF4D0FD6}"/>
            </a:ext>
          </a:extLst>
        </xdr:cNvPr>
        <xdr:cNvSpPr/>
      </xdr:nvSpPr>
      <xdr:spPr>
        <a:xfrm>
          <a:off x="7810500" y="106799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96355</xdr:rowOff>
    </xdr:from>
    <xdr:to>
      <xdr:col>45</xdr:col>
      <xdr:colOff>177800</xdr:colOff>
      <xdr:row>62</xdr:row>
      <xdr:rowOff>100852</xdr:rowOff>
    </xdr:to>
    <xdr:cxnSp macro="">
      <xdr:nvCxnSpPr>
        <xdr:cNvPr id="254" name="直線コネクタ 253">
          <a:extLst>
            <a:ext uri="{FF2B5EF4-FFF2-40B4-BE49-F238E27FC236}">
              <a16:creationId xmlns:a16="http://schemas.microsoft.com/office/drawing/2014/main" id="{F360DBA3-CDBB-48F8-A7DA-E3A0F6D9011C}"/>
            </a:ext>
          </a:extLst>
        </xdr:cNvPr>
        <xdr:cNvCxnSpPr/>
      </xdr:nvCxnSpPr>
      <xdr:spPr>
        <a:xfrm flipV="1">
          <a:off x="7861300" y="10726255"/>
          <a:ext cx="889000" cy="4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2</xdr:row>
      <xdr:rowOff>50405</xdr:rowOff>
    </xdr:from>
    <xdr:to>
      <xdr:col>36</xdr:col>
      <xdr:colOff>165100</xdr:colOff>
      <xdr:row>62</xdr:row>
      <xdr:rowOff>152005</xdr:rowOff>
    </xdr:to>
    <xdr:sp macro="" textlink="">
      <xdr:nvSpPr>
        <xdr:cNvPr id="255" name="楕円 254">
          <a:extLst>
            <a:ext uri="{FF2B5EF4-FFF2-40B4-BE49-F238E27FC236}">
              <a16:creationId xmlns:a16="http://schemas.microsoft.com/office/drawing/2014/main" id="{309ED922-4A42-48EA-8693-F5B6CC8FE676}"/>
            </a:ext>
          </a:extLst>
        </xdr:cNvPr>
        <xdr:cNvSpPr/>
      </xdr:nvSpPr>
      <xdr:spPr>
        <a:xfrm>
          <a:off x="6921500" y="10680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100852</xdr:rowOff>
    </xdr:from>
    <xdr:to>
      <xdr:col>41</xdr:col>
      <xdr:colOff>50800</xdr:colOff>
      <xdr:row>62</xdr:row>
      <xdr:rowOff>101205</xdr:rowOff>
    </xdr:to>
    <xdr:cxnSp macro="">
      <xdr:nvCxnSpPr>
        <xdr:cNvPr id="256" name="直線コネクタ 255">
          <a:extLst>
            <a:ext uri="{FF2B5EF4-FFF2-40B4-BE49-F238E27FC236}">
              <a16:creationId xmlns:a16="http://schemas.microsoft.com/office/drawing/2014/main" id="{11D46DDE-AD47-4F53-A405-86880961061F}"/>
            </a:ext>
          </a:extLst>
        </xdr:cNvPr>
        <xdr:cNvCxnSpPr/>
      </xdr:nvCxnSpPr>
      <xdr:spPr>
        <a:xfrm flipV="1">
          <a:off x="6972300" y="10730752"/>
          <a:ext cx="889000" cy="3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3</xdr:row>
      <xdr:rowOff>31937</xdr:rowOff>
    </xdr:from>
    <xdr:ext cx="534377" cy="259045"/>
    <xdr:sp macro="" textlink="">
      <xdr:nvSpPr>
        <xdr:cNvPr id="257" name="n_1aveValue【橋りょう・トンネル】&#10;一人当たり有形固定資産（償却資産）額">
          <a:extLst>
            <a:ext uri="{FF2B5EF4-FFF2-40B4-BE49-F238E27FC236}">
              <a16:creationId xmlns:a16="http://schemas.microsoft.com/office/drawing/2014/main" id="{07B9ACB3-650F-4198-B70B-B79527552A60}"/>
            </a:ext>
          </a:extLst>
        </xdr:cNvPr>
        <xdr:cNvSpPr txBox="1"/>
      </xdr:nvSpPr>
      <xdr:spPr>
        <a:xfrm>
          <a:off x="9359411" y="108332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3</xdr:row>
      <xdr:rowOff>49341</xdr:rowOff>
    </xdr:from>
    <xdr:ext cx="534377" cy="259045"/>
    <xdr:sp macro="" textlink="">
      <xdr:nvSpPr>
        <xdr:cNvPr id="258" name="n_2aveValue【橋りょう・トンネル】&#10;一人当たり有形固定資産（償却資産）額">
          <a:extLst>
            <a:ext uri="{FF2B5EF4-FFF2-40B4-BE49-F238E27FC236}">
              <a16:creationId xmlns:a16="http://schemas.microsoft.com/office/drawing/2014/main" id="{99F83356-5F80-4C42-B2A0-11161D686EEF}"/>
            </a:ext>
          </a:extLst>
        </xdr:cNvPr>
        <xdr:cNvSpPr txBox="1"/>
      </xdr:nvSpPr>
      <xdr:spPr>
        <a:xfrm>
          <a:off x="8483111" y="108506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2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57008</xdr:rowOff>
    </xdr:from>
    <xdr:ext cx="534377" cy="259045"/>
    <xdr:sp macro="" textlink="">
      <xdr:nvSpPr>
        <xdr:cNvPr id="259" name="n_3aveValue【橋りょう・トンネル】&#10;一人当たり有形固定資産（償却資産）額">
          <a:extLst>
            <a:ext uri="{FF2B5EF4-FFF2-40B4-BE49-F238E27FC236}">
              <a16:creationId xmlns:a16="http://schemas.microsoft.com/office/drawing/2014/main" id="{07EA47DA-0754-46DA-8B7F-DBAFF9D565A7}"/>
            </a:ext>
          </a:extLst>
        </xdr:cNvPr>
        <xdr:cNvSpPr txBox="1"/>
      </xdr:nvSpPr>
      <xdr:spPr>
        <a:xfrm>
          <a:off x="7594111" y="10858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3</xdr:row>
      <xdr:rowOff>54605</xdr:rowOff>
    </xdr:from>
    <xdr:ext cx="534377" cy="259045"/>
    <xdr:sp macro="" textlink="">
      <xdr:nvSpPr>
        <xdr:cNvPr id="260" name="n_4aveValue【橋りょう・トンネル】&#10;一人当たり有形固定資産（償却資産）額">
          <a:extLst>
            <a:ext uri="{FF2B5EF4-FFF2-40B4-BE49-F238E27FC236}">
              <a16:creationId xmlns:a16="http://schemas.microsoft.com/office/drawing/2014/main" id="{2D30C8AA-4C23-4067-9009-BC2E79CEB8A1}"/>
            </a:ext>
          </a:extLst>
        </xdr:cNvPr>
        <xdr:cNvSpPr txBox="1"/>
      </xdr:nvSpPr>
      <xdr:spPr>
        <a:xfrm>
          <a:off x="6705111" y="10855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162052</xdr:rowOff>
    </xdr:from>
    <xdr:ext cx="599010" cy="259045"/>
    <xdr:sp macro="" textlink="">
      <xdr:nvSpPr>
        <xdr:cNvPr id="261" name="n_1mainValue【橋りょう・トンネル】&#10;一人当たり有形固定資産（償却資産）額">
          <a:extLst>
            <a:ext uri="{FF2B5EF4-FFF2-40B4-BE49-F238E27FC236}">
              <a16:creationId xmlns:a16="http://schemas.microsoft.com/office/drawing/2014/main" id="{B540ED44-6F6E-45D3-8D8E-7713A272489B}"/>
            </a:ext>
          </a:extLst>
        </xdr:cNvPr>
        <xdr:cNvSpPr txBox="1"/>
      </xdr:nvSpPr>
      <xdr:spPr>
        <a:xfrm>
          <a:off x="9327095" y="104490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63682</xdr:rowOff>
    </xdr:from>
    <xdr:ext cx="599010" cy="259045"/>
    <xdr:sp macro="" textlink="">
      <xdr:nvSpPr>
        <xdr:cNvPr id="262" name="n_2mainValue【橋りょう・トンネル】&#10;一人当たり有形固定資産（償却資産）額">
          <a:extLst>
            <a:ext uri="{FF2B5EF4-FFF2-40B4-BE49-F238E27FC236}">
              <a16:creationId xmlns:a16="http://schemas.microsoft.com/office/drawing/2014/main" id="{CA2F22C0-3735-4F76-98F3-31A21783202A}"/>
            </a:ext>
          </a:extLst>
        </xdr:cNvPr>
        <xdr:cNvSpPr txBox="1"/>
      </xdr:nvSpPr>
      <xdr:spPr>
        <a:xfrm>
          <a:off x="8450795" y="104506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168179</xdr:rowOff>
    </xdr:from>
    <xdr:ext cx="599010" cy="259045"/>
    <xdr:sp macro="" textlink="">
      <xdr:nvSpPr>
        <xdr:cNvPr id="263" name="n_3mainValue【橋りょう・トンネル】&#10;一人当たり有形固定資産（償却資産）額">
          <a:extLst>
            <a:ext uri="{FF2B5EF4-FFF2-40B4-BE49-F238E27FC236}">
              <a16:creationId xmlns:a16="http://schemas.microsoft.com/office/drawing/2014/main" id="{BEF49AA3-A149-4E73-A63E-9502727443D6}"/>
            </a:ext>
          </a:extLst>
        </xdr:cNvPr>
        <xdr:cNvSpPr txBox="1"/>
      </xdr:nvSpPr>
      <xdr:spPr>
        <a:xfrm>
          <a:off x="7561795" y="104551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0</xdr:row>
      <xdr:rowOff>168532</xdr:rowOff>
    </xdr:from>
    <xdr:ext cx="599010" cy="259045"/>
    <xdr:sp macro="" textlink="">
      <xdr:nvSpPr>
        <xdr:cNvPr id="264" name="n_4mainValue【橋りょう・トンネル】&#10;一人当たり有形固定資産（償却資産）額">
          <a:extLst>
            <a:ext uri="{FF2B5EF4-FFF2-40B4-BE49-F238E27FC236}">
              <a16:creationId xmlns:a16="http://schemas.microsoft.com/office/drawing/2014/main" id="{C68215AE-324B-44FD-92E1-2C3397D2B997}"/>
            </a:ext>
          </a:extLst>
        </xdr:cNvPr>
        <xdr:cNvSpPr txBox="1"/>
      </xdr:nvSpPr>
      <xdr:spPr>
        <a:xfrm>
          <a:off x="6672795" y="104555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5" name="正方形/長方形 264">
          <a:extLst>
            <a:ext uri="{FF2B5EF4-FFF2-40B4-BE49-F238E27FC236}">
              <a16:creationId xmlns:a16="http://schemas.microsoft.com/office/drawing/2014/main" id="{F1BFCF72-E4F3-4A15-9461-CBD8E6224925}"/>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6" name="正方形/長方形 265">
          <a:extLst>
            <a:ext uri="{FF2B5EF4-FFF2-40B4-BE49-F238E27FC236}">
              <a16:creationId xmlns:a16="http://schemas.microsoft.com/office/drawing/2014/main" id="{AD173FDF-CB6C-4D9C-ADE6-D52E2C40964C}"/>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7" name="正方形/長方形 266">
          <a:extLst>
            <a:ext uri="{FF2B5EF4-FFF2-40B4-BE49-F238E27FC236}">
              <a16:creationId xmlns:a16="http://schemas.microsoft.com/office/drawing/2014/main" id="{BC096B69-54F9-476B-9815-94D346173EB5}"/>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8" name="正方形/長方形 267">
          <a:extLst>
            <a:ext uri="{FF2B5EF4-FFF2-40B4-BE49-F238E27FC236}">
              <a16:creationId xmlns:a16="http://schemas.microsoft.com/office/drawing/2014/main" id="{80074B31-86F5-402C-9BED-50CC8943334E}"/>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9" name="正方形/長方形 268">
          <a:extLst>
            <a:ext uri="{FF2B5EF4-FFF2-40B4-BE49-F238E27FC236}">
              <a16:creationId xmlns:a16="http://schemas.microsoft.com/office/drawing/2014/main" id="{1642E596-0771-4E44-8117-B4FE80ACB197}"/>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0" name="正方形/長方形 269">
          <a:extLst>
            <a:ext uri="{FF2B5EF4-FFF2-40B4-BE49-F238E27FC236}">
              <a16:creationId xmlns:a16="http://schemas.microsoft.com/office/drawing/2014/main" id="{DC483C73-014B-4875-89CE-0ED9292F7413}"/>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1" name="正方形/長方形 270">
          <a:extLst>
            <a:ext uri="{FF2B5EF4-FFF2-40B4-BE49-F238E27FC236}">
              <a16:creationId xmlns:a16="http://schemas.microsoft.com/office/drawing/2014/main" id="{FF5780E5-1FA1-4602-9CAD-A4C2FD13C159}"/>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2" name="正方形/長方形 271">
          <a:extLst>
            <a:ext uri="{FF2B5EF4-FFF2-40B4-BE49-F238E27FC236}">
              <a16:creationId xmlns:a16="http://schemas.microsoft.com/office/drawing/2014/main" id="{8EC8D2FC-1ED7-4691-804F-09005E950B08}"/>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3" name="テキスト ボックス 272">
          <a:extLst>
            <a:ext uri="{FF2B5EF4-FFF2-40B4-BE49-F238E27FC236}">
              <a16:creationId xmlns:a16="http://schemas.microsoft.com/office/drawing/2014/main" id="{ED1143A5-21C8-4B7C-AC31-D4C2A5B9E71A}"/>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4" name="直線コネクタ 273">
          <a:extLst>
            <a:ext uri="{FF2B5EF4-FFF2-40B4-BE49-F238E27FC236}">
              <a16:creationId xmlns:a16="http://schemas.microsoft.com/office/drawing/2014/main" id="{5EFF13F9-A431-4395-BEAA-AB5CF1A4FF02}"/>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5" name="テキスト ボックス 274">
          <a:extLst>
            <a:ext uri="{FF2B5EF4-FFF2-40B4-BE49-F238E27FC236}">
              <a16:creationId xmlns:a16="http://schemas.microsoft.com/office/drawing/2014/main" id="{7E1FA693-CF86-45D1-8852-F6D0FC90EC6A}"/>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6" name="直線コネクタ 275">
          <a:extLst>
            <a:ext uri="{FF2B5EF4-FFF2-40B4-BE49-F238E27FC236}">
              <a16:creationId xmlns:a16="http://schemas.microsoft.com/office/drawing/2014/main" id="{8F808718-4A28-4AB8-BD60-51AEB236E4A2}"/>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7" name="テキスト ボックス 276">
          <a:extLst>
            <a:ext uri="{FF2B5EF4-FFF2-40B4-BE49-F238E27FC236}">
              <a16:creationId xmlns:a16="http://schemas.microsoft.com/office/drawing/2014/main" id="{67A68B57-3B38-493C-BDFD-86B45F2CD882}"/>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8" name="直線コネクタ 277">
          <a:extLst>
            <a:ext uri="{FF2B5EF4-FFF2-40B4-BE49-F238E27FC236}">
              <a16:creationId xmlns:a16="http://schemas.microsoft.com/office/drawing/2014/main" id="{04A9357D-54CB-4F68-9856-79AB5C51CB64}"/>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79" name="テキスト ボックス 278">
          <a:extLst>
            <a:ext uri="{FF2B5EF4-FFF2-40B4-BE49-F238E27FC236}">
              <a16:creationId xmlns:a16="http://schemas.microsoft.com/office/drawing/2014/main" id="{FCB6ADD9-3122-4206-8DD6-D061BED103D0}"/>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0" name="直線コネクタ 279">
          <a:extLst>
            <a:ext uri="{FF2B5EF4-FFF2-40B4-BE49-F238E27FC236}">
              <a16:creationId xmlns:a16="http://schemas.microsoft.com/office/drawing/2014/main" id="{6E6F6A1E-3D7D-40F2-91DF-10CCC8BB9ED9}"/>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1" name="テキスト ボックス 280">
          <a:extLst>
            <a:ext uri="{FF2B5EF4-FFF2-40B4-BE49-F238E27FC236}">
              <a16:creationId xmlns:a16="http://schemas.microsoft.com/office/drawing/2014/main" id="{004E471E-E9E0-4A78-A0F5-A723DA4A100F}"/>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2" name="直線コネクタ 281">
          <a:extLst>
            <a:ext uri="{FF2B5EF4-FFF2-40B4-BE49-F238E27FC236}">
              <a16:creationId xmlns:a16="http://schemas.microsoft.com/office/drawing/2014/main" id="{43D3487B-60FA-466B-99A1-5095C45A869F}"/>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3" name="テキスト ボックス 282">
          <a:extLst>
            <a:ext uri="{FF2B5EF4-FFF2-40B4-BE49-F238E27FC236}">
              <a16:creationId xmlns:a16="http://schemas.microsoft.com/office/drawing/2014/main" id="{A8894C09-30EB-406D-A030-AC173376CEFF}"/>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4" name="直線コネクタ 283">
          <a:extLst>
            <a:ext uri="{FF2B5EF4-FFF2-40B4-BE49-F238E27FC236}">
              <a16:creationId xmlns:a16="http://schemas.microsoft.com/office/drawing/2014/main" id="{BFA48FC9-D7AD-47A3-97F4-5A8B1126BB72}"/>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5" name="テキスト ボックス 284">
          <a:extLst>
            <a:ext uri="{FF2B5EF4-FFF2-40B4-BE49-F238E27FC236}">
              <a16:creationId xmlns:a16="http://schemas.microsoft.com/office/drawing/2014/main" id="{6F6081B2-3D56-49F2-AE4D-B0B64E4D9F75}"/>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6" name="直線コネクタ 285">
          <a:extLst>
            <a:ext uri="{FF2B5EF4-FFF2-40B4-BE49-F238E27FC236}">
              <a16:creationId xmlns:a16="http://schemas.microsoft.com/office/drawing/2014/main" id="{0F08E23F-28CC-47ED-8ABD-B1FCF34D33A6}"/>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7" name="テキスト ボックス 286">
          <a:extLst>
            <a:ext uri="{FF2B5EF4-FFF2-40B4-BE49-F238E27FC236}">
              <a16:creationId xmlns:a16="http://schemas.microsoft.com/office/drawing/2014/main" id="{B5F582D6-7079-4312-AFA8-EF9277ED1956}"/>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8" name="【公営住宅】&#10;有形固定資産減価償却率グラフ枠">
          <a:extLst>
            <a:ext uri="{FF2B5EF4-FFF2-40B4-BE49-F238E27FC236}">
              <a16:creationId xmlns:a16="http://schemas.microsoft.com/office/drawing/2014/main" id="{5E5912EA-05D6-44CB-AE6D-5EDCCE59CB83}"/>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23825</xdr:rowOff>
    </xdr:from>
    <xdr:to>
      <xdr:col>24</xdr:col>
      <xdr:colOff>62865</xdr:colOff>
      <xdr:row>86</xdr:row>
      <xdr:rowOff>62864</xdr:rowOff>
    </xdr:to>
    <xdr:cxnSp macro="">
      <xdr:nvCxnSpPr>
        <xdr:cNvPr id="289" name="直線コネクタ 288">
          <a:extLst>
            <a:ext uri="{FF2B5EF4-FFF2-40B4-BE49-F238E27FC236}">
              <a16:creationId xmlns:a16="http://schemas.microsoft.com/office/drawing/2014/main" id="{3053EA92-9D7E-4063-AC84-142D510A26EA}"/>
            </a:ext>
          </a:extLst>
        </xdr:cNvPr>
        <xdr:cNvCxnSpPr/>
      </xdr:nvCxnSpPr>
      <xdr:spPr>
        <a:xfrm flipV="1">
          <a:off x="4634865" y="13496925"/>
          <a:ext cx="0" cy="1310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6691</xdr:rowOff>
    </xdr:from>
    <xdr:ext cx="405111" cy="259045"/>
    <xdr:sp macro="" textlink="">
      <xdr:nvSpPr>
        <xdr:cNvPr id="290" name="【公営住宅】&#10;有形固定資産減価償却率最小値テキスト">
          <a:extLst>
            <a:ext uri="{FF2B5EF4-FFF2-40B4-BE49-F238E27FC236}">
              <a16:creationId xmlns:a16="http://schemas.microsoft.com/office/drawing/2014/main" id="{007FFE42-7BCD-4918-990B-98AA99849A96}"/>
            </a:ext>
          </a:extLst>
        </xdr:cNvPr>
        <xdr:cNvSpPr txBox="1"/>
      </xdr:nvSpPr>
      <xdr:spPr>
        <a:xfrm>
          <a:off x="4673600" y="14811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2864</xdr:rowOff>
    </xdr:from>
    <xdr:to>
      <xdr:col>24</xdr:col>
      <xdr:colOff>152400</xdr:colOff>
      <xdr:row>86</xdr:row>
      <xdr:rowOff>62864</xdr:rowOff>
    </xdr:to>
    <xdr:cxnSp macro="">
      <xdr:nvCxnSpPr>
        <xdr:cNvPr id="291" name="直線コネクタ 290">
          <a:extLst>
            <a:ext uri="{FF2B5EF4-FFF2-40B4-BE49-F238E27FC236}">
              <a16:creationId xmlns:a16="http://schemas.microsoft.com/office/drawing/2014/main" id="{3A899852-2DCE-4765-B79B-40572CD8351B}"/>
            </a:ext>
          </a:extLst>
        </xdr:cNvPr>
        <xdr:cNvCxnSpPr/>
      </xdr:nvCxnSpPr>
      <xdr:spPr>
        <a:xfrm>
          <a:off x="4546600" y="148075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0502</xdr:rowOff>
    </xdr:from>
    <xdr:ext cx="405111" cy="259045"/>
    <xdr:sp macro="" textlink="">
      <xdr:nvSpPr>
        <xdr:cNvPr id="292" name="【公営住宅】&#10;有形固定資産減価償却率最大値テキスト">
          <a:extLst>
            <a:ext uri="{FF2B5EF4-FFF2-40B4-BE49-F238E27FC236}">
              <a16:creationId xmlns:a16="http://schemas.microsoft.com/office/drawing/2014/main" id="{A5617A14-99D1-4654-9863-FE35B2C94F49}"/>
            </a:ext>
          </a:extLst>
        </xdr:cNvPr>
        <xdr:cNvSpPr txBox="1"/>
      </xdr:nvSpPr>
      <xdr:spPr>
        <a:xfrm>
          <a:off x="4673600" y="13272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23825</xdr:rowOff>
    </xdr:from>
    <xdr:to>
      <xdr:col>24</xdr:col>
      <xdr:colOff>152400</xdr:colOff>
      <xdr:row>78</xdr:row>
      <xdr:rowOff>123825</xdr:rowOff>
    </xdr:to>
    <xdr:cxnSp macro="">
      <xdr:nvCxnSpPr>
        <xdr:cNvPr id="293" name="直線コネクタ 292">
          <a:extLst>
            <a:ext uri="{FF2B5EF4-FFF2-40B4-BE49-F238E27FC236}">
              <a16:creationId xmlns:a16="http://schemas.microsoft.com/office/drawing/2014/main" id="{B84A926D-1011-4BCB-ABB6-32C2B196BE82}"/>
            </a:ext>
          </a:extLst>
        </xdr:cNvPr>
        <xdr:cNvCxnSpPr/>
      </xdr:nvCxnSpPr>
      <xdr:spPr>
        <a:xfrm>
          <a:off x="4546600" y="134969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41927</xdr:rowOff>
    </xdr:from>
    <xdr:ext cx="405111" cy="259045"/>
    <xdr:sp macro="" textlink="">
      <xdr:nvSpPr>
        <xdr:cNvPr id="294" name="【公営住宅】&#10;有形固定資産減価償却率平均値テキスト">
          <a:extLst>
            <a:ext uri="{FF2B5EF4-FFF2-40B4-BE49-F238E27FC236}">
              <a16:creationId xmlns:a16="http://schemas.microsoft.com/office/drawing/2014/main" id="{228EF006-68D4-4DAB-B40F-63B8B95A58F8}"/>
            </a:ext>
          </a:extLst>
        </xdr:cNvPr>
        <xdr:cNvSpPr txBox="1"/>
      </xdr:nvSpPr>
      <xdr:spPr>
        <a:xfrm>
          <a:off x="4673600" y="141008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3500</xdr:rowOff>
    </xdr:from>
    <xdr:to>
      <xdr:col>24</xdr:col>
      <xdr:colOff>114300</xdr:colOff>
      <xdr:row>82</xdr:row>
      <xdr:rowOff>165100</xdr:rowOff>
    </xdr:to>
    <xdr:sp macro="" textlink="">
      <xdr:nvSpPr>
        <xdr:cNvPr id="295" name="フローチャート: 判断 294">
          <a:extLst>
            <a:ext uri="{FF2B5EF4-FFF2-40B4-BE49-F238E27FC236}">
              <a16:creationId xmlns:a16="http://schemas.microsoft.com/office/drawing/2014/main" id="{4EBB10FF-2B4F-4EB6-B040-586F1466F5D8}"/>
            </a:ext>
          </a:extLst>
        </xdr:cNvPr>
        <xdr:cNvSpPr/>
      </xdr:nvSpPr>
      <xdr:spPr>
        <a:xfrm>
          <a:off x="4584700" y="14122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2555</xdr:rowOff>
    </xdr:from>
    <xdr:to>
      <xdr:col>20</xdr:col>
      <xdr:colOff>38100</xdr:colOff>
      <xdr:row>83</xdr:row>
      <xdr:rowOff>52705</xdr:rowOff>
    </xdr:to>
    <xdr:sp macro="" textlink="">
      <xdr:nvSpPr>
        <xdr:cNvPr id="296" name="フローチャート: 判断 295">
          <a:extLst>
            <a:ext uri="{FF2B5EF4-FFF2-40B4-BE49-F238E27FC236}">
              <a16:creationId xmlns:a16="http://schemas.microsoft.com/office/drawing/2014/main" id="{DD91BD18-B7BA-4401-9504-0F9B2B4094F9}"/>
            </a:ext>
          </a:extLst>
        </xdr:cNvPr>
        <xdr:cNvSpPr/>
      </xdr:nvSpPr>
      <xdr:spPr>
        <a:xfrm>
          <a:off x="3746500" y="14181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18745</xdr:rowOff>
    </xdr:from>
    <xdr:to>
      <xdr:col>15</xdr:col>
      <xdr:colOff>101600</xdr:colOff>
      <xdr:row>83</xdr:row>
      <xdr:rowOff>48895</xdr:rowOff>
    </xdr:to>
    <xdr:sp macro="" textlink="">
      <xdr:nvSpPr>
        <xdr:cNvPr id="297" name="フローチャート: 判断 296">
          <a:extLst>
            <a:ext uri="{FF2B5EF4-FFF2-40B4-BE49-F238E27FC236}">
              <a16:creationId xmlns:a16="http://schemas.microsoft.com/office/drawing/2014/main" id="{4B6E35AC-B182-4E4B-A88F-6380824B88D8}"/>
            </a:ext>
          </a:extLst>
        </xdr:cNvPr>
        <xdr:cNvSpPr/>
      </xdr:nvSpPr>
      <xdr:spPr>
        <a:xfrm>
          <a:off x="2857500" y="1417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26364</xdr:rowOff>
    </xdr:from>
    <xdr:to>
      <xdr:col>10</xdr:col>
      <xdr:colOff>165100</xdr:colOff>
      <xdr:row>83</xdr:row>
      <xdr:rowOff>56514</xdr:rowOff>
    </xdr:to>
    <xdr:sp macro="" textlink="">
      <xdr:nvSpPr>
        <xdr:cNvPr id="298" name="フローチャート: 判断 297">
          <a:extLst>
            <a:ext uri="{FF2B5EF4-FFF2-40B4-BE49-F238E27FC236}">
              <a16:creationId xmlns:a16="http://schemas.microsoft.com/office/drawing/2014/main" id="{25A88151-8342-4B96-9776-05969D4654E7}"/>
            </a:ext>
          </a:extLst>
        </xdr:cNvPr>
        <xdr:cNvSpPr/>
      </xdr:nvSpPr>
      <xdr:spPr>
        <a:xfrm>
          <a:off x="1968500" y="1418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101600</xdr:rowOff>
    </xdr:from>
    <xdr:to>
      <xdr:col>6</xdr:col>
      <xdr:colOff>38100</xdr:colOff>
      <xdr:row>83</xdr:row>
      <xdr:rowOff>31750</xdr:rowOff>
    </xdr:to>
    <xdr:sp macro="" textlink="">
      <xdr:nvSpPr>
        <xdr:cNvPr id="299" name="フローチャート: 判断 298">
          <a:extLst>
            <a:ext uri="{FF2B5EF4-FFF2-40B4-BE49-F238E27FC236}">
              <a16:creationId xmlns:a16="http://schemas.microsoft.com/office/drawing/2014/main" id="{DA740354-CEAE-4A05-9380-1EED126EA390}"/>
            </a:ext>
          </a:extLst>
        </xdr:cNvPr>
        <xdr:cNvSpPr/>
      </xdr:nvSpPr>
      <xdr:spPr>
        <a:xfrm>
          <a:off x="10795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id="{4F9AC128-0B4E-4B6C-9A0D-7EC2B191E7C5}"/>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CB793D16-23EC-4C6F-ACFB-D659AB58CB49}"/>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45EB9E51-F89F-4D1C-BD2F-0ED5D940CA07}"/>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E7ECA5FC-9BE5-4465-BE02-FF335FD6C117}"/>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ED874058-D35D-4A25-9508-B0A339B85B8D}"/>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48261</xdr:rowOff>
    </xdr:from>
    <xdr:to>
      <xdr:col>24</xdr:col>
      <xdr:colOff>114300</xdr:colOff>
      <xdr:row>82</xdr:row>
      <xdr:rowOff>149861</xdr:rowOff>
    </xdr:to>
    <xdr:sp macro="" textlink="">
      <xdr:nvSpPr>
        <xdr:cNvPr id="305" name="楕円 304">
          <a:extLst>
            <a:ext uri="{FF2B5EF4-FFF2-40B4-BE49-F238E27FC236}">
              <a16:creationId xmlns:a16="http://schemas.microsoft.com/office/drawing/2014/main" id="{E0451A3C-5710-49FE-B1E4-E7A305D24D5C}"/>
            </a:ext>
          </a:extLst>
        </xdr:cNvPr>
        <xdr:cNvSpPr/>
      </xdr:nvSpPr>
      <xdr:spPr>
        <a:xfrm>
          <a:off x="4584700" y="14107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71138</xdr:rowOff>
    </xdr:from>
    <xdr:ext cx="405111" cy="259045"/>
    <xdr:sp macro="" textlink="">
      <xdr:nvSpPr>
        <xdr:cNvPr id="306" name="【公営住宅】&#10;有形固定資産減価償却率該当値テキスト">
          <a:extLst>
            <a:ext uri="{FF2B5EF4-FFF2-40B4-BE49-F238E27FC236}">
              <a16:creationId xmlns:a16="http://schemas.microsoft.com/office/drawing/2014/main" id="{6BCBC186-BDC1-4905-A94B-BDEE006B0F97}"/>
            </a:ext>
          </a:extLst>
        </xdr:cNvPr>
        <xdr:cNvSpPr txBox="1"/>
      </xdr:nvSpPr>
      <xdr:spPr>
        <a:xfrm>
          <a:off x="4673600" y="13958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2</xdr:row>
      <xdr:rowOff>29211</xdr:rowOff>
    </xdr:from>
    <xdr:to>
      <xdr:col>20</xdr:col>
      <xdr:colOff>38100</xdr:colOff>
      <xdr:row>82</xdr:row>
      <xdr:rowOff>130811</xdr:rowOff>
    </xdr:to>
    <xdr:sp macro="" textlink="">
      <xdr:nvSpPr>
        <xdr:cNvPr id="307" name="楕円 306">
          <a:extLst>
            <a:ext uri="{FF2B5EF4-FFF2-40B4-BE49-F238E27FC236}">
              <a16:creationId xmlns:a16="http://schemas.microsoft.com/office/drawing/2014/main" id="{4B7BE1D5-265E-4204-B28D-387888C2068D}"/>
            </a:ext>
          </a:extLst>
        </xdr:cNvPr>
        <xdr:cNvSpPr/>
      </xdr:nvSpPr>
      <xdr:spPr>
        <a:xfrm>
          <a:off x="3746500" y="14088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2</xdr:row>
      <xdr:rowOff>80011</xdr:rowOff>
    </xdr:from>
    <xdr:to>
      <xdr:col>24</xdr:col>
      <xdr:colOff>63500</xdr:colOff>
      <xdr:row>82</xdr:row>
      <xdr:rowOff>99061</xdr:rowOff>
    </xdr:to>
    <xdr:cxnSp macro="">
      <xdr:nvCxnSpPr>
        <xdr:cNvPr id="308" name="直線コネクタ 307">
          <a:extLst>
            <a:ext uri="{FF2B5EF4-FFF2-40B4-BE49-F238E27FC236}">
              <a16:creationId xmlns:a16="http://schemas.microsoft.com/office/drawing/2014/main" id="{1CC6BB07-8E8B-4CF9-9D7C-E2E25F1C00F1}"/>
            </a:ext>
          </a:extLst>
        </xdr:cNvPr>
        <xdr:cNvCxnSpPr/>
      </xdr:nvCxnSpPr>
      <xdr:spPr>
        <a:xfrm>
          <a:off x="3797300" y="14138911"/>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1</xdr:row>
      <xdr:rowOff>156845</xdr:rowOff>
    </xdr:from>
    <xdr:to>
      <xdr:col>15</xdr:col>
      <xdr:colOff>101600</xdr:colOff>
      <xdr:row>82</xdr:row>
      <xdr:rowOff>86995</xdr:rowOff>
    </xdr:to>
    <xdr:sp macro="" textlink="">
      <xdr:nvSpPr>
        <xdr:cNvPr id="309" name="楕円 308">
          <a:extLst>
            <a:ext uri="{FF2B5EF4-FFF2-40B4-BE49-F238E27FC236}">
              <a16:creationId xmlns:a16="http://schemas.microsoft.com/office/drawing/2014/main" id="{744596E4-417E-4551-AAAC-FBFBDC05CA26}"/>
            </a:ext>
          </a:extLst>
        </xdr:cNvPr>
        <xdr:cNvSpPr/>
      </xdr:nvSpPr>
      <xdr:spPr>
        <a:xfrm>
          <a:off x="2857500" y="14044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36195</xdr:rowOff>
    </xdr:from>
    <xdr:to>
      <xdr:col>19</xdr:col>
      <xdr:colOff>177800</xdr:colOff>
      <xdr:row>82</xdr:row>
      <xdr:rowOff>80011</xdr:rowOff>
    </xdr:to>
    <xdr:cxnSp macro="">
      <xdr:nvCxnSpPr>
        <xdr:cNvPr id="310" name="直線コネクタ 309">
          <a:extLst>
            <a:ext uri="{FF2B5EF4-FFF2-40B4-BE49-F238E27FC236}">
              <a16:creationId xmlns:a16="http://schemas.microsoft.com/office/drawing/2014/main" id="{F1579344-7891-4FC4-829D-A5BD006C406E}"/>
            </a:ext>
          </a:extLst>
        </xdr:cNvPr>
        <xdr:cNvCxnSpPr/>
      </xdr:nvCxnSpPr>
      <xdr:spPr>
        <a:xfrm>
          <a:off x="2908300" y="14095095"/>
          <a:ext cx="889000" cy="4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1</xdr:row>
      <xdr:rowOff>114936</xdr:rowOff>
    </xdr:from>
    <xdr:to>
      <xdr:col>10</xdr:col>
      <xdr:colOff>165100</xdr:colOff>
      <xdr:row>82</xdr:row>
      <xdr:rowOff>45086</xdr:rowOff>
    </xdr:to>
    <xdr:sp macro="" textlink="">
      <xdr:nvSpPr>
        <xdr:cNvPr id="311" name="楕円 310">
          <a:extLst>
            <a:ext uri="{FF2B5EF4-FFF2-40B4-BE49-F238E27FC236}">
              <a16:creationId xmlns:a16="http://schemas.microsoft.com/office/drawing/2014/main" id="{56D25210-B492-4809-A806-414D79F05C07}"/>
            </a:ext>
          </a:extLst>
        </xdr:cNvPr>
        <xdr:cNvSpPr/>
      </xdr:nvSpPr>
      <xdr:spPr>
        <a:xfrm>
          <a:off x="1968500" y="14002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1</xdr:row>
      <xdr:rowOff>165736</xdr:rowOff>
    </xdr:from>
    <xdr:to>
      <xdr:col>15</xdr:col>
      <xdr:colOff>50800</xdr:colOff>
      <xdr:row>82</xdr:row>
      <xdr:rowOff>36195</xdr:rowOff>
    </xdr:to>
    <xdr:cxnSp macro="">
      <xdr:nvCxnSpPr>
        <xdr:cNvPr id="312" name="直線コネクタ 311">
          <a:extLst>
            <a:ext uri="{FF2B5EF4-FFF2-40B4-BE49-F238E27FC236}">
              <a16:creationId xmlns:a16="http://schemas.microsoft.com/office/drawing/2014/main" id="{150C678A-B3F1-429E-9C94-3E9864A81D7F}"/>
            </a:ext>
          </a:extLst>
        </xdr:cNvPr>
        <xdr:cNvCxnSpPr/>
      </xdr:nvCxnSpPr>
      <xdr:spPr>
        <a:xfrm>
          <a:off x="2019300" y="14053186"/>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1</xdr:row>
      <xdr:rowOff>93980</xdr:rowOff>
    </xdr:from>
    <xdr:to>
      <xdr:col>6</xdr:col>
      <xdr:colOff>38100</xdr:colOff>
      <xdr:row>82</xdr:row>
      <xdr:rowOff>24130</xdr:rowOff>
    </xdr:to>
    <xdr:sp macro="" textlink="">
      <xdr:nvSpPr>
        <xdr:cNvPr id="313" name="楕円 312">
          <a:extLst>
            <a:ext uri="{FF2B5EF4-FFF2-40B4-BE49-F238E27FC236}">
              <a16:creationId xmlns:a16="http://schemas.microsoft.com/office/drawing/2014/main" id="{AA4376C7-26C9-4F25-8604-224F973828F2}"/>
            </a:ext>
          </a:extLst>
        </xdr:cNvPr>
        <xdr:cNvSpPr/>
      </xdr:nvSpPr>
      <xdr:spPr>
        <a:xfrm>
          <a:off x="1079500" y="13981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1</xdr:row>
      <xdr:rowOff>144780</xdr:rowOff>
    </xdr:from>
    <xdr:to>
      <xdr:col>10</xdr:col>
      <xdr:colOff>114300</xdr:colOff>
      <xdr:row>81</xdr:row>
      <xdr:rowOff>165736</xdr:rowOff>
    </xdr:to>
    <xdr:cxnSp macro="">
      <xdr:nvCxnSpPr>
        <xdr:cNvPr id="314" name="直線コネクタ 313">
          <a:extLst>
            <a:ext uri="{FF2B5EF4-FFF2-40B4-BE49-F238E27FC236}">
              <a16:creationId xmlns:a16="http://schemas.microsoft.com/office/drawing/2014/main" id="{5AB0CC02-E375-44F5-884E-53BA35CAA8B3}"/>
            </a:ext>
          </a:extLst>
        </xdr:cNvPr>
        <xdr:cNvCxnSpPr/>
      </xdr:nvCxnSpPr>
      <xdr:spPr>
        <a:xfrm>
          <a:off x="1130300" y="14032230"/>
          <a:ext cx="889000" cy="20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43832</xdr:rowOff>
    </xdr:from>
    <xdr:ext cx="405111" cy="259045"/>
    <xdr:sp macro="" textlink="">
      <xdr:nvSpPr>
        <xdr:cNvPr id="315" name="n_1aveValue【公営住宅】&#10;有形固定資産減価償却率">
          <a:extLst>
            <a:ext uri="{FF2B5EF4-FFF2-40B4-BE49-F238E27FC236}">
              <a16:creationId xmlns:a16="http://schemas.microsoft.com/office/drawing/2014/main" id="{CFA2625A-A202-457C-A9FE-C9AF78FED08D}"/>
            </a:ext>
          </a:extLst>
        </xdr:cNvPr>
        <xdr:cNvSpPr txBox="1"/>
      </xdr:nvSpPr>
      <xdr:spPr>
        <a:xfrm>
          <a:off x="3582044" y="14274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40022</xdr:rowOff>
    </xdr:from>
    <xdr:ext cx="405111" cy="259045"/>
    <xdr:sp macro="" textlink="">
      <xdr:nvSpPr>
        <xdr:cNvPr id="316" name="n_2aveValue【公営住宅】&#10;有形固定資産減価償却率">
          <a:extLst>
            <a:ext uri="{FF2B5EF4-FFF2-40B4-BE49-F238E27FC236}">
              <a16:creationId xmlns:a16="http://schemas.microsoft.com/office/drawing/2014/main" id="{26BEDB5D-E74B-437D-9AA2-5CA49334D666}"/>
            </a:ext>
          </a:extLst>
        </xdr:cNvPr>
        <xdr:cNvSpPr txBox="1"/>
      </xdr:nvSpPr>
      <xdr:spPr>
        <a:xfrm>
          <a:off x="2705744" y="1427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47641</xdr:rowOff>
    </xdr:from>
    <xdr:ext cx="405111" cy="259045"/>
    <xdr:sp macro="" textlink="">
      <xdr:nvSpPr>
        <xdr:cNvPr id="317" name="n_3aveValue【公営住宅】&#10;有形固定資産減価償却率">
          <a:extLst>
            <a:ext uri="{FF2B5EF4-FFF2-40B4-BE49-F238E27FC236}">
              <a16:creationId xmlns:a16="http://schemas.microsoft.com/office/drawing/2014/main" id="{4F8130F4-7A7B-49FA-B904-FBF23CA621FD}"/>
            </a:ext>
          </a:extLst>
        </xdr:cNvPr>
        <xdr:cNvSpPr txBox="1"/>
      </xdr:nvSpPr>
      <xdr:spPr>
        <a:xfrm>
          <a:off x="1816744" y="14277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22877</xdr:rowOff>
    </xdr:from>
    <xdr:ext cx="405111" cy="259045"/>
    <xdr:sp macro="" textlink="">
      <xdr:nvSpPr>
        <xdr:cNvPr id="318" name="n_4aveValue【公営住宅】&#10;有形固定資産減価償却率">
          <a:extLst>
            <a:ext uri="{FF2B5EF4-FFF2-40B4-BE49-F238E27FC236}">
              <a16:creationId xmlns:a16="http://schemas.microsoft.com/office/drawing/2014/main" id="{64D7F316-0CEA-471F-B0F1-04DCBAFF7195}"/>
            </a:ext>
          </a:extLst>
        </xdr:cNvPr>
        <xdr:cNvSpPr txBox="1"/>
      </xdr:nvSpPr>
      <xdr:spPr>
        <a:xfrm>
          <a:off x="927744" y="14253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0</xdr:row>
      <xdr:rowOff>147338</xdr:rowOff>
    </xdr:from>
    <xdr:ext cx="405111" cy="259045"/>
    <xdr:sp macro="" textlink="">
      <xdr:nvSpPr>
        <xdr:cNvPr id="319" name="n_1mainValue【公営住宅】&#10;有形固定資産減価償却率">
          <a:extLst>
            <a:ext uri="{FF2B5EF4-FFF2-40B4-BE49-F238E27FC236}">
              <a16:creationId xmlns:a16="http://schemas.microsoft.com/office/drawing/2014/main" id="{0F2F812C-E899-4087-8617-945A85ABDC7C}"/>
            </a:ext>
          </a:extLst>
        </xdr:cNvPr>
        <xdr:cNvSpPr txBox="1"/>
      </xdr:nvSpPr>
      <xdr:spPr>
        <a:xfrm>
          <a:off x="3582044" y="13863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103522</xdr:rowOff>
    </xdr:from>
    <xdr:ext cx="405111" cy="259045"/>
    <xdr:sp macro="" textlink="">
      <xdr:nvSpPr>
        <xdr:cNvPr id="320" name="n_2mainValue【公営住宅】&#10;有形固定資産減価償却率">
          <a:extLst>
            <a:ext uri="{FF2B5EF4-FFF2-40B4-BE49-F238E27FC236}">
              <a16:creationId xmlns:a16="http://schemas.microsoft.com/office/drawing/2014/main" id="{B41D9D02-B7C8-4769-829F-126AD78EAC03}"/>
            </a:ext>
          </a:extLst>
        </xdr:cNvPr>
        <xdr:cNvSpPr txBox="1"/>
      </xdr:nvSpPr>
      <xdr:spPr>
        <a:xfrm>
          <a:off x="2705744" y="13819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61613</xdr:rowOff>
    </xdr:from>
    <xdr:ext cx="405111" cy="259045"/>
    <xdr:sp macro="" textlink="">
      <xdr:nvSpPr>
        <xdr:cNvPr id="321" name="n_3mainValue【公営住宅】&#10;有形固定資産減価償却率">
          <a:extLst>
            <a:ext uri="{FF2B5EF4-FFF2-40B4-BE49-F238E27FC236}">
              <a16:creationId xmlns:a16="http://schemas.microsoft.com/office/drawing/2014/main" id="{CBA1E13B-45EE-4A22-B224-D141E9A9E8B5}"/>
            </a:ext>
          </a:extLst>
        </xdr:cNvPr>
        <xdr:cNvSpPr txBox="1"/>
      </xdr:nvSpPr>
      <xdr:spPr>
        <a:xfrm>
          <a:off x="1816744" y="13777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40657</xdr:rowOff>
    </xdr:from>
    <xdr:ext cx="405111" cy="259045"/>
    <xdr:sp macro="" textlink="">
      <xdr:nvSpPr>
        <xdr:cNvPr id="322" name="n_4mainValue【公営住宅】&#10;有形固定資産減価償却率">
          <a:extLst>
            <a:ext uri="{FF2B5EF4-FFF2-40B4-BE49-F238E27FC236}">
              <a16:creationId xmlns:a16="http://schemas.microsoft.com/office/drawing/2014/main" id="{EE89F08E-1434-4249-996D-247185D70262}"/>
            </a:ext>
          </a:extLst>
        </xdr:cNvPr>
        <xdr:cNvSpPr txBox="1"/>
      </xdr:nvSpPr>
      <xdr:spPr>
        <a:xfrm>
          <a:off x="927744" y="13756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3" name="正方形/長方形 322">
          <a:extLst>
            <a:ext uri="{FF2B5EF4-FFF2-40B4-BE49-F238E27FC236}">
              <a16:creationId xmlns:a16="http://schemas.microsoft.com/office/drawing/2014/main" id="{879DFEE3-E0F4-4F34-ADF4-2CF7FCE1C230}"/>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4" name="正方形/長方形 323">
          <a:extLst>
            <a:ext uri="{FF2B5EF4-FFF2-40B4-BE49-F238E27FC236}">
              <a16:creationId xmlns:a16="http://schemas.microsoft.com/office/drawing/2014/main" id="{8CC89036-5282-4AB9-BB05-1B0AF65C045A}"/>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5" name="正方形/長方形 324">
          <a:extLst>
            <a:ext uri="{FF2B5EF4-FFF2-40B4-BE49-F238E27FC236}">
              <a16:creationId xmlns:a16="http://schemas.microsoft.com/office/drawing/2014/main" id="{31F2E4CF-C907-4FA3-BD80-9A5D814FAE0C}"/>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6" name="正方形/長方形 325">
          <a:extLst>
            <a:ext uri="{FF2B5EF4-FFF2-40B4-BE49-F238E27FC236}">
              <a16:creationId xmlns:a16="http://schemas.microsoft.com/office/drawing/2014/main" id="{6C0DA78C-191C-4EC6-AA90-C255D50DFC1F}"/>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7" name="正方形/長方形 326">
          <a:extLst>
            <a:ext uri="{FF2B5EF4-FFF2-40B4-BE49-F238E27FC236}">
              <a16:creationId xmlns:a16="http://schemas.microsoft.com/office/drawing/2014/main" id="{B48287FF-C171-4FC7-91D7-6239E7AC43F0}"/>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8" name="正方形/長方形 327">
          <a:extLst>
            <a:ext uri="{FF2B5EF4-FFF2-40B4-BE49-F238E27FC236}">
              <a16:creationId xmlns:a16="http://schemas.microsoft.com/office/drawing/2014/main" id="{F9E9B1B9-5266-44B9-9ACF-87C3581541BA}"/>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9" name="正方形/長方形 328">
          <a:extLst>
            <a:ext uri="{FF2B5EF4-FFF2-40B4-BE49-F238E27FC236}">
              <a16:creationId xmlns:a16="http://schemas.microsoft.com/office/drawing/2014/main" id="{4BB7BCFE-0DEF-46E4-A168-CA7BEBF68149}"/>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0" name="正方形/長方形 329">
          <a:extLst>
            <a:ext uri="{FF2B5EF4-FFF2-40B4-BE49-F238E27FC236}">
              <a16:creationId xmlns:a16="http://schemas.microsoft.com/office/drawing/2014/main" id="{8C5FFBC5-253D-4BF8-8D4E-7016BC5E7635}"/>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1" name="テキスト ボックス 330">
          <a:extLst>
            <a:ext uri="{FF2B5EF4-FFF2-40B4-BE49-F238E27FC236}">
              <a16:creationId xmlns:a16="http://schemas.microsoft.com/office/drawing/2014/main" id="{426E1911-2ADB-46B6-8597-4E2189C9EB5B}"/>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2" name="直線コネクタ 331">
          <a:extLst>
            <a:ext uri="{FF2B5EF4-FFF2-40B4-BE49-F238E27FC236}">
              <a16:creationId xmlns:a16="http://schemas.microsoft.com/office/drawing/2014/main" id="{79B9C5EB-548C-4114-ABC3-7762B7788230}"/>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5</xdr:row>
      <xdr:rowOff>95250</xdr:rowOff>
    </xdr:from>
    <xdr:to>
      <xdr:col>59</xdr:col>
      <xdr:colOff>50800</xdr:colOff>
      <xdr:row>85</xdr:row>
      <xdr:rowOff>95250</xdr:rowOff>
    </xdr:to>
    <xdr:cxnSp macro="">
      <xdr:nvCxnSpPr>
        <xdr:cNvPr id="333" name="直線コネクタ 332">
          <a:extLst>
            <a:ext uri="{FF2B5EF4-FFF2-40B4-BE49-F238E27FC236}">
              <a16:creationId xmlns:a16="http://schemas.microsoft.com/office/drawing/2014/main" id="{29412985-B696-4415-BF59-60F6F031EEF9}"/>
            </a:ext>
          </a:extLst>
        </xdr:cNvPr>
        <xdr:cNvCxnSpPr/>
      </xdr:nvCxnSpPr>
      <xdr:spPr>
        <a:xfrm>
          <a:off x="6604000" y="1466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124477</xdr:rowOff>
    </xdr:from>
    <xdr:ext cx="467179" cy="259045"/>
    <xdr:sp macro="" textlink="">
      <xdr:nvSpPr>
        <xdr:cNvPr id="334" name="テキスト ボックス 333">
          <a:extLst>
            <a:ext uri="{FF2B5EF4-FFF2-40B4-BE49-F238E27FC236}">
              <a16:creationId xmlns:a16="http://schemas.microsoft.com/office/drawing/2014/main" id="{94FCC9B1-1A6A-4CDB-91EA-8EDDF9A4799A}"/>
            </a:ext>
          </a:extLst>
        </xdr:cNvPr>
        <xdr:cNvSpPr txBox="1"/>
      </xdr:nvSpPr>
      <xdr:spPr>
        <a:xfrm>
          <a:off x="6136821" y="1452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35" name="直線コネクタ 334">
          <a:extLst>
            <a:ext uri="{FF2B5EF4-FFF2-40B4-BE49-F238E27FC236}">
              <a16:creationId xmlns:a16="http://schemas.microsoft.com/office/drawing/2014/main" id="{744950F9-052A-40E4-A7E8-0C73E18C397E}"/>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36" name="テキスト ボックス 335">
          <a:extLst>
            <a:ext uri="{FF2B5EF4-FFF2-40B4-BE49-F238E27FC236}">
              <a16:creationId xmlns:a16="http://schemas.microsoft.com/office/drawing/2014/main" id="{01975027-B6CE-41F8-AC86-7B50779953CA}"/>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152400</xdr:rowOff>
    </xdr:from>
    <xdr:to>
      <xdr:col>59</xdr:col>
      <xdr:colOff>50800</xdr:colOff>
      <xdr:row>78</xdr:row>
      <xdr:rowOff>152400</xdr:rowOff>
    </xdr:to>
    <xdr:cxnSp macro="">
      <xdr:nvCxnSpPr>
        <xdr:cNvPr id="337" name="直線コネクタ 336">
          <a:extLst>
            <a:ext uri="{FF2B5EF4-FFF2-40B4-BE49-F238E27FC236}">
              <a16:creationId xmlns:a16="http://schemas.microsoft.com/office/drawing/2014/main" id="{31BDC9F7-53DD-41DC-AE61-F43930B0C9F3}"/>
            </a:ext>
          </a:extLst>
        </xdr:cNvPr>
        <xdr:cNvCxnSpPr/>
      </xdr:nvCxnSpPr>
      <xdr:spPr>
        <a:xfrm>
          <a:off x="6604000" y="1352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10177</xdr:rowOff>
    </xdr:from>
    <xdr:ext cx="467179" cy="259045"/>
    <xdr:sp macro="" textlink="">
      <xdr:nvSpPr>
        <xdr:cNvPr id="338" name="テキスト ボックス 337">
          <a:extLst>
            <a:ext uri="{FF2B5EF4-FFF2-40B4-BE49-F238E27FC236}">
              <a16:creationId xmlns:a16="http://schemas.microsoft.com/office/drawing/2014/main" id="{57F51142-4CE9-4465-8EBE-0AF4899848E6}"/>
            </a:ext>
          </a:extLst>
        </xdr:cNvPr>
        <xdr:cNvSpPr txBox="1"/>
      </xdr:nvSpPr>
      <xdr:spPr>
        <a:xfrm>
          <a:off x="6136821" y="1338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id="{9A153988-CF88-4E34-B394-E058C59A5C0D}"/>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0" name="テキスト ボックス 339">
          <a:extLst>
            <a:ext uri="{FF2B5EF4-FFF2-40B4-BE49-F238E27FC236}">
              <a16:creationId xmlns:a16="http://schemas.microsoft.com/office/drawing/2014/main" id="{89F5C5D6-2FA9-4469-8A42-AAB1265A0CDE}"/>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id="{5AD16AE6-B95C-4BBE-8CE3-DD66443AE6C0}"/>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2098</xdr:rowOff>
    </xdr:from>
    <xdr:to>
      <xdr:col>54</xdr:col>
      <xdr:colOff>189865</xdr:colOff>
      <xdr:row>85</xdr:row>
      <xdr:rowOff>89536</xdr:rowOff>
    </xdr:to>
    <xdr:cxnSp macro="">
      <xdr:nvCxnSpPr>
        <xdr:cNvPr id="342" name="直線コネクタ 341">
          <a:extLst>
            <a:ext uri="{FF2B5EF4-FFF2-40B4-BE49-F238E27FC236}">
              <a16:creationId xmlns:a16="http://schemas.microsoft.com/office/drawing/2014/main" id="{A002F23B-A5B4-4F84-83B6-57235C1BFD9B}"/>
            </a:ext>
          </a:extLst>
        </xdr:cNvPr>
        <xdr:cNvCxnSpPr/>
      </xdr:nvCxnSpPr>
      <xdr:spPr>
        <a:xfrm flipV="1">
          <a:off x="10476865" y="13395198"/>
          <a:ext cx="0" cy="12675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93363</xdr:rowOff>
    </xdr:from>
    <xdr:ext cx="469744" cy="259045"/>
    <xdr:sp macro="" textlink="">
      <xdr:nvSpPr>
        <xdr:cNvPr id="343" name="【公営住宅】&#10;一人当たり面積最小値テキスト">
          <a:extLst>
            <a:ext uri="{FF2B5EF4-FFF2-40B4-BE49-F238E27FC236}">
              <a16:creationId xmlns:a16="http://schemas.microsoft.com/office/drawing/2014/main" id="{24F84B4B-8ECB-4D8C-9461-28B00FD61445}"/>
            </a:ext>
          </a:extLst>
        </xdr:cNvPr>
        <xdr:cNvSpPr txBox="1"/>
      </xdr:nvSpPr>
      <xdr:spPr>
        <a:xfrm>
          <a:off x="10515600" y="14666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89536</xdr:rowOff>
    </xdr:from>
    <xdr:to>
      <xdr:col>55</xdr:col>
      <xdr:colOff>88900</xdr:colOff>
      <xdr:row>85</xdr:row>
      <xdr:rowOff>89536</xdr:rowOff>
    </xdr:to>
    <xdr:cxnSp macro="">
      <xdr:nvCxnSpPr>
        <xdr:cNvPr id="344" name="直線コネクタ 343">
          <a:extLst>
            <a:ext uri="{FF2B5EF4-FFF2-40B4-BE49-F238E27FC236}">
              <a16:creationId xmlns:a16="http://schemas.microsoft.com/office/drawing/2014/main" id="{5E8A75B1-A697-4B28-97A0-4AC1C6391628}"/>
            </a:ext>
          </a:extLst>
        </xdr:cNvPr>
        <xdr:cNvCxnSpPr/>
      </xdr:nvCxnSpPr>
      <xdr:spPr>
        <a:xfrm>
          <a:off x="10388600" y="14662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40225</xdr:rowOff>
    </xdr:from>
    <xdr:ext cx="469744" cy="259045"/>
    <xdr:sp macro="" textlink="">
      <xdr:nvSpPr>
        <xdr:cNvPr id="345" name="【公営住宅】&#10;一人当たり面積最大値テキスト">
          <a:extLst>
            <a:ext uri="{FF2B5EF4-FFF2-40B4-BE49-F238E27FC236}">
              <a16:creationId xmlns:a16="http://schemas.microsoft.com/office/drawing/2014/main" id="{E657C5FC-99D3-4C3C-9FE6-D2CCDE308067}"/>
            </a:ext>
          </a:extLst>
        </xdr:cNvPr>
        <xdr:cNvSpPr txBox="1"/>
      </xdr:nvSpPr>
      <xdr:spPr>
        <a:xfrm>
          <a:off x="10515600" y="13170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2098</xdr:rowOff>
    </xdr:from>
    <xdr:to>
      <xdr:col>55</xdr:col>
      <xdr:colOff>88900</xdr:colOff>
      <xdr:row>78</xdr:row>
      <xdr:rowOff>22098</xdr:rowOff>
    </xdr:to>
    <xdr:cxnSp macro="">
      <xdr:nvCxnSpPr>
        <xdr:cNvPr id="346" name="直線コネクタ 345">
          <a:extLst>
            <a:ext uri="{FF2B5EF4-FFF2-40B4-BE49-F238E27FC236}">
              <a16:creationId xmlns:a16="http://schemas.microsoft.com/office/drawing/2014/main" id="{DCBB3818-BC2E-41B9-A464-C9D8B72EE36B}"/>
            </a:ext>
          </a:extLst>
        </xdr:cNvPr>
        <xdr:cNvCxnSpPr/>
      </xdr:nvCxnSpPr>
      <xdr:spPr>
        <a:xfrm>
          <a:off x="10388600" y="13395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30763</xdr:rowOff>
    </xdr:from>
    <xdr:ext cx="469744" cy="259045"/>
    <xdr:sp macro="" textlink="">
      <xdr:nvSpPr>
        <xdr:cNvPr id="347" name="【公営住宅】&#10;一人当たり面積平均値テキスト">
          <a:extLst>
            <a:ext uri="{FF2B5EF4-FFF2-40B4-BE49-F238E27FC236}">
              <a16:creationId xmlns:a16="http://schemas.microsoft.com/office/drawing/2014/main" id="{59C804DC-4FC6-4802-A1DD-C37027449807}"/>
            </a:ext>
          </a:extLst>
        </xdr:cNvPr>
        <xdr:cNvSpPr txBox="1"/>
      </xdr:nvSpPr>
      <xdr:spPr>
        <a:xfrm>
          <a:off x="10515600" y="1418966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07886</xdr:rowOff>
    </xdr:from>
    <xdr:to>
      <xdr:col>55</xdr:col>
      <xdr:colOff>50800</xdr:colOff>
      <xdr:row>84</xdr:row>
      <xdr:rowOff>38036</xdr:rowOff>
    </xdr:to>
    <xdr:sp macro="" textlink="">
      <xdr:nvSpPr>
        <xdr:cNvPr id="348" name="フローチャート: 判断 347">
          <a:extLst>
            <a:ext uri="{FF2B5EF4-FFF2-40B4-BE49-F238E27FC236}">
              <a16:creationId xmlns:a16="http://schemas.microsoft.com/office/drawing/2014/main" id="{F1DA7B8D-594A-40C3-8EEA-2B748BD9DC4D}"/>
            </a:ext>
          </a:extLst>
        </xdr:cNvPr>
        <xdr:cNvSpPr/>
      </xdr:nvSpPr>
      <xdr:spPr>
        <a:xfrm>
          <a:off x="10426700" y="14338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130747</xdr:rowOff>
    </xdr:from>
    <xdr:to>
      <xdr:col>50</xdr:col>
      <xdr:colOff>165100</xdr:colOff>
      <xdr:row>84</xdr:row>
      <xdr:rowOff>60897</xdr:rowOff>
    </xdr:to>
    <xdr:sp macro="" textlink="">
      <xdr:nvSpPr>
        <xdr:cNvPr id="349" name="フローチャート: 判断 348">
          <a:extLst>
            <a:ext uri="{FF2B5EF4-FFF2-40B4-BE49-F238E27FC236}">
              <a16:creationId xmlns:a16="http://schemas.microsoft.com/office/drawing/2014/main" id="{9C96D601-C2AE-4222-BEDF-18D040A036B2}"/>
            </a:ext>
          </a:extLst>
        </xdr:cNvPr>
        <xdr:cNvSpPr/>
      </xdr:nvSpPr>
      <xdr:spPr>
        <a:xfrm>
          <a:off x="9588500" y="14361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152464</xdr:rowOff>
    </xdr:from>
    <xdr:to>
      <xdr:col>46</xdr:col>
      <xdr:colOff>38100</xdr:colOff>
      <xdr:row>84</xdr:row>
      <xdr:rowOff>82614</xdr:rowOff>
    </xdr:to>
    <xdr:sp macro="" textlink="">
      <xdr:nvSpPr>
        <xdr:cNvPr id="350" name="フローチャート: 判断 349">
          <a:extLst>
            <a:ext uri="{FF2B5EF4-FFF2-40B4-BE49-F238E27FC236}">
              <a16:creationId xmlns:a16="http://schemas.microsoft.com/office/drawing/2014/main" id="{FEFB1591-2692-45A8-AB81-0791DB0CAA04}"/>
            </a:ext>
          </a:extLst>
        </xdr:cNvPr>
        <xdr:cNvSpPr/>
      </xdr:nvSpPr>
      <xdr:spPr>
        <a:xfrm>
          <a:off x="8699500" y="14382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157607</xdr:rowOff>
    </xdr:from>
    <xdr:to>
      <xdr:col>41</xdr:col>
      <xdr:colOff>101600</xdr:colOff>
      <xdr:row>84</xdr:row>
      <xdr:rowOff>87757</xdr:rowOff>
    </xdr:to>
    <xdr:sp macro="" textlink="">
      <xdr:nvSpPr>
        <xdr:cNvPr id="351" name="フローチャート: 判断 350">
          <a:extLst>
            <a:ext uri="{FF2B5EF4-FFF2-40B4-BE49-F238E27FC236}">
              <a16:creationId xmlns:a16="http://schemas.microsoft.com/office/drawing/2014/main" id="{01468624-7A1D-4065-9152-1AF6DACFEAC2}"/>
            </a:ext>
          </a:extLst>
        </xdr:cNvPr>
        <xdr:cNvSpPr/>
      </xdr:nvSpPr>
      <xdr:spPr>
        <a:xfrm>
          <a:off x="7810500" y="14387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153036</xdr:rowOff>
    </xdr:from>
    <xdr:to>
      <xdr:col>36</xdr:col>
      <xdr:colOff>165100</xdr:colOff>
      <xdr:row>84</xdr:row>
      <xdr:rowOff>83186</xdr:rowOff>
    </xdr:to>
    <xdr:sp macro="" textlink="">
      <xdr:nvSpPr>
        <xdr:cNvPr id="352" name="フローチャート: 判断 351">
          <a:extLst>
            <a:ext uri="{FF2B5EF4-FFF2-40B4-BE49-F238E27FC236}">
              <a16:creationId xmlns:a16="http://schemas.microsoft.com/office/drawing/2014/main" id="{019E15ED-1059-4C84-910F-8D38EEA96C98}"/>
            </a:ext>
          </a:extLst>
        </xdr:cNvPr>
        <xdr:cNvSpPr/>
      </xdr:nvSpPr>
      <xdr:spPr>
        <a:xfrm>
          <a:off x="6921500" y="14383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id="{6B63AE10-30A4-43BF-A73B-74CA76BF3D0B}"/>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id="{4FA8381E-4C74-42B7-8E6B-F4E158E0BB4F}"/>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id="{3BAC0A16-C3D8-4BA8-B269-6F40FD845883}"/>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id="{EE32E454-EC4D-41F2-B0F5-B6F17B55FBAC}"/>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id="{930B2B6A-F7C8-4A86-BE94-F124C900582B}"/>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57035</xdr:rowOff>
    </xdr:from>
    <xdr:to>
      <xdr:col>55</xdr:col>
      <xdr:colOff>50800</xdr:colOff>
      <xdr:row>85</xdr:row>
      <xdr:rowOff>87185</xdr:rowOff>
    </xdr:to>
    <xdr:sp macro="" textlink="">
      <xdr:nvSpPr>
        <xdr:cNvPr id="358" name="楕円 357">
          <a:extLst>
            <a:ext uri="{FF2B5EF4-FFF2-40B4-BE49-F238E27FC236}">
              <a16:creationId xmlns:a16="http://schemas.microsoft.com/office/drawing/2014/main" id="{E8B97096-58A0-4D18-B699-7B349A129E77}"/>
            </a:ext>
          </a:extLst>
        </xdr:cNvPr>
        <xdr:cNvSpPr/>
      </xdr:nvSpPr>
      <xdr:spPr>
        <a:xfrm>
          <a:off x="10426700" y="145588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71962</xdr:rowOff>
    </xdr:from>
    <xdr:ext cx="469744" cy="259045"/>
    <xdr:sp macro="" textlink="">
      <xdr:nvSpPr>
        <xdr:cNvPr id="359" name="【公営住宅】&#10;一人当たり面積該当値テキスト">
          <a:extLst>
            <a:ext uri="{FF2B5EF4-FFF2-40B4-BE49-F238E27FC236}">
              <a16:creationId xmlns:a16="http://schemas.microsoft.com/office/drawing/2014/main" id="{FE0B4530-6D93-45C3-88C5-FBF8BC467EF8}"/>
            </a:ext>
          </a:extLst>
        </xdr:cNvPr>
        <xdr:cNvSpPr txBox="1"/>
      </xdr:nvSpPr>
      <xdr:spPr>
        <a:xfrm>
          <a:off x="10515600" y="14473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57607</xdr:rowOff>
    </xdr:from>
    <xdr:to>
      <xdr:col>50</xdr:col>
      <xdr:colOff>165100</xdr:colOff>
      <xdr:row>85</xdr:row>
      <xdr:rowOff>87757</xdr:rowOff>
    </xdr:to>
    <xdr:sp macro="" textlink="">
      <xdr:nvSpPr>
        <xdr:cNvPr id="360" name="楕円 359">
          <a:extLst>
            <a:ext uri="{FF2B5EF4-FFF2-40B4-BE49-F238E27FC236}">
              <a16:creationId xmlns:a16="http://schemas.microsoft.com/office/drawing/2014/main" id="{58BD9EDD-9173-427C-AD18-295F56E2E933}"/>
            </a:ext>
          </a:extLst>
        </xdr:cNvPr>
        <xdr:cNvSpPr/>
      </xdr:nvSpPr>
      <xdr:spPr>
        <a:xfrm>
          <a:off x="9588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5</xdr:row>
      <xdr:rowOff>36385</xdr:rowOff>
    </xdr:from>
    <xdr:to>
      <xdr:col>55</xdr:col>
      <xdr:colOff>0</xdr:colOff>
      <xdr:row>85</xdr:row>
      <xdr:rowOff>36957</xdr:rowOff>
    </xdr:to>
    <xdr:cxnSp macro="">
      <xdr:nvCxnSpPr>
        <xdr:cNvPr id="361" name="直線コネクタ 360">
          <a:extLst>
            <a:ext uri="{FF2B5EF4-FFF2-40B4-BE49-F238E27FC236}">
              <a16:creationId xmlns:a16="http://schemas.microsoft.com/office/drawing/2014/main" id="{CCEBF9FA-2F8D-49A2-BE94-F3FB6571674F}"/>
            </a:ext>
          </a:extLst>
        </xdr:cNvPr>
        <xdr:cNvCxnSpPr/>
      </xdr:nvCxnSpPr>
      <xdr:spPr>
        <a:xfrm flipV="1">
          <a:off x="9639300" y="14609635"/>
          <a:ext cx="838200" cy="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57607</xdr:rowOff>
    </xdr:from>
    <xdr:to>
      <xdr:col>46</xdr:col>
      <xdr:colOff>38100</xdr:colOff>
      <xdr:row>85</xdr:row>
      <xdr:rowOff>87757</xdr:rowOff>
    </xdr:to>
    <xdr:sp macro="" textlink="">
      <xdr:nvSpPr>
        <xdr:cNvPr id="362" name="楕円 361">
          <a:extLst>
            <a:ext uri="{FF2B5EF4-FFF2-40B4-BE49-F238E27FC236}">
              <a16:creationId xmlns:a16="http://schemas.microsoft.com/office/drawing/2014/main" id="{1BE186FE-98A9-494E-BEF6-70E3DB0E1306}"/>
            </a:ext>
          </a:extLst>
        </xdr:cNvPr>
        <xdr:cNvSpPr/>
      </xdr:nvSpPr>
      <xdr:spPr>
        <a:xfrm>
          <a:off x="8699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5</xdr:row>
      <xdr:rowOff>36957</xdr:rowOff>
    </xdr:from>
    <xdr:to>
      <xdr:col>50</xdr:col>
      <xdr:colOff>114300</xdr:colOff>
      <xdr:row>85</xdr:row>
      <xdr:rowOff>36957</xdr:rowOff>
    </xdr:to>
    <xdr:cxnSp macro="">
      <xdr:nvCxnSpPr>
        <xdr:cNvPr id="363" name="直線コネクタ 362">
          <a:extLst>
            <a:ext uri="{FF2B5EF4-FFF2-40B4-BE49-F238E27FC236}">
              <a16:creationId xmlns:a16="http://schemas.microsoft.com/office/drawing/2014/main" id="{61FB609A-E294-4369-BD59-99149A0D9667}"/>
            </a:ext>
          </a:extLst>
        </xdr:cNvPr>
        <xdr:cNvCxnSpPr/>
      </xdr:nvCxnSpPr>
      <xdr:spPr>
        <a:xfrm>
          <a:off x="8750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4</xdr:row>
      <xdr:rowOff>157607</xdr:rowOff>
    </xdr:from>
    <xdr:to>
      <xdr:col>41</xdr:col>
      <xdr:colOff>101600</xdr:colOff>
      <xdr:row>85</xdr:row>
      <xdr:rowOff>87757</xdr:rowOff>
    </xdr:to>
    <xdr:sp macro="" textlink="">
      <xdr:nvSpPr>
        <xdr:cNvPr id="364" name="楕円 363">
          <a:extLst>
            <a:ext uri="{FF2B5EF4-FFF2-40B4-BE49-F238E27FC236}">
              <a16:creationId xmlns:a16="http://schemas.microsoft.com/office/drawing/2014/main" id="{625A47A6-3438-4F3C-B391-A95A9631D87D}"/>
            </a:ext>
          </a:extLst>
        </xdr:cNvPr>
        <xdr:cNvSpPr/>
      </xdr:nvSpPr>
      <xdr:spPr>
        <a:xfrm>
          <a:off x="7810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5</xdr:row>
      <xdr:rowOff>36957</xdr:rowOff>
    </xdr:from>
    <xdr:to>
      <xdr:col>45</xdr:col>
      <xdr:colOff>177800</xdr:colOff>
      <xdr:row>85</xdr:row>
      <xdr:rowOff>36957</xdr:rowOff>
    </xdr:to>
    <xdr:cxnSp macro="">
      <xdr:nvCxnSpPr>
        <xdr:cNvPr id="365" name="直線コネクタ 364">
          <a:extLst>
            <a:ext uri="{FF2B5EF4-FFF2-40B4-BE49-F238E27FC236}">
              <a16:creationId xmlns:a16="http://schemas.microsoft.com/office/drawing/2014/main" id="{30973FC1-F960-47D9-B207-0F4E1D6E5257}"/>
            </a:ext>
          </a:extLst>
        </xdr:cNvPr>
        <xdr:cNvCxnSpPr/>
      </xdr:nvCxnSpPr>
      <xdr:spPr>
        <a:xfrm>
          <a:off x="7861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4</xdr:row>
      <xdr:rowOff>157607</xdr:rowOff>
    </xdr:from>
    <xdr:to>
      <xdr:col>36</xdr:col>
      <xdr:colOff>165100</xdr:colOff>
      <xdr:row>85</xdr:row>
      <xdr:rowOff>87757</xdr:rowOff>
    </xdr:to>
    <xdr:sp macro="" textlink="">
      <xdr:nvSpPr>
        <xdr:cNvPr id="366" name="楕円 365">
          <a:extLst>
            <a:ext uri="{FF2B5EF4-FFF2-40B4-BE49-F238E27FC236}">
              <a16:creationId xmlns:a16="http://schemas.microsoft.com/office/drawing/2014/main" id="{309698E3-DA15-4B76-82E0-8128EBE02AF3}"/>
            </a:ext>
          </a:extLst>
        </xdr:cNvPr>
        <xdr:cNvSpPr/>
      </xdr:nvSpPr>
      <xdr:spPr>
        <a:xfrm>
          <a:off x="6921500" y="14559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5</xdr:row>
      <xdr:rowOff>36957</xdr:rowOff>
    </xdr:from>
    <xdr:to>
      <xdr:col>41</xdr:col>
      <xdr:colOff>50800</xdr:colOff>
      <xdr:row>85</xdr:row>
      <xdr:rowOff>36957</xdr:rowOff>
    </xdr:to>
    <xdr:cxnSp macro="">
      <xdr:nvCxnSpPr>
        <xdr:cNvPr id="367" name="直線コネクタ 366">
          <a:extLst>
            <a:ext uri="{FF2B5EF4-FFF2-40B4-BE49-F238E27FC236}">
              <a16:creationId xmlns:a16="http://schemas.microsoft.com/office/drawing/2014/main" id="{4B13B4FE-6466-4464-9054-EE9000A12958}"/>
            </a:ext>
          </a:extLst>
        </xdr:cNvPr>
        <xdr:cNvCxnSpPr/>
      </xdr:nvCxnSpPr>
      <xdr:spPr>
        <a:xfrm>
          <a:off x="6972300" y="1461020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77424</xdr:rowOff>
    </xdr:from>
    <xdr:ext cx="469744" cy="259045"/>
    <xdr:sp macro="" textlink="">
      <xdr:nvSpPr>
        <xdr:cNvPr id="368" name="n_1aveValue【公営住宅】&#10;一人当たり面積">
          <a:extLst>
            <a:ext uri="{FF2B5EF4-FFF2-40B4-BE49-F238E27FC236}">
              <a16:creationId xmlns:a16="http://schemas.microsoft.com/office/drawing/2014/main" id="{C9D580B0-156B-4AAF-892A-C822F926EB1B}"/>
            </a:ext>
          </a:extLst>
        </xdr:cNvPr>
        <xdr:cNvSpPr txBox="1"/>
      </xdr:nvSpPr>
      <xdr:spPr>
        <a:xfrm>
          <a:off x="9391727" y="141363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99141</xdr:rowOff>
    </xdr:from>
    <xdr:ext cx="469744" cy="259045"/>
    <xdr:sp macro="" textlink="">
      <xdr:nvSpPr>
        <xdr:cNvPr id="369" name="n_2aveValue【公営住宅】&#10;一人当たり面積">
          <a:extLst>
            <a:ext uri="{FF2B5EF4-FFF2-40B4-BE49-F238E27FC236}">
              <a16:creationId xmlns:a16="http://schemas.microsoft.com/office/drawing/2014/main" id="{0B2620FB-A4A6-4AD4-8AE3-E64C1E5C5A91}"/>
            </a:ext>
          </a:extLst>
        </xdr:cNvPr>
        <xdr:cNvSpPr txBox="1"/>
      </xdr:nvSpPr>
      <xdr:spPr>
        <a:xfrm>
          <a:off x="8515427" y="14158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104284</xdr:rowOff>
    </xdr:from>
    <xdr:ext cx="469744" cy="259045"/>
    <xdr:sp macro="" textlink="">
      <xdr:nvSpPr>
        <xdr:cNvPr id="370" name="n_3aveValue【公営住宅】&#10;一人当たり面積">
          <a:extLst>
            <a:ext uri="{FF2B5EF4-FFF2-40B4-BE49-F238E27FC236}">
              <a16:creationId xmlns:a16="http://schemas.microsoft.com/office/drawing/2014/main" id="{C0E733C5-0DC6-4228-9BCC-058A529CAD73}"/>
            </a:ext>
          </a:extLst>
        </xdr:cNvPr>
        <xdr:cNvSpPr txBox="1"/>
      </xdr:nvSpPr>
      <xdr:spPr>
        <a:xfrm>
          <a:off x="7626427" y="14163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2</xdr:row>
      <xdr:rowOff>99713</xdr:rowOff>
    </xdr:from>
    <xdr:ext cx="469744" cy="259045"/>
    <xdr:sp macro="" textlink="">
      <xdr:nvSpPr>
        <xdr:cNvPr id="371" name="n_4aveValue【公営住宅】&#10;一人当たり面積">
          <a:extLst>
            <a:ext uri="{FF2B5EF4-FFF2-40B4-BE49-F238E27FC236}">
              <a16:creationId xmlns:a16="http://schemas.microsoft.com/office/drawing/2014/main" id="{65969C0F-6D49-4F66-8221-C63FC7BC649D}"/>
            </a:ext>
          </a:extLst>
        </xdr:cNvPr>
        <xdr:cNvSpPr txBox="1"/>
      </xdr:nvSpPr>
      <xdr:spPr>
        <a:xfrm>
          <a:off x="6737427" y="141586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78884</xdr:rowOff>
    </xdr:from>
    <xdr:ext cx="469744" cy="259045"/>
    <xdr:sp macro="" textlink="">
      <xdr:nvSpPr>
        <xdr:cNvPr id="372" name="n_1mainValue【公営住宅】&#10;一人当たり面積">
          <a:extLst>
            <a:ext uri="{FF2B5EF4-FFF2-40B4-BE49-F238E27FC236}">
              <a16:creationId xmlns:a16="http://schemas.microsoft.com/office/drawing/2014/main" id="{861C7A70-24F9-4FB5-9371-2234A1A2DA20}"/>
            </a:ext>
          </a:extLst>
        </xdr:cNvPr>
        <xdr:cNvSpPr txBox="1"/>
      </xdr:nvSpPr>
      <xdr:spPr>
        <a:xfrm>
          <a:off x="93917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78884</xdr:rowOff>
    </xdr:from>
    <xdr:ext cx="469744" cy="259045"/>
    <xdr:sp macro="" textlink="">
      <xdr:nvSpPr>
        <xdr:cNvPr id="373" name="n_2mainValue【公営住宅】&#10;一人当たり面積">
          <a:extLst>
            <a:ext uri="{FF2B5EF4-FFF2-40B4-BE49-F238E27FC236}">
              <a16:creationId xmlns:a16="http://schemas.microsoft.com/office/drawing/2014/main" id="{123DE922-4D8D-487B-8CBB-BC898CAA422C}"/>
            </a:ext>
          </a:extLst>
        </xdr:cNvPr>
        <xdr:cNvSpPr txBox="1"/>
      </xdr:nvSpPr>
      <xdr:spPr>
        <a:xfrm>
          <a:off x="8515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78884</xdr:rowOff>
    </xdr:from>
    <xdr:ext cx="469744" cy="259045"/>
    <xdr:sp macro="" textlink="">
      <xdr:nvSpPr>
        <xdr:cNvPr id="374" name="n_3mainValue【公営住宅】&#10;一人当たり面積">
          <a:extLst>
            <a:ext uri="{FF2B5EF4-FFF2-40B4-BE49-F238E27FC236}">
              <a16:creationId xmlns:a16="http://schemas.microsoft.com/office/drawing/2014/main" id="{67D34173-369D-4DDB-8F10-AD538D6D84D4}"/>
            </a:ext>
          </a:extLst>
        </xdr:cNvPr>
        <xdr:cNvSpPr txBox="1"/>
      </xdr:nvSpPr>
      <xdr:spPr>
        <a:xfrm>
          <a:off x="7626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5</xdr:row>
      <xdr:rowOff>78884</xdr:rowOff>
    </xdr:from>
    <xdr:ext cx="469744" cy="259045"/>
    <xdr:sp macro="" textlink="">
      <xdr:nvSpPr>
        <xdr:cNvPr id="375" name="n_4mainValue【公営住宅】&#10;一人当たり面積">
          <a:extLst>
            <a:ext uri="{FF2B5EF4-FFF2-40B4-BE49-F238E27FC236}">
              <a16:creationId xmlns:a16="http://schemas.microsoft.com/office/drawing/2014/main" id="{C4BFDEA4-7CD2-4B8E-8401-5344DD749C51}"/>
            </a:ext>
          </a:extLst>
        </xdr:cNvPr>
        <xdr:cNvSpPr txBox="1"/>
      </xdr:nvSpPr>
      <xdr:spPr>
        <a:xfrm>
          <a:off x="6737427" y="14652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id="{35DE1FDA-CDCF-4A9F-B841-38D0A3746EAB}"/>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id="{42C461B0-0A60-4E24-9467-B7E6BE1C4A64}"/>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id="{D44782C1-EADA-435E-9CC8-B29F0295529D}"/>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id="{CA5AA365-320A-4BBC-AE58-C08A0CD2038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id="{6EC4D2AF-A19A-45FF-BB1C-C5F049D9852C}"/>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id="{EEBDE5BD-61A5-4A0C-BB00-DEA059E71560}"/>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id="{55CE3E8E-2607-4010-87CB-F19695885388}"/>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id="{52C1AB2F-FE71-44D2-BCF3-47182267BC18}"/>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a:extLst>
            <a:ext uri="{FF2B5EF4-FFF2-40B4-BE49-F238E27FC236}">
              <a16:creationId xmlns:a16="http://schemas.microsoft.com/office/drawing/2014/main" id="{30C80D64-EBBB-43B9-9E0C-A420C8739540}"/>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a:extLst>
            <a:ext uri="{FF2B5EF4-FFF2-40B4-BE49-F238E27FC236}">
              <a16:creationId xmlns:a16="http://schemas.microsoft.com/office/drawing/2014/main" id="{B92342A9-0027-4289-9D7C-15C40EE08D97}"/>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a:extLst>
            <a:ext uri="{FF2B5EF4-FFF2-40B4-BE49-F238E27FC236}">
              <a16:creationId xmlns:a16="http://schemas.microsoft.com/office/drawing/2014/main" id="{F4A2BDDC-DE66-4152-812D-584468940C16}"/>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a:extLst>
            <a:ext uri="{FF2B5EF4-FFF2-40B4-BE49-F238E27FC236}">
              <a16:creationId xmlns:a16="http://schemas.microsoft.com/office/drawing/2014/main" id="{21909454-DDDC-4237-A5E2-264086DB0D35}"/>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a:extLst>
            <a:ext uri="{FF2B5EF4-FFF2-40B4-BE49-F238E27FC236}">
              <a16:creationId xmlns:a16="http://schemas.microsoft.com/office/drawing/2014/main" id="{F5AEFCC3-6C79-426C-820E-69F98B6B1706}"/>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a:extLst>
            <a:ext uri="{FF2B5EF4-FFF2-40B4-BE49-F238E27FC236}">
              <a16:creationId xmlns:a16="http://schemas.microsoft.com/office/drawing/2014/main" id="{B1A165D1-5826-43CA-B7D5-BC54F34BBF1D}"/>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a:extLst>
            <a:ext uri="{FF2B5EF4-FFF2-40B4-BE49-F238E27FC236}">
              <a16:creationId xmlns:a16="http://schemas.microsoft.com/office/drawing/2014/main" id="{B74FE56D-A3C6-4355-AC9E-5CDA4AB1A84C}"/>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a:extLst>
            <a:ext uri="{FF2B5EF4-FFF2-40B4-BE49-F238E27FC236}">
              <a16:creationId xmlns:a16="http://schemas.microsoft.com/office/drawing/2014/main" id="{C35891C7-C476-44BB-BBF9-B2247EF552AC}"/>
            </a:ext>
          </a:extLst>
        </xdr:cNvPr>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a:extLst>
            <a:ext uri="{FF2B5EF4-FFF2-40B4-BE49-F238E27FC236}">
              <a16:creationId xmlns:a16="http://schemas.microsoft.com/office/drawing/2014/main" id="{A6E05483-375E-4DAB-AC84-04B7B5160326}"/>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a:extLst>
            <a:ext uri="{FF2B5EF4-FFF2-40B4-BE49-F238E27FC236}">
              <a16:creationId xmlns:a16="http://schemas.microsoft.com/office/drawing/2014/main" id="{3520F22B-3F68-416A-8EF0-1808EDBD3D61}"/>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a:extLst>
            <a:ext uri="{FF2B5EF4-FFF2-40B4-BE49-F238E27FC236}">
              <a16:creationId xmlns:a16="http://schemas.microsoft.com/office/drawing/2014/main" id="{AF78C013-C0A4-4D24-830F-C5A7E33ECFA3}"/>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a:extLst>
            <a:ext uri="{FF2B5EF4-FFF2-40B4-BE49-F238E27FC236}">
              <a16:creationId xmlns:a16="http://schemas.microsoft.com/office/drawing/2014/main" id="{05F1220F-77DD-453F-9FCC-1E6E42A6438A}"/>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a:extLst>
            <a:ext uri="{FF2B5EF4-FFF2-40B4-BE49-F238E27FC236}">
              <a16:creationId xmlns:a16="http://schemas.microsoft.com/office/drawing/2014/main" id="{A1F69046-B3D9-4EB2-8E9B-9B431E02AE1F}"/>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a:extLst>
            <a:ext uri="{FF2B5EF4-FFF2-40B4-BE49-F238E27FC236}">
              <a16:creationId xmlns:a16="http://schemas.microsoft.com/office/drawing/2014/main" id="{7D0C4E9D-6E4D-4CBD-90F6-473EEAF9C6A9}"/>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a:extLst>
            <a:ext uri="{FF2B5EF4-FFF2-40B4-BE49-F238E27FC236}">
              <a16:creationId xmlns:a16="http://schemas.microsoft.com/office/drawing/2014/main" id="{EBEC60C1-8E80-42B1-8954-8720D804E734}"/>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a:extLst>
            <a:ext uri="{FF2B5EF4-FFF2-40B4-BE49-F238E27FC236}">
              <a16:creationId xmlns:a16="http://schemas.microsoft.com/office/drawing/2014/main" id="{2EB42415-A15C-43ED-B325-C0EED706D08A}"/>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a:extLst>
            <a:ext uri="{FF2B5EF4-FFF2-40B4-BE49-F238E27FC236}">
              <a16:creationId xmlns:a16="http://schemas.microsoft.com/office/drawing/2014/main" id="{80FB4A30-F973-42D6-A3C9-87C93D22EC14}"/>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a:extLst>
            <a:ext uri="{FF2B5EF4-FFF2-40B4-BE49-F238E27FC236}">
              <a16:creationId xmlns:a16="http://schemas.microsoft.com/office/drawing/2014/main" id="{B52F70CE-D4C4-4121-BA13-555AF51A905E}"/>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a:extLst>
            <a:ext uri="{FF2B5EF4-FFF2-40B4-BE49-F238E27FC236}">
              <a16:creationId xmlns:a16="http://schemas.microsoft.com/office/drawing/2014/main" id="{27CF67C7-2AC8-4C39-988B-0AE587C321E8}"/>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3" name="直線コネクタ 402">
          <a:extLst>
            <a:ext uri="{FF2B5EF4-FFF2-40B4-BE49-F238E27FC236}">
              <a16:creationId xmlns:a16="http://schemas.microsoft.com/office/drawing/2014/main" id="{BE0C1272-E6C0-4769-8EC8-7FD4D6F618EE}"/>
            </a:ext>
          </a:extLst>
        </xdr:cNvPr>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4" name="テキスト ボックス 403">
          <a:extLst>
            <a:ext uri="{FF2B5EF4-FFF2-40B4-BE49-F238E27FC236}">
              <a16:creationId xmlns:a16="http://schemas.microsoft.com/office/drawing/2014/main" id="{B74A3EBE-3F98-41E6-A1E6-D41D8417F7FB}"/>
            </a:ext>
          </a:extLst>
        </xdr:cNvPr>
        <xdr:cNvSpPr txBox="1"/>
      </xdr:nvSpPr>
      <xdr:spPr>
        <a:xfrm>
          <a:off x="11978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5" name="直線コネクタ 404">
          <a:extLst>
            <a:ext uri="{FF2B5EF4-FFF2-40B4-BE49-F238E27FC236}">
              <a16:creationId xmlns:a16="http://schemas.microsoft.com/office/drawing/2014/main" id="{C58B02A7-F9C2-4FD2-8EC5-D9E3FED99EBC}"/>
            </a:ext>
          </a:extLst>
        </xdr:cNvPr>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6" name="テキスト ボックス 405">
          <a:extLst>
            <a:ext uri="{FF2B5EF4-FFF2-40B4-BE49-F238E27FC236}">
              <a16:creationId xmlns:a16="http://schemas.microsoft.com/office/drawing/2014/main" id="{7B8E0323-E154-411B-9D8E-0F01E9B4C4E3}"/>
            </a:ext>
          </a:extLst>
        </xdr:cNvPr>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7" name="直線コネクタ 406">
          <a:extLst>
            <a:ext uri="{FF2B5EF4-FFF2-40B4-BE49-F238E27FC236}">
              <a16:creationId xmlns:a16="http://schemas.microsoft.com/office/drawing/2014/main" id="{BC2479FB-81B5-476D-99E8-C6DAB6AC5C7A}"/>
            </a:ext>
          </a:extLst>
        </xdr:cNvPr>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8" name="テキスト ボックス 407">
          <a:extLst>
            <a:ext uri="{FF2B5EF4-FFF2-40B4-BE49-F238E27FC236}">
              <a16:creationId xmlns:a16="http://schemas.microsoft.com/office/drawing/2014/main" id="{57E514E2-A3AA-4BF1-9F9E-C32822F1166F}"/>
            </a:ext>
          </a:extLst>
        </xdr:cNvPr>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9" name="直線コネクタ 408">
          <a:extLst>
            <a:ext uri="{FF2B5EF4-FFF2-40B4-BE49-F238E27FC236}">
              <a16:creationId xmlns:a16="http://schemas.microsoft.com/office/drawing/2014/main" id="{FB210FE0-DD36-46C7-A166-F75C9936004A}"/>
            </a:ext>
          </a:extLst>
        </xdr:cNvPr>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0" name="テキスト ボックス 409">
          <a:extLst>
            <a:ext uri="{FF2B5EF4-FFF2-40B4-BE49-F238E27FC236}">
              <a16:creationId xmlns:a16="http://schemas.microsoft.com/office/drawing/2014/main" id="{646AEBBE-5A8A-4825-B59C-CE1816F65E07}"/>
            </a:ext>
          </a:extLst>
        </xdr:cNvPr>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1" name="直線コネクタ 410">
          <a:extLst>
            <a:ext uri="{FF2B5EF4-FFF2-40B4-BE49-F238E27FC236}">
              <a16:creationId xmlns:a16="http://schemas.microsoft.com/office/drawing/2014/main" id="{025C866C-D58A-46E2-9F31-911DB3E6B4EB}"/>
            </a:ext>
          </a:extLst>
        </xdr:cNvPr>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12" name="テキスト ボックス 411">
          <a:extLst>
            <a:ext uri="{FF2B5EF4-FFF2-40B4-BE49-F238E27FC236}">
              <a16:creationId xmlns:a16="http://schemas.microsoft.com/office/drawing/2014/main" id="{441A5926-6798-48C9-B842-ABEDB20C9B1B}"/>
            </a:ext>
          </a:extLst>
        </xdr:cNvPr>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a:extLst>
            <a:ext uri="{FF2B5EF4-FFF2-40B4-BE49-F238E27FC236}">
              <a16:creationId xmlns:a16="http://schemas.microsoft.com/office/drawing/2014/main" id="{610A65A1-44D3-4C70-9E6F-907277859AC7}"/>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414" name="テキスト ボックス 413">
          <a:extLst>
            <a:ext uri="{FF2B5EF4-FFF2-40B4-BE49-F238E27FC236}">
              <a16:creationId xmlns:a16="http://schemas.microsoft.com/office/drawing/2014/main" id="{17D65CD4-941F-4EE8-A79C-D1A134489E1E}"/>
            </a:ext>
          </a:extLst>
        </xdr:cNvPr>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15" name="【認定こども園・幼稚園・保育所】&#10;有形固定資産減価償却率グラフ枠">
          <a:extLst>
            <a:ext uri="{FF2B5EF4-FFF2-40B4-BE49-F238E27FC236}">
              <a16:creationId xmlns:a16="http://schemas.microsoft.com/office/drawing/2014/main" id="{0A475D6A-C59E-4E19-8A15-B15E149492C2}"/>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81915</xdr:rowOff>
    </xdr:from>
    <xdr:to>
      <xdr:col>85</xdr:col>
      <xdr:colOff>126364</xdr:colOff>
      <xdr:row>41</xdr:row>
      <xdr:rowOff>150495</xdr:rowOff>
    </xdr:to>
    <xdr:cxnSp macro="">
      <xdr:nvCxnSpPr>
        <xdr:cNvPr id="416" name="直線コネクタ 415">
          <a:extLst>
            <a:ext uri="{FF2B5EF4-FFF2-40B4-BE49-F238E27FC236}">
              <a16:creationId xmlns:a16="http://schemas.microsoft.com/office/drawing/2014/main" id="{BB0B9B85-64C0-43AA-BDAF-CEEF9D6C28E3}"/>
            </a:ext>
          </a:extLst>
        </xdr:cNvPr>
        <xdr:cNvCxnSpPr/>
      </xdr:nvCxnSpPr>
      <xdr:spPr>
        <a:xfrm flipV="1">
          <a:off x="16318864" y="5739765"/>
          <a:ext cx="0" cy="14401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4322</xdr:rowOff>
    </xdr:from>
    <xdr:ext cx="405111" cy="259045"/>
    <xdr:sp macro="" textlink="">
      <xdr:nvSpPr>
        <xdr:cNvPr id="417" name="【認定こども園・幼稚園・保育所】&#10;有形固定資産減価償却率最小値テキスト">
          <a:extLst>
            <a:ext uri="{FF2B5EF4-FFF2-40B4-BE49-F238E27FC236}">
              <a16:creationId xmlns:a16="http://schemas.microsoft.com/office/drawing/2014/main" id="{60B37026-3A7D-4257-AE7E-857715DB6FDA}"/>
            </a:ext>
          </a:extLst>
        </xdr:cNvPr>
        <xdr:cNvSpPr txBox="1"/>
      </xdr:nvSpPr>
      <xdr:spPr>
        <a:xfrm>
          <a:off x="16357600" y="7183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0495</xdr:rowOff>
    </xdr:from>
    <xdr:to>
      <xdr:col>86</xdr:col>
      <xdr:colOff>25400</xdr:colOff>
      <xdr:row>41</xdr:row>
      <xdr:rowOff>150495</xdr:rowOff>
    </xdr:to>
    <xdr:cxnSp macro="">
      <xdr:nvCxnSpPr>
        <xdr:cNvPr id="418" name="直線コネクタ 417">
          <a:extLst>
            <a:ext uri="{FF2B5EF4-FFF2-40B4-BE49-F238E27FC236}">
              <a16:creationId xmlns:a16="http://schemas.microsoft.com/office/drawing/2014/main" id="{878BA5CB-E6B6-492B-B877-9A521FC78F25}"/>
            </a:ext>
          </a:extLst>
        </xdr:cNvPr>
        <xdr:cNvCxnSpPr/>
      </xdr:nvCxnSpPr>
      <xdr:spPr>
        <a:xfrm>
          <a:off x="16230600" y="71799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28592</xdr:rowOff>
    </xdr:from>
    <xdr:ext cx="405111" cy="259045"/>
    <xdr:sp macro="" textlink="">
      <xdr:nvSpPr>
        <xdr:cNvPr id="419" name="【認定こども園・幼稚園・保育所】&#10;有形固定資産減価償却率最大値テキスト">
          <a:extLst>
            <a:ext uri="{FF2B5EF4-FFF2-40B4-BE49-F238E27FC236}">
              <a16:creationId xmlns:a16="http://schemas.microsoft.com/office/drawing/2014/main" id="{A6DDBAD1-619F-4FA9-8F04-C78BD6E32B6E}"/>
            </a:ext>
          </a:extLst>
        </xdr:cNvPr>
        <xdr:cNvSpPr txBox="1"/>
      </xdr:nvSpPr>
      <xdr:spPr>
        <a:xfrm>
          <a:off x="16357600" y="55149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81915</xdr:rowOff>
    </xdr:from>
    <xdr:to>
      <xdr:col>86</xdr:col>
      <xdr:colOff>25400</xdr:colOff>
      <xdr:row>33</xdr:row>
      <xdr:rowOff>81915</xdr:rowOff>
    </xdr:to>
    <xdr:cxnSp macro="">
      <xdr:nvCxnSpPr>
        <xdr:cNvPr id="420" name="直線コネクタ 419">
          <a:extLst>
            <a:ext uri="{FF2B5EF4-FFF2-40B4-BE49-F238E27FC236}">
              <a16:creationId xmlns:a16="http://schemas.microsoft.com/office/drawing/2014/main" id="{2D12BAF3-F500-4861-A8E5-8A0064B6C439}"/>
            </a:ext>
          </a:extLst>
        </xdr:cNvPr>
        <xdr:cNvCxnSpPr/>
      </xdr:nvCxnSpPr>
      <xdr:spPr>
        <a:xfrm>
          <a:off x="16230600" y="57397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22572</xdr:rowOff>
    </xdr:from>
    <xdr:ext cx="405111" cy="259045"/>
    <xdr:sp macro="" textlink="">
      <xdr:nvSpPr>
        <xdr:cNvPr id="421" name="【認定こども園・幼稚園・保育所】&#10;有形固定資産減価償却率平均値テキスト">
          <a:extLst>
            <a:ext uri="{FF2B5EF4-FFF2-40B4-BE49-F238E27FC236}">
              <a16:creationId xmlns:a16="http://schemas.microsoft.com/office/drawing/2014/main" id="{229DD0E9-0657-4810-BB2F-18D1D43A5861}"/>
            </a:ext>
          </a:extLst>
        </xdr:cNvPr>
        <xdr:cNvSpPr txBox="1"/>
      </xdr:nvSpPr>
      <xdr:spPr>
        <a:xfrm>
          <a:off x="16357600" y="61233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99695</xdr:rowOff>
    </xdr:from>
    <xdr:to>
      <xdr:col>85</xdr:col>
      <xdr:colOff>177800</xdr:colOff>
      <xdr:row>37</xdr:row>
      <xdr:rowOff>29845</xdr:rowOff>
    </xdr:to>
    <xdr:sp macro="" textlink="">
      <xdr:nvSpPr>
        <xdr:cNvPr id="422" name="フローチャート: 判断 421">
          <a:extLst>
            <a:ext uri="{FF2B5EF4-FFF2-40B4-BE49-F238E27FC236}">
              <a16:creationId xmlns:a16="http://schemas.microsoft.com/office/drawing/2014/main" id="{25FA15E9-D0FB-4FFE-B485-1E80CB63F7D8}"/>
            </a:ext>
          </a:extLst>
        </xdr:cNvPr>
        <xdr:cNvSpPr/>
      </xdr:nvSpPr>
      <xdr:spPr>
        <a:xfrm>
          <a:off x="16268700" y="627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154940</xdr:rowOff>
    </xdr:from>
    <xdr:to>
      <xdr:col>81</xdr:col>
      <xdr:colOff>101600</xdr:colOff>
      <xdr:row>37</xdr:row>
      <xdr:rowOff>85090</xdr:rowOff>
    </xdr:to>
    <xdr:sp macro="" textlink="">
      <xdr:nvSpPr>
        <xdr:cNvPr id="423" name="フローチャート: 判断 422">
          <a:extLst>
            <a:ext uri="{FF2B5EF4-FFF2-40B4-BE49-F238E27FC236}">
              <a16:creationId xmlns:a16="http://schemas.microsoft.com/office/drawing/2014/main" id="{697A377A-7B2B-4465-931B-773925907D57}"/>
            </a:ext>
          </a:extLst>
        </xdr:cNvPr>
        <xdr:cNvSpPr/>
      </xdr:nvSpPr>
      <xdr:spPr>
        <a:xfrm>
          <a:off x="15430500" y="6327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68275</xdr:rowOff>
    </xdr:from>
    <xdr:to>
      <xdr:col>76</xdr:col>
      <xdr:colOff>165100</xdr:colOff>
      <xdr:row>37</xdr:row>
      <xdr:rowOff>98425</xdr:rowOff>
    </xdr:to>
    <xdr:sp macro="" textlink="">
      <xdr:nvSpPr>
        <xdr:cNvPr id="424" name="フローチャート: 判断 423">
          <a:extLst>
            <a:ext uri="{FF2B5EF4-FFF2-40B4-BE49-F238E27FC236}">
              <a16:creationId xmlns:a16="http://schemas.microsoft.com/office/drawing/2014/main" id="{CB61DB45-9939-43F9-A743-6A5557D2C03F}"/>
            </a:ext>
          </a:extLst>
        </xdr:cNvPr>
        <xdr:cNvSpPr/>
      </xdr:nvSpPr>
      <xdr:spPr>
        <a:xfrm>
          <a:off x="14541500" y="6340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6</xdr:row>
      <xdr:rowOff>164465</xdr:rowOff>
    </xdr:from>
    <xdr:to>
      <xdr:col>72</xdr:col>
      <xdr:colOff>38100</xdr:colOff>
      <xdr:row>37</xdr:row>
      <xdr:rowOff>94615</xdr:rowOff>
    </xdr:to>
    <xdr:sp macro="" textlink="">
      <xdr:nvSpPr>
        <xdr:cNvPr id="425" name="フローチャート: 判断 424">
          <a:extLst>
            <a:ext uri="{FF2B5EF4-FFF2-40B4-BE49-F238E27FC236}">
              <a16:creationId xmlns:a16="http://schemas.microsoft.com/office/drawing/2014/main" id="{EF50AC62-C9CD-49D1-8032-97C4D77D5A2B}"/>
            </a:ext>
          </a:extLst>
        </xdr:cNvPr>
        <xdr:cNvSpPr/>
      </xdr:nvSpPr>
      <xdr:spPr>
        <a:xfrm>
          <a:off x="13652500" y="63366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6</xdr:row>
      <xdr:rowOff>160655</xdr:rowOff>
    </xdr:from>
    <xdr:to>
      <xdr:col>67</xdr:col>
      <xdr:colOff>101600</xdr:colOff>
      <xdr:row>37</xdr:row>
      <xdr:rowOff>90805</xdr:rowOff>
    </xdr:to>
    <xdr:sp macro="" textlink="">
      <xdr:nvSpPr>
        <xdr:cNvPr id="426" name="フローチャート: 判断 425">
          <a:extLst>
            <a:ext uri="{FF2B5EF4-FFF2-40B4-BE49-F238E27FC236}">
              <a16:creationId xmlns:a16="http://schemas.microsoft.com/office/drawing/2014/main" id="{ADFF0E45-EC7B-402E-A8B5-164BE182E54F}"/>
            </a:ext>
          </a:extLst>
        </xdr:cNvPr>
        <xdr:cNvSpPr/>
      </xdr:nvSpPr>
      <xdr:spPr>
        <a:xfrm>
          <a:off x="12763500" y="6332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id="{EB1B76EB-FA9F-4781-BAC5-EAD28028F579}"/>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id="{6914CA54-6545-4949-89B9-D8FC78B07D2E}"/>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id="{B4E9C6CA-F129-4DD1-A4DC-203348163750}"/>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id="{420C6DCA-656F-4EC5-B0D0-CF893E28EA42}"/>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1" name="テキスト ボックス 430">
          <a:extLst>
            <a:ext uri="{FF2B5EF4-FFF2-40B4-BE49-F238E27FC236}">
              <a16:creationId xmlns:a16="http://schemas.microsoft.com/office/drawing/2014/main" id="{EAC91476-8F98-4F85-92D1-E1AB87C35435}"/>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68275</xdr:rowOff>
    </xdr:from>
    <xdr:to>
      <xdr:col>85</xdr:col>
      <xdr:colOff>177800</xdr:colOff>
      <xdr:row>37</xdr:row>
      <xdr:rowOff>98425</xdr:rowOff>
    </xdr:to>
    <xdr:sp macro="" textlink="">
      <xdr:nvSpPr>
        <xdr:cNvPr id="432" name="楕円 431">
          <a:extLst>
            <a:ext uri="{FF2B5EF4-FFF2-40B4-BE49-F238E27FC236}">
              <a16:creationId xmlns:a16="http://schemas.microsoft.com/office/drawing/2014/main" id="{C2626E09-9A81-4427-8301-160CCC28D3C0}"/>
            </a:ext>
          </a:extLst>
        </xdr:cNvPr>
        <xdr:cNvSpPr/>
      </xdr:nvSpPr>
      <xdr:spPr>
        <a:xfrm>
          <a:off x="16268700" y="6340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6</xdr:row>
      <xdr:rowOff>146702</xdr:rowOff>
    </xdr:from>
    <xdr:ext cx="405111" cy="259045"/>
    <xdr:sp macro="" textlink="">
      <xdr:nvSpPr>
        <xdr:cNvPr id="433" name="【認定こども園・幼稚園・保育所】&#10;有形固定資産減価償却率該当値テキスト">
          <a:extLst>
            <a:ext uri="{FF2B5EF4-FFF2-40B4-BE49-F238E27FC236}">
              <a16:creationId xmlns:a16="http://schemas.microsoft.com/office/drawing/2014/main" id="{6C679147-9E10-4A7F-9277-D4107356B268}"/>
            </a:ext>
          </a:extLst>
        </xdr:cNvPr>
        <xdr:cNvSpPr txBox="1"/>
      </xdr:nvSpPr>
      <xdr:spPr>
        <a:xfrm>
          <a:off x="16357600" y="63189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46355</xdr:rowOff>
    </xdr:from>
    <xdr:to>
      <xdr:col>81</xdr:col>
      <xdr:colOff>101600</xdr:colOff>
      <xdr:row>37</xdr:row>
      <xdr:rowOff>147955</xdr:rowOff>
    </xdr:to>
    <xdr:sp macro="" textlink="">
      <xdr:nvSpPr>
        <xdr:cNvPr id="434" name="楕円 433">
          <a:extLst>
            <a:ext uri="{FF2B5EF4-FFF2-40B4-BE49-F238E27FC236}">
              <a16:creationId xmlns:a16="http://schemas.microsoft.com/office/drawing/2014/main" id="{7F31F99D-2F17-4B09-BC2A-5BFD84874DE2}"/>
            </a:ext>
          </a:extLst>
        </xdr:cNvPr>
        <xdr:cNvSpPr/>
      </xdr:nvSpPr>
      <xdr:spPr>
        <a:xfrm>
          <a:off x="15430500" y="639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7</xdr:row>
      <xdr:rowOff>47625</xdr:rowOff>
    </xdr:from>
    <xdr:to>
      <xdr:col>85</xdr:col>
      <xdr:colOff>127000</xdr:colOff>
      <xdr:row>37</xdr:row>
      <xdr:rowOff>97155</xdr:rowOff>
    </xdr:to>
    <xdr:cxnSp macro="">
      <xdr:nvCxnSpPr>
        <xdr:cNvPr id="435" name="直線コネクタ 434">
          <a:extLst>
            <a:ext uri="{FF2B5EF4-FFF2-40B4-BE49-F238E27FC236}">
              <a16:creationId xmlns:a16="http://schemas.microsoft.com/office/drawing/2014/main" id="{85B65BCA-2408-4E87-A88E-28B1F16B2A1F}"/>
            </a:ext>
          </a:extLst>
        </xdr:cNvPr>
        <xdr:cNvCxnSpPr/>
      </xdr:nvCxnSpPr>
      <xdr:spPr>
        <a:xfrm flipV="1">
          <a:off x="15481300" y="6391275"/>
          <a:ext cx="8382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6350</xdr:rowOff>
    </xdr:from>
    <xdr:to>
      <xdr:col>76</xdr:col>
      <xdr:colOff>165100</xdr:colOff>
      <xdr:row>37</xdr:row>
      <xdr:rowOff>107950</xdr:rowOff>
    </xdr:to>
    <xdr:sp macro="" textlink="">
      <xdr:nvSpPr>
        <xdr:cNvPr id="436" name="楕円 435">
          <a:extLst>
            <a:ext uri="{FF2B5EF4-FFF2-40B4-BE49-F238E27FC236}">
              <a16:creationId xmlns:a16="http://schemas.microsoft.com/office/drawing/2014/main" id="{81500AD5-CA3D-45AF-9F07-00D8C9C8081F}"/>
            </a:ext>
          </a:extLst>
        </xdr:cNvPr>
        <xdr:cNvSpPr/>
      </xdr:nvSpPr>
      <xdr:spPr>
        <a:xfrm>
          <a:off x="14541500" y="635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57150</xdr:rowOff>
    </xdr:from>
    <xdr:to>
      <xdr:col>81</xdr:col>
      <xdr:colOff>50800</xdr:colOff>
      <xdr:row>37</xdr:row>
      <xdr:rowOff>97155</xdr:rowOff>
    </xdr:to>
    <xdr:cxnSp macro="">
      <xdr:nvCxnSpPr>
        <xdr:cNvPr id="437" name="直線コネクタ 436">
          <a:extLst>
            <a:ext uri="{FF2B5EF4-FFF2-40B4-BE49-F238E27FC236}">
              <a16:creationId xmlns:a16="http://schemas.microsoft.com/office/drawing/2014/main" id="{17FAD860-B554-4FC3-A040-0BB4F3B41768}"/>
            </a:ext>
          </a:extLst>
        </xdr:cNvPr>
        <xdr:cNvCxnSpPr/>
      </xdr:nvCxnSpPr>
      <xdr:spPr>
        <a:xfrm>
          <a:off x="14592300" y="640080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53975</xdr:rowOff>
    </xdr:from>
    <xdr:to>
      <xdr:col>72</xdr:col>
      <xdr:colOff>38100</xdr:colOff>
      <xdr:row>37</xdr:row>
      <xdr:rowOff>155575</xdr:rowOff>
    </xdr:to>
    <xdr:sp macro="" textlink="">
      <xdr:nvSpPr>
        <xdr:cNvPr id="438" name="楕円 437">
          <a:extLst>
            <a:ext uri="{FF2B5EF4-FFF2-40B4-BE49-F238E27FC236}">
              <a16:creationId xmlns:a16="http://schemas.microsoft.com/office/drawing/2014/main" id="{48DD47E5-2F61-4577-B649-D76381C072D5}"/>
            </a:ext>
          </a:extLst>
        </xdr:cNvPr>
        <xdr:cNvSpPr/>
      </xdr:nvSpPr>
      <xdr:spPr>
        <a:xfrm>
          <a:off x="13652500" y="6397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7</xdr:row>
      <xdr:rowOff>57150</xdr:rowOff>
    </xdr:from>
    <xdr:to>
      <xdr:col>76</xdr:col>
      <xdr:colOff>114300</xdr:colOff>
      <xdr:row>37</xdr:row>
      <xdr:rowOff>104775</xdr:rowOff>
    </xdr:to>
    <xdr:cxnSp macro="">
      <xdr:nvCxnSpPr>
        <xdr:cNvPr id="439" name="直線コネクタ 438">
          <a:extLst>
            <a:ext uri="{FF2B5EF4-FFF2-40B4-BE49-F238E27FC236}">
              <a16:creationId xmlns:a16="http://schemas.microsoft.com/office/drawing/2014/main" id="{B311EAFA-5ACC-45B9-9B3C-C3AF6856E09F}"/>
            </a:ext>
          </a:extLst>
        </xdr:cNvPr>
        <xdr:cNvCxnSpPr/>
      </xdr:nvCxnSpPr>
      <xdr:spPr>
        <a:xfrm flipV="1">
          <a:off x="13703300" y="6400800"/>
          <a:ext cx="8890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15875</xdr:rowOff>
    </xdr:from>
    <xdr:to>
      <xdr:col>67</xdr:col>
      <xdr:colOff>101600</xdr:colOff>
      <xdr:row>37</xdr:row>
      <xdr:rowOff>117475</xdr:rowOff>
    </xdr:to>
    <xdr:sp macro="" textlink="">
      <xdr:nvSpPr>
        <xdr:cNvPr id="440" name="楕円 439">
          <a:extLst>
            <a:ext uri="{FF2B5EF4-FFF2-40B4-BE49-F238E27FC236}">
              <a16:creationId xmlns:a16="http://schemas.microsoft.com/office/drawing/2014/main" id="{01CDBC21-F3B5-4CC8-B057-0D11B5127382}"/>
            </a:ext>
          </a:extLst>
        </xdr:cNvPr>
        <xdr:cNvSpPr/>
      </xdr:nvSpPr>
      <xdr:spPr>
        <a:xfrm>
          <a:off x="12763500" y="635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66675</xdr:rowOff>
    </xdr:from>
    <xdr:to>
      <xdr:col>71</xdr:col>
      <xdr:colOff>177800</xdr:colOff>
      <xdr:row>37</xdr:row>
      <xdr:rowOff>104775</xdr:rowOff>
    </xdr:to>
    <xdr:cxnSp macro="">
      <xdr:nvCxnSpPr>
        <xdr:cNvPr id="441" name="直線コネクタ 440">
          <a:extLst>
            <a:ext uri="{FF2B5EF4-FFF2-40B4-BE49-F238E27FC236}">
              <a16:creationId xmlns:a16="http://schemas.microsoft.com/office/drawing/2014/main" id="{29573258-5687-49FA-93F1-22282251BB22}"/>
            </a:ext>
          </a:extLst>
        </xdr:cNvPr>
        <xdr:cNvCxnSpPr/>
      </xdr:nvCxnSpPr>
      <xdr:spPr>
        <a:xfrm>
          <a:off x="12814300" y="6410325"/>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5</xdr:row>
      <xdr:rowOff>101617</xdr:rowOff>
    </xdr:from>
    <xdr:ext cx="405111" cy="259045"/>
    <xdr:sp macro="" textlink="">
      <xdr:nvSpPr>
        <xdr:cNvPr id="442" name="n_1aveValue【認定こども園・幼稚園・保育所】&#10;有形固定資産減価償却率">
          <a:extLst>
            <a:ext uri="{FF2B5EF4-FFF2-40B4-BE49-F238E27FC236}">
              <a16:creationId xmlns:a16="http://schemas.microsoft.com/office/drawing/2014/main" id="{E58C194C-DDD4-4D40-9CCA-9910C2675DCA}"/>
            </a:ext>
          </a:extLst>
        </xdr:cNvPr>
        <xdr:cNvSpPr txBox="1"/>
      </xdr:nvSpPr>
      <xdr:spPr>
        <a:xfrm>
          <a:off x="15266044" y="6102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5</xdr:row>
      <xdr:rowOff>114952</xdr:rowOff>
    </xdr:from>
    <xdr:ext cx="405111" cy="259045"/>
    <xdr:sp macro="" textlink="">
      <xdr:nvSpPr>
        <xdr:cNvPr id="443" name="n_2aveValue【認定こども園・幼稚園・保育所】&#10;有形固定資産減価償却率">
          <a:extLst>
            <a:ext uri="{FF2B5EF4-FFF2-40B4-BE49-F238E27FC236}">
              <a16:creationId xmlns:a16="http://schemas.microsoft.com/office/drawing/2014/main" id="{B43BC345-1EE2-41D1-A0CB-4958038270A4}"/>
            </a:ext>
          </a:extLst>
        </xdr:cNvPr>
        <xdr:cNvSpPr txBox="1"/>
      </xdr:nvSpPr>
      <xdr:spPr>
        <a:xfrm>
          <a:off x="14389744" y="61157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11142</xdr:rowOff>
    </xdr:from>
    <xdr:ext cx="405111" cy="259045"/>
    <xdr:sp macro="" textlink="">
      <xdr:nvSpPr>
        <xdr:cNvPr id="444" name="n_3aveValue【認定こども園・幼稚園・保育所】&#10;有形固定資産減価償却率">
          <a:extLst>
            <a:ext uri="{FF2B5EF4-FFF2-40B4-BE49-F238E27FC236}">
              <a16:creationId xmlns:a16="http://schemas.microsoft.com/office/drawing/2014/main" id="{38592CB3-3B5F-447D-8BEC-96DA79445695}"/>
            </a:ext>
          </a:extLst>
        </xdr:cNvPr>
        <xdr:cNvSpPr txBox="1"/>
      </xdr:nvSpPr>
      <xdr:spPr>
        <a:xfrm>
          <a:off x="13500744" y="6111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07332</xdr:rowOff>
    </xdr:from>
    <xdr:ext cx="405111" cy="259045"/>
    <xdr:sp macro="" textlink="">
      <xdr:nvSpPr>
        <xdr:cNvPr id="445" name="n_4aveValue【認定こども園・幼稚園・保育所】&#10;有形固定資産減価償却率">
          <a:extLst>
            <a:ext uri="{FF2B5EF4-FFF2-40B4-BE49-F238E27FC236}">
              <a16:creationId xmlns:a16="http://schemas.microsoft.com/office/drawing/2014/main" id="{7E797438-857E-4A27-A64C-922BC1C6487F}"/>
            </a:ext>
          </a:extLst>
        </xdr:cNvPr>
        <xdr:cNvSpPr txBox="1"/>
      </xdr:nvSpPr>
      <xdr:spPr>
        <a:xfrm>
          <a:off x="12611744" y="61080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7</xdr:row>
      <xdr:rowOff>139082</xdr:rowOff>
    </xdr:from>
    <xdr:ext cx="405111" cy="259045"/>
    <xdr:sp macro="" textlink="">
      <xdr:nvSpPr>
        <xdr:cNvPr id="446" name="n_1mainValue【認定こども園・幼稚園・保育所】&#10;有形固定資産減価償却率">
          <a:extLst>
            <a:ext uri="{FF2B5EF4-FFF2-40B4-BE49-F238E27FC236}">
              <a16:creationId xmlns:a16="http://schemas.microsoft.com/office/drawing/2014/main" id="{F75CDDE9-8997-4516-A8D2-2A5CDD9DAD42}"/>
            </a:ext>
          </a:extLst>
        </xdr:cNvPr>
        <xdr:cNvSpPr txBox="1"/>
      </xdr:nvSpPr>
      <xdr:spPr>
        <a:xfrm>
          <a:off x="15266044" y="64827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99077</xdr:rowOff>
    </xdr:from>
    <xdr:ext cx="405111" cy="259045"/>
    <xdr:sp macro="" textlink="">
      <xdr:nvSpPr>
        <xdr:cNvPr id="447" name="n_2mainValue【認定こども園・幼稚園・保育所】&#10;有形固定資産減価償却率">
          <a:extLst>
            <a:ext uri="{FF2B5EF4-FFF2-40B4-BE49-F238E27FC236}">
              <a16:creationId xmlns:a16="http://schemas.microsoft.com/office/drawing/2014/main" id="{1A3B01E6-2B6F-4013-B7C8-E7AA71A3C82C}"/>
            </a:ext>
          </a:extLst>
        </xdr:cNvPr>
        <xdr:cNvSpPr txBox="1"/>
      </xdr:nvSpPr>
      <xdr:spPr>
        <a:xfrm>
          <a:off x="14389744" y="6442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46702</xdr:rowOff>
    </xdr:from>
    <xdr:ext cx="405111" cy="259045"/>
    <xdr:sp macro="" textlink="">
      <xdr:nvSpPr>
        <xdr:cNvPr id="448" name="n_3mainValue【認定こども園・幼稚園・保育所】&#10;有形固定資産減価償却率">
          <a:extLst>
            <a:ext uri="{FF2B5EF4-FFF2-40B4-BE49-F238E27FC236}">
              <a16:creationId xmlns:a16="http://schemas.microsoft.com/office/drawing/2014/main" id="{5E548458-1BE9-45B6-930B-D023231788A1}"/>
            </a:ext>
          </a:extLst>
        </xdr:cNvPr>
        <xdr:cNvSpPr txBox="1"/>
      </xdr:nvSpPr>
      <xdr:spPr>
        <a:xfrm>
          <a:off x="13500744" y="649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08602</xdr:rowOff>
    </xdr:from>
    <xdr:ext cx="405111" cy="259045"/>
    <xdr:sp macro="" textlink="">
      <xdr:nvSpPr>
        <xdr:cNvPr id="449" name="n_4mainValue【認定こども園・幼稚園・保育所】&#10;有形固定資産減価償却率">
          <a:extLst>
            <a:ext uri="{FF2B5EF4-FFF2-40B4-BE49-F238E27FC236}">
              <a16:creationId xmlns:a16="http://schemas.microsoft.com/office/drawing/2014/main" id="{EDE0BD91-C540-4482-88A3-EA564A2EC3E1}"/>
            </a:ext>
          </a:extLst>
        </xdr:cNvPr>
        <xdr:cNvSpPr txBox="1"/>
      </xdr:nvSpPr>
      <xdr:spPr>
        <a:xfrm>
          <a:off x="12611744" y="64522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50" name="正方形/長方形 449">
          <a:extLst>
            <a:ext uri="{FF2B5EF4-FFF2-40B4-BE49-F238E27FC236}">
              <a16:creationId xmlns:a16="http://schemas.microsoft.com/office/drawing/2014/main" id="{C78E0C63-1A79-4217-8FE1-05F6B0AA2557}"/>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1" name="正方形/長方形 450">
          <a:extLst>
            <a:ext uri="{FF2B5EF4-FFF2-40B4-BE49-F238E27FC236}">
              <a16:creationId xmlns:a16="http://schemas.microsoft.com/office/drawing/2014/main" id="{29C3E3DE-E4C5-4165-BE85-5B8F07CD06C7}"/>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2" name="正方形/長方形 451">
          <a:extLst>
            <a:ext uri="{FF2B5EF4-FFF2-40B4-BE49-F238E27FC236}">
              <a16:creationId xmlns:a16="http://schemas.microsoft.com/office/drawing/2014/main" id="{60B7AEE4-7C5C-4D04-B8BC-4881A1052589}"/>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3" name="正方形/長方形 452">
          <a:extLst>
            <a:ext uri="{FF2B5EF4-FFF2-40B4-BE49-F238E27FC236}">
              <a16:creationId xmlns:a16="http://schemas.microsoft.com/office/drawing/2014/main" id="{987E9F0D-4F57-4570-A043-6C5FFB9517AE}"/>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4" name="正方形/長方形 453">
          <a:extLst>
            <a:ext uri="{FF2B5EF4-FFF2-40B4-BE49-F238E27FC236}">
              <a16:creationId xmlns:a16="http://schemas.microsoft.com/office/drawing/2014/main" id="{64A5C3E8-E403-4938-B45D-E5893AC58D0E}"/>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5" name="正方形/長方形 454">
          <a:extLst>
            <a:ext uri="{FF2B5EF4-FFF2-40B4-BE49-F238E27FC236}">
              <a16:creationId xmlns:a16="http://schemas.microsoft.com/office/drawing/2014/main" id="{7CF211BF-6640-4EB8-B1C7-9312FA08C4B1}"/>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6" name="正方形/長方形 455">
          <a:extLst>
            <a:ext uri="{FF2B5EF4-FFF2-40B4-BE49-F238E27FC236}">
              <a16:creationId xmlns:a16="http://schemas.microsoft.com/office/drawing/2014/main" id="{F44E2E28-F09B-4204-A756-0D527AC09F7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7" name="正方形/長方形 456">
          <a:extLst>
            <a:ext uri="{FF2B5EF4-FFF2-40B4-BE49-F238E27FC236}">
              <a16:creationId xmlns:a16="http://schemas.microsoft.com/office/drawing/2014/main" id="{05FEA92A-2AEA-447C-9723-0F253BF7A7CD}"/>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8" name="テキスト ボックス 457">
          <a:extLst>
            <a:ext uri="{FF2B5EF4-FFF2-40B4-BE49-F238E27FC236}">
              <a16:creationId xmlns:a16="http://schemas.microsoft.com/office/drawing/2014/main" id="{21AAF22F-7DB3-4660-B7BC-D2ABE499E4C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9" name="直線コネクタ 458">
          <a:extLst>
            <a:ext uri="{FF2B5EF4-FFF2-40B4-BE49-F238E27FC236}">
              <a16:creationId xmlns:a16="http://schemas.microsoft.com/office/drawing/2014/main" id="{2A003AA6-B690-4AD8-AD55-C015B1C7BAFD}"/>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38100</xdr:rowOff>
    </xdr:from>
    <xdr:to>
      <xdr:col>120</xdr:col>
      <xdr:colOff>114300</xdr:colOff>
      <xdr:row>42</xdr:row>
      <xdr:rowOff>38100</xdr:rowOff>
    </xdr:to>
    <xdr:cxnSp macro="">
      <xdr:nvCxnSpPr>
        <xdr:cNvPr id="460" name="直線コネクタ 459">
          <a:extLst>
            <a:ext uri="{FF2B5EF4-FFF2-40B4-BE49-F238E27FC236}">
              <a16:creationId xmlns:a16="http://schemas.microsoft.com/office/drawing/2014/main" id="{1E5A5762-E099-4A38-975F-E682A09E85C2}"/>
            </a:ext>
          </a:extLst>
        </xdr:cNvPr>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67327</xdr:rowOff>
    </xdr:from>
    <xdr:ext cx="467179" cy="259045"/>
    <xdr:sp macro="" textlink="">
      <xdr:nvSpPr>
        <xdr:cNvPr id="461" name="テキスト ボックス 460">
          <a:extLst>
            <a:ext uri="{FF2B5EF4-FFF2-40B4-BE49-F238E27FC236}">
              <a16:creationId xmlns:a16="http://schemas.microsoft.com/office/drawing/2014/main" id="{62075A13-11D1-4604-9774-FC87E0095805}"/>
            </a:ext>
          </a:extLst>
        </xdr:cNvPr>
        <xdr:cNvSpPr txBox="1"/>
      </xdr:nvSpPr>
      <xdr:spPr>
        <a:xfrm>
          <a:off x="17820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62" name="直線コネクタ 461">
          <a:extLst>
            <a:ext uri="{FF2B5EF4-FFF2-40B4-BE49-F238E27FC236}">
              <a16:creationId xmlns:a16="http://schemas.microsoft.com/office/drawing/2014/main" id="{8B41130A-E76F-4CE1-8960-BEAAAC6AB8DA}"/>
            </a:ext>
          </a:extLst>
        </xdr:cNvPr>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29227</xdr:rowOff>
    </xdr:from>
    <xdr:ext cx="467179" cy="259045"/>
    <xdr:sp macro="" textlink="">
      <xdr:nvSpPr>
        <xdr:cNvPr id="463" name="テキスト ボックス 462">
          <a:extLst>
            <a:ext uri="{FF2B5EF4-FFF2-40B4-BE49-F238E27FC236}">
              <a16:creationId xmlns:a16="http://schemas.microsoft.com/office/drawing/2014/main" id="{E1E84AE1-89C6-48D6-8671-C9F36239AC9D}"/>
            </a:ext>
          </a:extLst>
        </xdr:cNvPr>
        <xdr:cNvSpPr txBox="1"/>
      </xdr:nvSpPr>
      <xdr:spPr>
        <a:xfrm>
          <a:off x="17820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64" name="直線コネクタ 463">
          <a:extLst>
            <a:ext uri="{FF2B5EF4-FFF2-40B4-BE49-F238E27FC236}">
              <a16:creationId xmlns:a16="http://schemas.microsoft.com/office/drawing/2014/main" id="{14CAE77D-4A6B-440A-A86B-42124CEB76A7}"/>
            </a:ext>
          </a:extLst>
        </xdr:cNvPr>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62577</xdr:rowOff>
    </xdr:from>
    <xdr:ext cx="467179" cy="259045"/>
    <xdr:sp macro="" textlink="">
      <xdr:nvSpPr>
        <xdr:cNvPr id="465" name="テキスト ボックス 464">
          <a:extLst>
            <a:ext uri="{FF2B5EF4-FFF2-40B4-BE49-F238E27FC236}">
              <a16:creationId xmlns:a16="http://schemas.microsoft.com/office/drawing/2014/main" id="{26EA1958-76CB-4D9A-8014-031819733800}"/>
            </a:ext>
          </a:extLst>
        </xdr:cNvPr>
        <xdr:cNvSpPr txBox="1"/>
      </xdr:nvSpPr>
      <xdr:spPr>
        <a:xfrm>
          <a:off x="17820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66" name="直線コネクタ 465">
          <a:extLst>
            <a:ext uri="{FF2B5EF4-FFF2-40B4-BE49-F238E27FC236}">
              <a16:creationId xmlns:a16="http://schemas.microsoft.com/office/drawing/2014/main" id="{56E926C0-52FD-4933-977A-5E95F7A7BC35}"/>
            </a:ext>
          </a:extLst>
        </xdr:cNvPr>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24477</xdr:rowOff>
    </xdr:from>
    <xdr:ext cx="467179" cy="259045"/>
    <xdr:sp macro="" textlink="">
      <xdr:nvSpPr>
        <xdr:cNvPr id="467" name="テキスト ボックス 466">
          <a:extLst>
            <a:ext uri="{FF2B5EF4-FFF2-40B4-BE49-F238E27FC236}">
              <a16:creationId xmlns:a16="http://schemas.microsoft.com/office/drawing/2014/main" id="{D0EC3C21-EC84-4C08-AC27-E7B11E45C2D9}"/>
            </a:ext>
          </a:extLst>
        </xdr:cNvPr>
        <xdr:cNvSpPr txBox="1"/>
      </xdr:nvSpPr>
      <xdr:spPr>
        <a:xfrm>
          <a:off x="17820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68" name="直線コネクタ 467">
          <a:extLst>
            <a:ext uri="{FF2B5EF4-FFF2-40B4-BE49-F238E27FC236}">
              <a16:creationId xmlns:a16="http://schemas.microsoft.com/office/drawing/2014/main" id="{4AE551F6-8410-469E-8233-2BEAE20F4DCC}"/>
            </a:ext>
          </a:extLst>
        </xdr:cNvPr>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86377</xdr:rowOff>
    </xdr:from>
    <xdr:ext cx="467179" cy="259045"/>
    <xdr:sp macro="" textlink="">
      <xdr:nvSpPr>
        <xdr:cNvPr id="469" name="テキスト ボックス 468">
          <a:extLst>
            <a:ext uri="{FF2B5EF4-FFF2-40B4-BE49-F238E27FC236}">
              <a16:creationId xmlns:a16="http://schemas.microsoft.com/office/drawing/2014/main" id="{2255410D-8C1E-4040-B073-257BA1EEBF4D}"/>
            </a:ext>
          </a:extLst>
        </xdr:cNvPr>
        <xdr:cNvSpPr txBox="1"/>
      </xdr:nvSpPr>
      <xdr:spPr>
        <a:xfrm>
          <a:off x="17820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0" name="直線コネクタ 469">
          <a:extLst>
            <a:ext uri="{FF2B5EF4-FFF2-40B4-BE49-F238E27FC236}">
              <a16:creationId xmlns:a16="http://schemas.microsoft.com/office/drawing/2014/main" id="{B90E4C8C-D1AC-4424-BABA-CB73766C4888}"/>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1" name="テキスト ボックス 470">
          <a:extLst>
            <a:ext uri="{FF2B5EF4-FFF2-40B4-BE49-F238E27FC236}">
              <a16:creationId xmlns:a16="http://schemas.microsoft.com/office/drawing/2014/main" id="{4C3A02C8-D3ED-46C6-B67A-3A27355538D2}"/>
            </a:ext>
          </a:extLst>
        </xdr:cNvPr>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2" name="【認定こども園・幼稚園・保育所】&#10;一人当たり面積グラフ枠">
          <a:extLst>
            <a:ext uri="{FF2B5EF4-FFF2-40B4-BE49-F238E27FC236}">
              <a16:creationId xmlns:a16="http://schemas.microsoft.com/office/drawing/2014/main" id="{766C71A9-05FF-445C-BBAE-AE2921A98B1D}"/>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4</xdr:row>
      <xdr:rowOff>114300</xdr:rowOff>
    </xdr:from>
    <xdr:to>
      <xdr:col>116</xdr:col>
      <xdr:colOff>62864</xdr:colOff>
      <xdr:row>42</xdr:row>
      <xdr:rowOff>0</xdr:rowOff>
    </xdr:to>
    <xdr:cxnSp macro="">
      <xdr:nvCxnSpPr>
        <xdr:cNvPr id="473" name="直線コネクタ 472">
          <a:extLst>
            <a:ext uri="{FF2B5EF4-FFF2-40B4-BE49-F238E27FC236}">
              <a16:creationId xmlns:a16="http://schemas.microsoft.com/office/drawing/2014/main" id="{47D1B25A-C7E8-4FDC-8BE6-903E9F8FE742}"/>
            </a:ext>
          </a:extLst>
        </xdr:cNvPr>
        <xdr:cNvCxnSpPr/>
      </xdr:nvCxnSpPr>
      <xdr:spPr>
        <a:xfrm flipV="1">
          <a:off x="22160864" y="5943600"/>
          <a:ext cx="0" cy="1257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3827</xdr:rowOff>
    </xdr:from>
    <xdr:ext cx="469744" cy="259045"/>
    <xdr:sp macro="" textlink="">
      <xdr:nvSpPr>
        <xdr:cNvPr id="474" name="【認定こども園・幼稚園・保育所】&#10;一人当たり面積最小値テキスト">
          <a:extLst>
            <a:ext uri="{FF2B5EF4-FFF2-40B4-BE49-F238E27FC236}">
              <a16:creationId xmlns:a16="http://schemas.microsoft.com/office/drawing/2014/main" id="{A656041D-956A-4A12-AF55-609D95665A4F}"/>
            </a:ext>
          </a:extLst>
        </xdr:cNvPr>
        <xdr:cNvSpPr txBox="1"/>
      </xdr:nvSpPr>
      <xdr:spPr>
        <a:xfrm>
          <a:off x="22199600" y="720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0</xdr:rowOff>
    </xdr:from>
    <xdr:to>
      <xdr:col>116</xdr:col>
      <xdr:colOff>152400</xdr:colOff>
      <xdr:row>42</xdr:row>
      <xdr:rowOff>0</xdr:rowOff>
    </xdr:to>
    <xdr:cxnSp macro="">
      <xdr:nvCxnSpPr>
        <xdr:cNvPr id="475" name="直線コネクタ 474">
          <a:extLst>
            <a:ext uri="{FF2B5EF4-FFF2-40B4-BE49-F238E27FC236}">
              <a16:creationId xmlns:a16="http://schemas.microsoft.com/office/drawing/2014/main" id="{5F92D87A-DA6A-4744-8077-E9D9894238E5}"/>
            </a:ext>
          </a:extLst>
        </xdr:cNvPr>
        <xdr:cNvCxnSpPr/>
      </xdr:nvCxnSpPr>
      <xdr:spPr>
        <a:xfrm>
          <a:off x="22072600" y="720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3</xdr:row>
      <xdr:rowOff>60977</xdr:rowOff>
    </xdr:from>
    <xdr:ext cx="469744" cy="259045"/>
    <xdr:sp macro="" textlink="">
      <xdr:nvSpPr>
        <xdr:cNvPr id="476" name="【認定こども園・幼稚園・保育所】&#10;一人当たり面積最大値テキスト">
          <a:extLst>
            <a:ext uri="{FF2B5EF4-FFF2-40B4-BE49-F238E27FC236}">
              <a16:creationId xmlns:a16="http://schemas.microsoft.com/office/drawing/2014/main" id="{6113978E-CD47-47A2-BB45-6E558C05CD7F}"/>
            </a:ext>
          </a:extLst>
        </xdr:cNvPr>
        <xdr:cNvSpPr txBox="1"/>
      </xdr:nvSpPr>
      <xdr:spPr>
        <a:xfrm>
          <a:off x="22199600" y="571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4</xdr:row>
      <xdr:rowOff>114300</xdr:rowOff>
    </xdr:from>
    <xdr:to>
      <xdr:col>116</xdr:col>
      <xdr:colOff>152400</xdr:colOff>
      <xdr:row>34</xdr:row>
      <xdr:rowOff>114300</xdr:rowOff>
    </xdr:to>
    <xdr:cxnSp macro="">
      <xdr:nvCxnSpPr>
        <xdr:cNvPr id="477" name="直線コネクタ 476">
          <a:extLst>
            <a:ext uri="{FF2B5EF4-FFF2-40B4-BE49-F238E27FC236}">
              <a16:creationId xmlns:a16="http://schemas.microsoft.com/office/drawing/2014/main" id="{C903454E-6705-4486-A6D3-739B7F55DB70}"/>
            </a:ext>
          </a:extLst>
        </xdr:cNvPr>
        <xdr:cNvCxnSpPr/>
      </xdr:nvCxnSpPr>
      <xdr:spPr>
        <a:xfrm>
          <a:off x="22072600" y="5943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52087</xdr:rowOff>
    </xdr:from>
    <xdr:ext cx="469744" cy="259045"/>
    <xdr:sp macro="" textlink="">
      <xdr:nvSpPr>
        <xdr:cNvPr id="478" name="【認定こども園・幼稚園・保育所】&#10;一人当たり面積平均値テキスト">
          <a:extLst>
            <a:ext uri="{FF2B5EF4-FFF2-40B4-BE49-F238E27FC236}">
              <a16:creationId xmlns:a16="http://schemas.microsoft.com/office/drawing/2014/main" id="{CACE4256-4B7C-4ADC-8CF7-E5066FE3A412}"/>
            </a:ext>
          </a:extLst>
        </xdr:cNvPr>
        <xdr:cNvSpPr txBox="1"/>
      </xdr:nvSpPr>
      <xdr:spPr>
        <a:xfrm>
          <a:off x="22199600" y="65671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29210</xdr:rowOff>
    </xdr:from>
    <xdr:to>
      <xdr:col>116</xdr:col>
      <xdr:colOff>114300</xdr:colOff>
      <xdr:row>39</xdr:row>
      <xdr:rowOff>130810</xdr:rowOff>
    </xdr:to>
    <xdr:sp macro="" textlink="">
      <xdr:nvSpPr>
        <xdr:cNvPr id="479" name="フローチャート: 判断 478">
          <a:extLst>
            <a:ext uri="{FF2B5EF4-FFF2-40B4-BE49-F238E27FC236}">
              <a16:creationId xmlns:a16="http://schemas.microsoft.com/office/drawing/2014/main" id="{8FAF45A0-63DC-4424-94B7-3307398FDAD1}"/>
            </a:ext>
          </a:extLst>
        </xdr:cNvPr>
        <xdr:cNvSpPr/>
      </xdr:nvSpPr>
      <xdr:spPr>
        <a:xfrm>
          <a:off x="22110700" y="6715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52070</xdr:rowOff>
    </xdr:from>
    <xdr:to>
      <xdr:col>112</xdr:col>
      <xdr:colOff>38100</xdr:colOff>
      <xdr:row>39</xdr:row>
      <xdr:rowOff>153670</xdr:rowOff>
    </xdr:to>
    <xdr:sp macro="" textlink="">
      <xdr:nvSpPr>
        <xdr:cNvPr id="480" name="フローチャート: 判断 479">
          <a:extLst>
            <a:ext uri="{FF2B5EF4-FFF2-40B4-BE49-F238E27FC236}">
              <a16:creationId xmlns:a16="http://schemas.microsoft.com/office/drawing/2014/main" id="{288026F8-9180-4E35-9D0B-AB7989B4C2EE}"/>
            </a:ext>
          </a:extLst>
        </xdr:cNvPr>
        <xdr:cNvSpPr/>
      </xdr:nvSpPr>
      <xdr:spPr>
        <a:xfrm>
          <a:off x="21272500" y="673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44450</xdr:rowOff>
    </xdr:from>
    <xdr:to>
      <xdr:col>107</xdr:col>
      <xdr:colOff>101600</xdr:colOff>
      <xdr:row>39</xdr:row>
      <xdr:rowOff>146050</xdr:rowOff>
    </xdr:to>
    <xdr:sp macro="" textlink="">
      <xdr:nvSpPr>
        <xdr:cNvPr id="481" name="フローチャート: 判断 480">
          <a:extLst>
            <a:ext uri="{FF2B5EF4-FFF2-40B4-BE49-F238E27FC236}">
              <a16:creationId xmlns:a16="http://schemas.microsoft.com/office/drawing/2014/main" id="{7E018D53-5F28-4810-B7FF-482BE1845FA5}"/>
            </a:ext>
          </a:extLst>
        </xdr:cNvPr>
        <xdr:cNvSpPr/>
      </xdr:nvSpPr>
      <xdr:spPr>
        <a:xfrm>
          <a:off x="20383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36830</xdr:rowOff>
    </xdr:from>
    <xdr:to>
      <xdr:col>102</xdr:col>
      <xdr:colOff>165100</xdr:colOff>
      <xdr:row>39</xdr:row>
      <xdr:rowOff>138430</xdr:rowOff>
    </xdr:to>
    <xdr:sp macro="" textlink="">
      <xdr:nvSpPr>
        <xdr:cNvPr id="482" name="フローチャート: 判断 481">
          <a:extLst>
            <a:ext uri="{FF2B5EF4-FFF2-40B4-BE49-F238E27FC236}">
              <a16:creationId xmlns:a16="http://schemas.microsoft.com/office/drawing/2014/main" id="{8F061F19-1E9E-4B1F-88C0-9D33A4816DF1}"/>
            </a:ext>
          </a:extLst>
        </xdr:cNvPr>
        <xdr:cNvSpPr/>
      </xdr:nvSpPr>
      <xdr:spPr>
        <a:xfrm>
          <a:off x="19494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21590</xdr:rowOff>
    </xdr:from>
    <xdr:to>
      <xdr:col>98</xdr:col>
      <xdr:colOff>38100</xdr:colOff>
      <xdr:row>39</xdr:row>
      <xdr:rowOff>123190</xdr:rowOff>
    </xdr:to>
    <xdr:sp macro="" textlink="">
      <xdr:nvSpPr>
        <xdr:cNvPr id="483" name="フローチャート: 判断 482">
          <a:extLst>
            <a:ext uri="{FF2B5EF4-FFF2-40B4-BE49-F238E27FC236}">
              <a16:creationId xmlns:a16="http://schemas.microsoft.com/office/drawing/2014/main" id="{109F3DDA-F0EA-4C5B-9FEF-AA3D3A753716}"/>
            </a:ext>
          </a:extLst>
        </xdr:cNvPr>
        <xdr:cNvSpPr/>
      </xdr:nvSpPr>
      <xdr:spPr>
        <a:xfrm>
          <a:off x="18605500" y="6708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4" name="テキスト ボックス 483">
          <a:extLst>
            <a:ext uri="{FF2B5EF4-FFF2-40B4-BE49-F238E27FC236}">
              <a16:creationId xmlns:a16="http://schemas.microsoft.com/office/drawing/2014/main" id="{0B5160C3-239A-48E3-BEBC-360E7C67B7A1}"/>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id="{2EAF5B95-B8B0-4A61-8C58-C75002D96577}"/>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id="{D850B423-1AAE-4698-A9BE-BA5F638D06F4}"/>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id="{12398BE2-7E90-4583-9724-A864BAE32EAC}"/>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id="{5A5C576E-F7E4-4801-B5F5-8BDD702EB9B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71120</xdr:rowOff>
    </xdr:from>
    <xdr:to>
      <xdr:col>116</xdr:col>
      <xdr:colOff>114300</xdr:colOff>
      <xdr:row>41</xdr:row>
      <xdr:rowOff>1270</xdr:rowOff>
    </xdr:to>
    <xdr:sp macro="" textlink="">
      <xdr:nvSpPr>
        <xdr:cNvPr id="489" name="楕円 488">
          <a:extLst>
            <a:ext uri="{FF2B5EF4-FFF2-40B4-BE49-F238E27FC236}">
              <a16:creationId xmlns:a16="http://schemas.microsoft.com/office/drawing/2014/main" id="{63FEA1F1-8458-4415-AD2B-962F4FD07E9E}"/>
            </a:ext>
          </a:extLst>
        </xdr:cNvPr>
        <xdr:cNvSpPr/>
      </xdr:nvSpPr>
      <xdr:spPr>
        <a:xfrm>
          <a:off x="22110700" y="692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49547</xdr:rowOff>
    </xdr:from>
    <xdr:ext cx="469744" cy="259045"/>
    <xdr:sp macro="" textlink="">
      <xdr:nvSpPr>
        <xdr:cNvPr id="490" name="【認定こども園・幼稚園・保育所】&#10;一人当たり面積該当値テキスト">
          <a:extLst>
            <a:ext uri="{FF2B5EF4-FFF2-40B4-BE49-F238E27FC236}">
              <a16:creationId xmlns:a16="http://schemas.microsoft.com/office/drawing/2014/main" id="{84B86C09-1816-4259-AD1F-92C643F4DAA1}"/>
            </a:ext>
          </a:extLst>
        </xdr:cNvPr>
        <xdr:cNvSpPr txBox="1"/>
      </xdr:nvSpPr>
      <xdr:spPr>
        <a:xfrm>
          <a:off x="22199600" y="6907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86360</xdr:rowOff>
    </xdr:from>
    <xdr:to>
      <xdr:col>112</xdr:col>
      <xdr:colOff>38100</xdr:colOff>
      <xdr:row>41</xdr:row>
      <xdr:rowOff>16510</xdr:rowOff>
    </xdr:to>
    <xdr:sp macro="" textlink="">
      <xdr:nvSpPr>
        <xdr:cNvPr id="491" name="楕円 490">
          <a:extLst>
            <a:ext uri="{FF2B5EF4-FFF2-40B4-BE49-F238E27FC236}">
              <a16:creationId xmlns:a16="http://schemas.microsoft.com/office/drawing/2014/main" id="{65FC7270-0EA5-474D-9B30-2B36E4114FCF}"/>
            </a:ext>
          </a:extLst>
        </xdr:cNvPr>
        <xdr:cNvSpPr/>
      </xdr:nvSpPr>
      <xdr:spPr>
        <a:xfrm>
          <a:off x="21272500" y="694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21920</xdr:rowOff>
    </xdr:from>
    <xdr:to>
      <xdr:col>116</xdr:col>
      <xdr:colOff>63500</xdr:colOff>
      <xdr:row>40</xdr:row>
      <xdr:rowOff>137160</xdr:rowOff>
    </xdr:to>
    <xdr:cxnSp macro="">
      <xdr:nvCxnSpPr>
        <xdr:cNvPr id="492" name="直線コネクタ 491">
          <a:extLst>
            <a:ext uri="{FF2B5EF4-FFF2-40B4-BE49-F238E27FC236}">
              <a16:creationId xmlns:a16="http://schemas.microsoft.com/office/drawing/2014/main" id="{0FA83CDF-1797-4517-8E53-D29B93352CCE}"/>
            </a:ext>
          </a:extLst>
        </xdr:cNvPr>
        <xdr:cNvCxnSpPr/>
      </xdr:nvCxnSpPr>
      <xdr:spPr>
        <a:xfrm flipV="1">
          <a:off x="21323300" y="697992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6360</xdr:rowOff>
    </xdr:from>
    <xdr:to>
      <xdr:col>107</xdr:col>
      <xdr:colOff>101600</xdr:colOff>
      <xdr:row>41</xdr:row>
      <xdr:rowOff>16510</xdr:rowOff>
    </xdr:to>
    <xdr:sp macro="" textlink="">
      <xdr:nvSpPr>
        <xdr:cNvPr id="493" name="楕円 492">
          <a:extLst>
            <a:ext uri="{FF2B5EF4-FFF2-40B4-BE49-F238E27FC236}">
              <a16:creationId xmlns:a16="http://schemas.microsoft.com/office/drawing/2014/main" id="{7A2BAA50-D6E2-44E6-B1D6-7504E0AE2CC5}"/>
            </a:ext>
          </a:extLst>
        </xdr:cNvPr>
        <xdr:cNvSpPr/>
      </xdr:nvSpPr>
      <xdr:spPr>
        <a:xfrm>
          <a:off x="20383500" y="694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37160</xdr:rowOff>
    </xdr:from>
    <xdr:to>
      <xdr:col>111</xdr:col>
      <xdr:colOff>177800</xdr:colOff>
      <xdr:row>40</xdr:row>
      <xdr:rowOff>137160</xdr:rowOff>
    </xdr:to>
    <xdr:cxnSp macro="">
      <xdr:nvCxnSpPr>
        <xdr:cNvPr id="494" name="直線コネクタ 493">
          <a:extLst>
            <a:ext uri="{FF2B5EF4-FFF2-40B4-BE49-F238E27FC236}">
              <a16:creationId xmlns:a16="http://schemas.microsoft.com/office/drawing/2014/main" id="{97EEC7D5-44B2-4268-AF03-E99C44A3E681}"/>
            </a:ext>
          </a:extLst>
        </xdr:cNvPr>
        <xdr:cNvCxnSpPr/>
      </xdr:nvCxnSpPr>
      <xdr:spPr>
        <a:xfrm>
          <a:off x="20434300" y="69951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48260</xdr:rowOff>
    </xdr:from>
    <xdr:to>
      <xdr:col>102</xdr:col>
      <xdr:colOff>165100</xdr:colOff>
      <xdr:row>40</xdr:row>
      <xdr:rowOff>149860</xdr:rowOff>
    </xdr:to>
    <xdr:sp macro="" textlink="">
      <xdr:nvSpPr>
        <xdr:cNvPr id="495" name="楕円 494">
          <a:extLst>
            <a:ext uri="{FF2B5EF4-FFF2-40B4-BE49-F238E27FC236}">
              <a16:creationId xmlns:a16="http://schemas.microsoft.com/office/drawing/2014/main" id="{C9D7B984-5D3E-4356-BF2C-72FDC61B8956}"/>
            </a:ext>
          </a:extLst>
        </xdr:cNvPr>
        <xdr:cNvSpPr/>
      </xdr:nvSpPr>
      <xdr:spPr>
        <a:xfrm>
          <a:off x="19494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99060</xdr:rowOff>
    </xdr:from>
    <xdr:to>
      <xdr:col>107</xdr:col>
      <xdr:colOff>50800</xdr:colOff>
      <xdr:row>40</xdr:row>
      <xdr:rowOff>137160</xdr:rowOff>
    </xdr:to>
    <xdr:cxnSp macro="">
      <xdr:nvCxnSpPr>
        <xdr:cNvPr id="496" name="直線コネクタ 495">
          <a:extLst>
            <a:ext uri="{FF2B5EF4-FFF2-40B4-BE49-F238E27FC236}">
              <a16:creationId xmlns:a16="http://schemas.microsoft.com/office/drawing/2014/main" id="{4188274B-7246-4665-9549-594492C99B98}"/>
            </a:ext>
          </a:extLst>
        </xdr:cNvPr>
        <xdr:cNvCxnSpPr/>
      </xdr:nvCxnSpPr>
      <xdr:spPr>
        <a:xfrm>
          <a:off x="19545300" y="69570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48260</xdr:rowOff>
    </xdr:from>
    <xdr:to>
      <xdr:col>98</xdr:col>
      <xdr:colOff>38100</xdr:colOff>
      <xdr:row>40</xdr:row>
      <xdr:rowOff>149860</xdr:rowOff>
    </xdr:to>
    <xdr:sp macro="" textlink="">
      <xdr:nvSpPr>
        <xdr:cNvPr id="497" name="楕円 496">
          <a:extLst>
            <a:ext uri="{FF2B5EF4-FFF2-40B4-BE49-F238E27FC236}">
              <a16:creationId xmlns:a16="http://schemas.microsoft.com/office/drawing/2014/main" id="{CD79951C-DBA0-47A5-BBC9-A29A97D789F9}"/>
            </a:ext>
          </a:extLst>
        </xdr:cNvPr>
        <xdr:cNvSpPr/>
      </xdr:nvSpPr>
      <xdr:spPr>
        <a:xfrm>
          <a:off x="18605500" y="690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99060</xdr:rowOff>
    </xdr:from>
    <xdr:to>
      <xdr:col>102</xdr:col>
      <xdr:colOff>114300</xdr:colOff>
      <xdr:row>40</xdr:row>
      <xdr:rowOff>99060</xdr:rowOff>
    </xdr:to>
    <xdr:cxnSp macro="">
      <xdr:nvCxnSpPr>
        <xdr:cNvPr id="498" name="直線コネクタ 497">
          <a:extLst>
            <a:ext uri="{FF2B5EF4-FFF2-40B4-BE49-F238E27FC236}">
              <a16:creationId xmlns:a16="http://schemas.microsoft.com/office/drawing/2014/main" id="{E35D0281-4CDF-42E7-B7FC-34877423845A}"/>
            </a:ext>
          </a:extLst>
        </xdr:cNvPr>
        <xdr:cNvCxnSpPr/>
      </xdr:nvCxnSpPr>
      <xdr:spPr>
        <a:xfrm>
          <a:off x="18656300" y="6957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7</xdr:row>
      <xdr:rowOff>170197</xdr:rowOff>
    </xdr:from>
    <xdr:ext cx="469744" cy="259045"/>
    <xdr:sp macro="" textlink="">
      <xdr:nvSpPr>
        <xdr:cNvPr id="499" name="n_1aveValue【認定こども園・幼稚園・保育所】&#10;一人当たり面積">
          <a:extLst>
            <a:ext uri="{FF2B5EF4-FFF2-40B4-BE49-F238E27FC236}">
              <a16:creationId xmlns:a16="http://schemas.microsoft.com/office/drawing/2014/main" id="{A0AC04BA-C251-4802-8094-B571614BDBE8}"/>
            </a:ext>
          </a:extLst>
        </xdr:cNvPr>
        <xdr:cNvSpPr txBox="1"/>
      </xdr:nvSpPr>
      <xdr:spPr>
        <a:xfrm>
          <a:off x="21075727" y="6513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7</xdr:row>
      <xdr:rowOff>162577</xdr:rowOff>
    </xdr:from>
    <xdr:ext cx="469744" cy="259045"/>
    <xdr:sp macro="" textlink="">
      <xdr:nvSpPr>
        <xdr:cNvPr id="500" name="n_2aveValue【認定こども園・幼稚園・保育所】&#10;一人当たり面積">
          <a:extLst>
            <a:ext uri="{FF2B5EF4-FFF2-40B4-BE49-F238E27FC236}">
              <a16:creationId xmlns:a16="http://schemas.microsoft.com/office/drawing/2014/main" id="{BFA4FAF7-5DF0-4E57-BCF2-DE957CE631E8}"/>
            </a:ext>
          </a:extLst>
        </xdr:cNvPr>
        <xdr:cNvSpPr txBox="1"/>
      </xdr:nvSpPr>
      <xdr:spPr>
        <a:xfrm>
          <a:off x="20199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54957</xdr:rowOff>
    </xdr:from>
    <xdr:ext cx="469744" cy="259045"/>
    <xdr:sp macro="" textlink="">
      <xdr:nvSpPr>
        <xdr:cNvPr id="501" name="n_3aveValue【認定こども園・幼稚園・保育所】&#10;一人当たり面積">
          <a:extLst>
            <a:ext uri="{FF2B5EF4-FFF2-40B4-BE49-F238E27FC236}">
              <a16:creationId xmlns:a16="http://schemas.microsoft.com/office/drawing/2014/main" id="{CBA27B22-D4B0-476A-8FD3-E9266D1FA57F}"/>
            </a:ext>
          </a:extLst>
        </xdr:cNvPr>
        <xdr:cNvSpPr txBox="1"/>
      </xdr:nvSpPr>
      <xdr:spPr>
        <a:xfrm>
          <a:off x="19310427" y="649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7</xdr:row>
      <xdr:rowOff>139717</xdr:rowOff>
    </xdr:from>
    <xdr:ext cx="469744" cy="259045"/>
    <xdr:sp macro="" textlink="">
      <xdr:nvSpPr>
        <xdr:cNvPr id="502" name="n_4aveValue【認定こども園・幼稚園・保育所】&#10;一人当たり面積">
          <a:extLst>
            <a:ext uri="{FF2B5EF4-FFF2-40B4-BE49-F238E27FC236}">
              <a16:creationId xmlns:a16="http://schemas.microsoft.com/office/drawing/2014/main" id="{F55BD740-D60F-47D6-89AA-BF5CD5B1F9FB}"/>
            </a:ext>
          </a:extLst>
        </xdr:cNvPr>
        <xdr:cNvSpPr txBox="1"/>
      </xdr:nvSpPr>
      <xdr:spPr>
        <a:xfrm>
          <a:off x="18421427" y="64833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7637</xdr:rowOff>
    </xdr:from>
    <xdr:ext cx="469744" cy="259045"/>
    <xdr:sp macro="" textlink="">
      <xdr:nvSpPr>
        <xdr:cNvPr id="503" name="n_1mainValue【認定こども園・幼稚園・保育所】&#10;一人当たり面積">
          <a:extLst>
            <a:ext uri="{FF2B5EF4-FFF2-40B4-BE49-F238E27FC236}">
              <a16:creationId xmlns:a16="http://schemas.microsoft.com/office/drawing/2014/main" id="{36CCB4D2-E1AE-465B-A437-1C86B078C940}"/>
            </a:ext>
          </a:extLst>
        </xdr:cNvPr>
        <xdr:cNvSpPr txBox="1"/>
      </xdr:nvSpPr>
      <xdr:spPr>
        <a:xfrm>
          <a:off x="21075727" y="7037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7637</xdr:rowOff>
    </xdr:from>
    <xdr:ext cx="469744" cy="259045"/>
    <xdr:sp macro="" textlink="">
      <xdr:nvSpPr>
        <xdr:cNvPr id="504" name="n_2mainValue【認定こども園・幼稚園・保育所】&#10;一人当たり面積">
          <a:extLst>
            <a:ext uri="{FF2B5EF4-FFF2-40B4-BE49-F238E27FC236}">
              <a16:creationId xmlns:a16="http://schemas.microsoft.com/office/drawing/2014/main" id="{4E7CD886-EA15-46C9-BDE0-FA20D49B0189}"/>
            </a:ext>
          </a:extLst>
        </xdr:cNvPr>
        <xdr:cNvSpPr txBox="1"/>
      </xdr:nvSpPr>
      <xdr:spPr>
        <a:xfrm>
          <a:off x="20199427" y="70370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140987</xdr:rowOff>
    </xdr:from>
    <xdr:ext cx="469744" cy="259045"/>
    <xdr:sp macro="" textlink="">
      <xdr:nvSpPr>
        <xdr:cNvPr id="505" name="n_3mainValue【認定こども園・幼稚園・保育所】&#10;一人当たり面積">
          <a:extLst>
            <a:ext uri="{FF2B5EF4-FFF2-40B4-BE49-F238E27FC236}">
              <a16:creationId xmlns:a16="http://schemas.microsoft.com/office/drawing/2014/main" id="{7D472C9B-49FF-4E57-8BDB-3560728CB363}"/>
            </a:ext>
          </a:extLst>
        </xdr:cNvPr>
        <xdr:cNvSpPr txBox="1"/>
      </xdr:nvSpPr>
      <xdr:spPr>
        <a:xfrm>
          <a:off x="19310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0</xdr:row>
      <xdr:rowOff>140987</xdr:rowOff>
    </xdr:from>
    <xdr:ext cx="469744" cy="259045"/>
    <xdr:sp macro="" textlink="">
      <xdr:nvSpPr>
        <xdr:cNvPr id="506" name="n_4mainValue【認定こども園・幼稚園・保育所】&#10;一人当たり面積">
          <a:extLst>
            <a:ext uri="{FF2B5EF4-FFF2-40B4-BE49-F238E27FC236}">
              <a16:creationId xmlns:a16="http://schemas.microsoft.com/office/drawing/2014/main" id="{5D3BEB7E-B74B-4925-8727-8D061A729FEE}"/>
            </a:ext>
          </a:extLst>
        </xdr:cNvPr>
        <xdr:cNvSpPr txBox="1"/>
      </xdr:nvSpPr>
      <xdr:spPr>
        <a:xfrm>
          <a:off x="18421427" y="6998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7" name="正方形/長方形 506">
          <a:extLst>
            <a:ext uri="{FF2B5EF4-FFF2-40B4-BE49-F238E27FC236}">
              <a16:creationId xmlns:a16="http://schemas.microsoft.com/office/drawing/2014/main" id="{423156B7-A58F-4485-B3F3-F325391B2624}"/>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8" name="正方形/長方形 507">
          <a:extLst>
            <a:ext uri="{FF2B5EF4-FFF2-40B4-BE49-F238E27FC236}">
              <a16:creationId xmlns:a16="http://schemas.microsoft.com/office/drawing/2014/main" id="{47A4591C-BE9D-44BF-B52A-A8DF09378E5D}"/>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09" name="正方形/長方形 508">
          <a:extLst>
            <a:ext uri="{FF2B5EF4-FFF2-40B4-BE49-F238E27FC236}">
              <a16:creationId xmlns:a16="http://schemas.microsoft.com/office/drawing/2014/main" id="{E1F89413-46B7-481D-8491-715DA0807CE7}"/>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0" name="正方形/長方形 509">
          <a:extLst>
            <a:ext uri="{FF2B5EF4-FFF2-40B4-BE49-F238E27FC236}">
              <a16:creationId xmlns:a16="http://schemas.microsoft.com/office/drawing/2014/main" id="{62DFF477-7A64-4A7F-A917-F018B6495378}"/>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1" name="正方形/長方形 510">
          <a:extLst>
            <a:ext uri="{FF2B5EF4-FFF2-40B4-BE49-F238E27FC236}">
              <a16:creationId xmlns:a16="http://schemas.microsoft.com/office/drawing/2014/main" id="{5E68DDF6-F57D-4790-8F9E-DB6E279750EB}"/>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2" name="正方形/長方形 511">
          <a:extLst>
            <a:ext uri="{FF2B5EF4-FFF2-40B4-BE49-F238E27FC236}">
              <a16:creationId xmlns:a16="http://schemas.microsoft.com/office/drawing/2014/main" id="{8E902125-2C68-4EA3-921A-6E38FA754452}"/>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3" name="正方形/長方形 512">
          <a:extLst>
            <a:ext uri="{FF2B5EF4-FFF2-40B4-BE49-F238E27FC236}">
              <a16:creationId xmlns:a16="http://schemas.microsoft.com/office/drawing/2014/main" id="{5C92EF97-9C09-4C9E-B2CE-B1554DC59B28}"/>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4" name="正方形/長方形 513">
          <a:extLst>
            <a:ext uri="{FF2B5EF4-FFF2-40B4-BE49-F238E27FC236}">
              <a16:creationId xmlns:a16="http://schemas.microsoft.com/office/drawing/2014/main" id="{7F2856C3-B817-4AA3-A7FC-1751D0EDD897}"/>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5" name="テキスト ボックス 514">
          <a:extLst>
            <a:ext uri="{FF2B5EF4-FFF2-40B4-BE49-F238E27FC236}">
              <a16:creationId xmlns:a16="http://schemas.microsoft.com/office/drawing/2014/main" id="{BC26D675-0808-4B54-8EEB-5EA6B690A97E}"/>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6" name="直線コネクタ 515">
          <a:extLst>
            <a:ext uri="{FF2B5EF4-FFF2-40B4-BE49-F238E27FC236}">
              <a16:creationId xmlns:a16="http://schemas.microsoft.com/office/drawing/2014/main" id="{ED88F5C7-6CCD-4A3E-B562-EAB197CAE5EA}"/>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7" name="テキスト ボックス 516">
          <a:extLst>
            <a:ext uri="{FF2B5EF4-FFF2-40B4-BE49-F238E27FC236}">
              <a16:creationId xmlns:a16="http://schemas.microsoft.com/office/drawing/2014/main" id="{2BD4FC41-4ADE-4571-9884-D967B26D2BDC}"/>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0</xdr:rowOff>
    </xdr:from>
    <xdr:to>
      <xdr:col>89</xdr:col>
      <xdr:colOff>177800</xdr:colOff>
      <xdr:row>64</xdr:row>
      <xdr:rowOff>0</xdr:rowOff>
    </xdr:to>
    <xdr:cxnSp macro="">
      <xdr:nvCxnSpPr>
        <xdr:cNvPr id="518" name="直線コネクタ 517">
          <a:extLst>
            <a:ext uri="{FF2B5EF4-FFF2-40B4-BE49-F238E27FC236}">
              <a16:creationId xmlns:a16="http://schemas.microsoft.com/office/drawing/2014/main" id="{34CCC8BF-0159-4921-95B2-943372F02CBA}"/>
            </a:ext>
          </a:extLst>
        </xdr:cNvPr>
        <xdr:cNvCxnSpPr/>
      </xdr:nvCxnSpPr>
      <xdr:spPr>
        <a:xfrm>
          <a:off x="12446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29227</xdr:rowOff>
    </xdr:from>
    <xdr:ext cx="403059" cy="259045"/>
    <xdr:sp macro="" textlink="">
      <xdr:nvSpPr>
        <xdr:cNvPr id="519" name="テキスト ボックス 518">
          <a:extLst>
            <a:ext uri="{FF2B5EF4-FFF2-40B4-BE49-F238E27FC236}">
              <a16:creationId xmlns:a16="http://schemas.microsoft.com/office/drawing/2014/main" id="{6F256369-F1A6-450A-BE4A-244B1FFB1540}"/>
            </a:ext>
          </a:extLst>
        </xdr:cNvPr>
        <xdr:cNvSpPr txBox="1"/>
      </xdr:nvSpPr>
      <xdr:spPr>
        <a:xfrm>
          <a:off x="12042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57150</xdr:rowOff>
    </xdr:from>
    <xdr:to>
      <xdr:col>89</xdr:col>
      <xdr:colOff>177800</xdr:colOff>
      <xdr:row>61</xdr:row>
      <xdr:rowOff>57150</xdr:rowOff>
    </xdr:to>
    <xdr:cxnSp macro="">
      <xdr:nvCxnSpPr>
        <xdr:cNvPr id="520" name="直線コネクタ 519">
          <a:extLst>
            <a:ext uri="{FF2B5EF4-FFF2-40B4-BE49-F238E27FC236}">
              <a16:creationId xmlns:a16="http://schemas.microsoft.com/office/drawing/2014/main" id="{AA2BF2C1-4FA6-4697-AECB-28C3DA5D1D69}"/>
            </a:ext>
          </a:extLst>
        </xdr:cNvPr>
        <xdr:cNvCxnSpPr/>
      </xdr:nvCxnSpPr>
      <xdr:spPr>
        <a:xfrm>
          <a:off x="12446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86377</xdr:rowOff>
    </xdr:from>
    <xdr:ext cx="403059" cy="259045"/>
    <xdr:sp macro="" textlink="">
      <xdr:nvSpPr>
        <xdr:cNvPr id="521" name="テキスト ボックス 520">
          <a:extLst>
            <a:ext uri="{FF2B5EF4-FFF2-40B4-BE49-F238E27FC236}">
              <a16:creationId xmlns:a16="http://schemas.microsoft.com/office/drawing/2014/main" id="{2E8CDA94-95E9-4ABA-81B9-C7DCAAB0A707}"/>
            </a:ext>
          </a:extLst>
        </xdr:cNvPr>
        <xdr:cNvSpPr txBox="1"/>
      </xdr:nvSpPr>
      <xdr:spPr>
        <a:xfrm>
          <a:off x="12042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8</xdr:row>
      <xdr:rowOff>114300</xdr:rowOff>
    </xdr:from>
    <xdr:to>
      <xdr:col>89</xdr:col>
      <xdr:colOff>177800</xdr:colOff>
      <xdr:row>58</xdr:row>
      <xdr:rowOff>114300</xdr:rowOff>
    </xdr:to>
    <xdr:cxnSp macro="">
      <xdr:nvCxnSpPr>
        <xdr:cNvPr id="522" name="直線コネクタ 521">
          <a:extLst>
            <a:ext uri="{FF2B5EF4-FFF2-40B4-BE49-F238E27FC236}">
              <a16:creationId xmlns:a16="http://schemas.microsoft.com/office/drawing/2014/main" id="{891CD1F2-54A0-492E-A88E-B72B705F1BA2}"/>
            </a:ext>
          </a:extLst>
        </xdr:cNvPr>
        <xdr:cNvCxnSpPr/>
      </xdr:nvCxnSpPr>
      <xdr:spPr>
        <a:xfrm>
          <a:off x="12446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7</xdr:row>
      <xdr:rowOff>143527</xdr:rowOff>
    </xdr:from>
    <xdr:ext cx="403059" cy="259045"/>
    <xdr:sp macro="" textlink="">
      <xdr:nvSpPr>
        <xdr:cNvPr id="523" name="テキスト ボックス 522">
          <a:extLst>
            <a:ext uri="{FF2B5EF4-FFF2-40B4-BE49-F238E27FC236}">
              <a16:creationId xmlns:a16="http://schemas.microsoft.com/office/drawing/2014/main" id="{57040C04-D2EE-462C-90E3-E664B6B680CA}"/>
            </a:ext>
          </a:extLst>
        </xdr:cNvPr>
        <xdr:cNvSpPr txBox="1"/>
      </xdr:nvSpPr>
      <xdr:spPr>
        <a:xfrm>
          <a:off x="12042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0</xdr:rowOff>
    </xdr:from>
    <xdr:to>
      <xdr:col>89</xdr:col>
      <xdr:colOff>177800</xdr:colOff>
      <xdr:row>56</xdr:row>
      <xdr:rowOff>0</xdr:rowOff>
    </xdr:to>
    <xdr:cxnSp macro="">
      <xdr:nvCxnSpPr>
        <xdr:cNvPr id="524" name="直線コネクタ 523">
          <a:extLst>
            <a:ext uri="{FF2B5EF4-FFF2-40B4-BE49-F238E27FC236}">
              <a16:creationId xmlns:a16="http://schemas.microsoft.com/office/drawing/2014/main" id="{A9694C43-D86A-4AD9-873B-CAC0A8C46169}"/>
            </a:ext>
          </a:extLst>
        </xdr:cNvPr>
        <xdr:cNvCxnSpPr/>
      </xdr:nvCxnSpPr>
      <xdr:spPr>
        <a:xfrm>
          <a:off x="12446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29227</xdr:rowOff>
    </xdr:from>
    <xdr:ext cx="403059" cy="259045"/>
    <xdr:sp macro="" textlink="">
      <xdr:nvSpPr>
        <xdr:cNvPr id="525" name="テキスト ボックス 524">
          <a:extLst>
            <a:ext uri="{FF2B5EF4-FFF2-40B4-BE49-F238E27FC236}">
              <a16:creationId xmlns:a16="http://schemas.microsoft.com/office/drawing/2014/main" id="{C07AC9B4-B01E-4645-8C47-AE8C4A8E1A9C}"/>
            </a:ext>
          </a:extLst>
        </xdr:cNvPr>
        <xdr:cNvSpPr txBox="1"/>
      </xdr:nvSpPr>
      <xdr:spPr>
        <a:xfrm>
          <a:off x="12042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6" name="直線コネクタ 525">
          <a:extLst>
            <a:ext uri="{FF2B5EF4-FFF2-40B4-BE49-F238E27FC236}">
              <a16:creationId xmlns:a16="http://schemas.microsoft.com/office/drawing/2014/main" id="{34B06F1C-49B2-46E0-855D-68A0EF7372A8}"/>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27" name="テキスト ボックス 526">
          <a:extLst>
            <a:ext uri="{FF2B5EF4-FFF2-40B4-BE49-F238E27FC236}">
              <a16:creationId xmlns:a16="http://schemas.microsoft.com/office/drawing/2014/main" id="{34D5071A-5265-4C87-B091-4C10CE3A562E}"/>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28" name="【学校施設】&#10;有形固定資産減価償却率グラフ枠">
          <a:extLst>
            <a:ext uri="{FF2B5EF4-FFF2-40B4-BE49-F238E27FC236}">
              <a16:creationId xmlns:a16="http://schemas.microsoft.com/office/drawing/2014/main" id="{60476CB4-F747-4F4F-BA2F-09A3DC95E1BB}"/>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7</xdr:row>
      <xdr:rowOff>146304</xdr:rowOff>
    </xdr:from>
    <xdr:to>
      <xdr:col>85</xdr:col>
      <xdr:colOff>126364</xdr:colOff>
      <xdr:row>64</xdr:row>
      <xdr:rowOff>89154</xdr:rowOff>
    </xdr:to>
    <xdr:cxnSp macro="">
      <xdr:nvCxnSpPr>
        <xdr:cNvPr id="529" name="直線コネクタ 528">
          <a:extLst>
            <a:ext uri="{FF2B5EF4-FFF2-40B4-BE49-F238E27FC236}">
              <a16:creationId xmlns:a16="http://schemas.microsoft.com/office/drawing/2014/main" id="{30C3DEDE-C5D5-4BED-9388-DA2BD4410AD7}"/>
            </a:ext>
          </a:extLst>
        </xdr:cNvPr>
        <xdr:cNvCxnSpPr/>
      </xdr:nvCxnSpPr>
      <xdr:spPr>
        <a:xfrm flipV="1">
          <a:off x="16318864" y="9918954"/>
          <a:ext cx="0" cy="1143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92981</xdr:rowOff>
    </xdr:from>
    <xdr:ext cx="405111" cy="259045"/>
    <xdr:sp macro="" textlink="">
      <xdr:nvSpPr>
        <xdr:cNvPr id="530" name="【学校施設】&#10;有形固定資産減価償却率最小値テキスト">
          <a:extLst>
            <a:ext uri="{FF2B5EF4-FFF2-40B4-BE49-F238E27FC236}">
              <a16:creationId xmlns:a16="http://schemas.microsoft.com/office/drawing/2014/main" id="{37D9937E-39D8-42C1-93C1-D31E0E704D8E}"/>
            </a:ext>
          </a:extLst>
        </xdr:cNvPr>
        <xdr:cNvSpPr txBox="1"/>
      </xdr:nvSpPr>
      <xdr:spPr>
        <a:xfrm>
          <a:off x="16357600" y="11065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89154</xdr:rowOff>
    </xdr:from>
    <xdr:to>
      <xdr:col>86</xdr:col>
      <xdr:colOff>25400</xdr:colOff>
      <xdr:row>64</xdr:row>
      <xdr:rowOff>89154</xdr:rowOff>
    </xdr:to>
    <xdr:cxnSp macro="">
      <xdr:nvCxnSpPr>
        <xdr:cNvPr id="531" name="直線コネクタ 530">
          <a:extLst>
            <a:ext uri="{FF2B5EF4-FFF2-40B4-BE49-F238E27FC236}">
              <a16:creationId xmlns:a16="http://schemas.microsoft.com/office/drawing/2014/main" id="{8003819C-0A87-432E-861D-5A0D67699B26}"/>
            </a:ext>
          </a:extLst>
        </xdr:cNvPr>
        <xdr:cNvCxnSpPr/>
      </xdr:nvCxnSpPr>
      <xdr:spPr>
        <a:xfrm>
          <a:off x="16230600" y="11061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6</xdr:row>
      <xdr:rowOff>92981</xdr:rowOff>
    </xdr:from>
    <xdr:ext cx="405111" cy="259045"/>
    <xdr:sp macro="" textlink="">
      <xdr:nvSpPr>
        <xdr:cNvPr id="532" name="【学校施設】&#10;有形固定資産減価償却率最大値テキスト">
          <a:extLst>
            <a:ext uri="{FF2B5EF4-FFF2-40B4-BE49-F238E27FC236}">
              <a16:creationId xmlns:a16="http://schemas.microsoft.com/office/drawing/2014/main" id="{6D5CFED3-C69B-4176-BB79-4B87C41D54B9}"/>
            </a:ext>
          </a:extLst>
        </xdr:cNvPr>
        <xdr:cNvSpPr txBox="1"/>
      </xdr:nvSpPr>
      <xdr:spPr>
        <a:xfrm>
          <a:off x="16357600" y="96941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146304</xdr:rowOff>
    </xdr:from>
    <xdr:to>
      <xdr:col>86</xdr:col>
      <xdr:colOff>25400</xdr:colOff>
      <xdr:row>57</xdr:row>
      <xdr:rowOff>146304</xdr:rowOff>
    </xdr:to>
    <xdr:cxnSp macro="">
      <xdr:nvCxnSpPr>
        <xdr:cNvPr id="533" name="直線コネクタ 532">
          <a:extLst>
            <a:ext uri="{FF2B5EF4-FFF2-40B4-BE49-F238E27FC236}">
              <a16:creationId xmlns:a16="http://schemas.microsoft.com/office/drawing/2014/main" id="{3B043871-A0FD-4DBE-89A4-73E2387A8B6C}"/>
            </a:ext>
          </a:extLst>
        </xdr:cNvPr>
        <xdr:cNvCxnSpPr/>
      </xdr:nvCxnSpPr>
      <xdr:spPr>
        <a:xfrm>
          <a:off x="16230600" y="99189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0</xdr:row>
      <xdr:rowOff>127525</xdr:rowOff>
    </xdr:from>
    <xdr:ext cx="405111" cy="259045"/>
    <xdr:sp macro="" textlink="">
      <xdr:nvSpPr>
        <xdr:cNvPr id="534" name="【学校施設】&#10;有形固定資産減価償却率平均値テキスト">
          <a:extLst>
            <a:ext uri="{FF2B5EF4-FFF2-40B4-BE49-F238E27FC236}">
              <a16:creationId xmlns:a16="http://schemas.microsoft.com/office/drawing/2014/main" id="{FF774C4C-2348-43E4-AEB1-2F4FAABB9267}"/>
            </a:ext>
          </a:extLst>
        </xdr:cNvPr>
        <xdr:cNvSpPr txBox="1"/>
      </xdr:nvSpPr>
      <xdr:spPr>
        <a:xfrm>
          <a:off x="16357600" y="104145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1</xdr:row>
      <xdr:rowOff>104648</xdr:rowOff>
    </xdr:from>
    <xdr:to>
      <xdr:col>85</xdr:col>
      <xdr:colOff>177800</xdr:colOff>
      <xdr:row>62</xdr:row>
      <xdr:rowOff>34798</xdr:rowOff>
    </xdr:to>
    <xdr:sp macro="" textlink="">
      <xdr:nvSpPr>
        <xdr:cNvPr id="535" name="フローチャート: 判断 534">
          <a:extLst>
            <a:ext uri="{FF2B5EF4-FFF2-40B4-BE49-F238E27FC236}">
              <a16:creationId xmlns:a16="http://schemas.microsoft.com/office/drawing/2014/main" id="{7EF7384D-DC75-4C35-9881-201F1327976E}"/>
            </a:ext>
          </a:extLst>
        </xdr:cNvPr>
        <xdr:cNvSpPr/>
      </xdr:nvSpPr>
      <xdr:spPr>
        <a:xfrm>
          <a:off x="16268700" y="10563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1</xdr:row>
      <xdr:rowOff>154940</xdr:rowOff>
    </xdr:from>
    <xdr:to>
      <xdr:col>81</xdr:col>
      <xdr:colOff>101600</xdr:colOff>
      <xdr:row>62</xdr:row>
      <xdr:rowOff>85090</xdr:rowOff>
    </xdr:to>
    <xdr:sp macro="" textlink="">
      <xdr:nvSpPr>
        <xdr:cNvPr id="536" name="フローチャート: 判断 535">
          <a:extLst>
            <a:ext uri="{FF2B5EF4-FFF2-40B4-BE49-F238E27FC236}">
              <a16:creationId xmlns:a16="http://schemas.microsoft.com/office/drawing/2014/main" id="{41418E39-C387-407D-B785-0B227883AE69}"/>
            </a:ext>
          </a:extLst>
        </xdr:cNvPr>
        <xdr:cNvSpPr/>
      </xdr:nvSpPr>
      <xdr:spPr>
        <a:xfrm>
          <a:off x="15430500" y="10613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2</xdr:row>
      <xdr:rowOff>15494</xdr:rowOff>
    </xdr:from>
    <xdr:to>
      <xdr:col>76</xdr:col>
      <xdr:colOff>165100</xdr:colOff>
      <xdr:row>62</xdr:row>
      <xdr:rowOff>117094</xdr:rowOff>
    </xdr:to>
    <xdr:sp macro="" textlink="">
      <xdr:nvSpPr>
        <xdr:cNvPr id="537" name="フローチャート: 判断 536">
          <a:extLst>
            <a:ext uri="{FF2B5EF4-FFF2-40B4-BE49-F238E27FC236}">
              <a16:creationId xmlns:a16="http://schemas.microsoft.com/office/drawing/2014/main" id="{6D83D228-0112-434B-A18E-2567788801CC}"/>
            </a:ext>
          </a:extLst>
        </xdr:cNvPr>
        <xdr:cNvSpPr/>
      </xdr:nvSpPr>
      <xdr:spPr>
        <a:xfrm>
          <a:off x="14541500" y="10645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2</xdr:row>
      <xdr:rowOff>17780</xdr:rowOff>
    </xdr:from>
    <xdr:to>
      <xdr:col>72</xdr:col>
      <xdr:colOff>38100</xdr:colOff>
      <xdr:row>62</xdr:row>
      <xdr:rowOff>119380</xdr:rowOff>
    </xdr:to>
    <xdr:sp macro="" textlink="">
      <xdr:nvSpPr>
        <xdr:cNvPr id="538" name="フローチャート: 判断 537">
          <a:extLst>
            <a:ext uri="{FF2B5EF4-FFF2-40B4-BE49-F238E27FC236}">
              <a16:creationId xmlns:a16="http://schemas.microsoft.com/office/drawing/2014/main" id="{C6AAE83E-54E8-47EF-8DA0-BB6F111F6874}"/>
            </a:ext>
          </a:extLst>
        </xdr:cNvPr>
        <xdr:cNvSpPr/>
      </xdr:nvSpPr>
      <xdr:spPr>
        <a:xfrm>
          <a:off x="136525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170942</xdr:rowOff>
    </xdr:from>
    <xdr:to>
      <xdr:col>67</xdr:col>
      <xdr:colOff>101600</xdr:colOff>
      <xdr:row>62</xdr:row>
      <xdr:rowOff>101092</xdr:rowOff>
    </xdr:to>
    <xdr:sp macro="" textlink="">
      <xdr:nvSpPr>
        <xdr:cNvPr id="539" name="フローチャート: 判断 538">
          <a:extLst>
            <a:ext uri="{FF2B5EF4-FFF2-40B4-BE49-F238E27FC236}">
              <a16:creationId xmlns:a16="http://schemas.microsoft.com/office/drawing/2014/main" id="{C942E934-79F1-4213-85BD-4877F3D5CE95}"/>
            </a:ext>
          </a:extLst>
        </xdr:cNvPr>
        <xdr:cNvSpPr/>
      </xdr:nvSpPr>
      <xdr:spPr>
        <a:xfrm>
          <a:off x="12763500" y="10629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0" name="テキスト ボックス 539">
          <a:extLst>
            <a:ext uri="{FF2B5EF4-FFF2-40B4-BE49-F238E27FC236}">
              <a16:creationId xmlns:a16="http://schemas.microsoft.com/office/drawing/2014/main" id="{7BC8BA39-A9E4-436D-86D1-A971B735726F}"/>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1" name="テキスト ボックス 540">
          <a:extLst>
            <a:ext uri="{FF2B5EF4-FFF2-40B4-BE49-F238E27FC236}">
              <a16:creationId xmlns:a16="http://schemas.microsoft.com/office/drawing/2014/main" id="{2FD30A99-E3CA-456C-B894-CD8A765AAF30}"/>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2" name="テキスト ボックス 541">
          <a:extLst>
            <a:ext uri="{FF2B5EF4-FFF2-40B4-BE49-F238E27FC236}">
              <a16:creationId xmlns:a16="http://schemas.microsoft.com/office/drawing/2014/main" id="{520BD044-8494-48D6-8022-DDA57D1A0B34}"/>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id="{B6CD6282-9A41-4C41-AE4A-9DF14DEB7DAA}"/>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id="{A4E2BBA2-9C29-4343-AF23-10CA297BEEF6}"/>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72644</xdr:rowOff>
    </xdr:from>
    <xdr:to>
      <xdr:col>85</xdr:col>
      <xdr:colOff>177800</xdr:colOff>
      <xdr:row>63</xdr:row>
      <xdr:rowOff>2794</xdr:rowOff>
    </xdr:to>
    <xdr:sp macro="" textlink="">
      <xdr:nvSpPr>
        <xdr:cNvPr id="545" name="楕円 544">
          <a:extLst>
            <a:ext uri="{FF2B5EF4-FFF2-40B4-BE49-F238E27FC236}">
              <a16:creationId xmlns:a16="http://schemas.microsoft.com/office/drawing/2014/main" id="{06D816B4-836F-4777-ADBD-88DB96722BE0}"/>
            </a:ext>
          </a:extLst>
        </xdr:cNvPr>
        <xdr:cNvSpPr/>
      </xdr:nvSpPr>
      <xdr:spPr>
        <a:xfrm>
          <a:off x="16268700" y="10702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51071</xdr:rowOff>
    </xdr:from>
    <xdr:ext cx="405111" cy="259045"/>
    <xdr:sp macro="" textlink="">
      <xdr:nvSpPr>
        <xdr:cNvPr id="546" name="【学校施設】&#10;有形固定資産減価償却率該当値テキスト">
          <a:extLst>
            <a:ext uri="{FF2B5EF4-FFF2-40B4-BE49-F238E27FC236}">
              <a16:creationId xmlns:a16="http://schemas.microsoft.com/office/drawing/2014/main" id="{9690EBE3-58FE-4F36-AA63-B84652BE71F4}"/>
            </a:ext>
          </a:extLst>
        </xdr:cNvPr>
        <xdr:cNvSpPr txBox="1"/>
      </xdr:nvSpPr>
      <xdr:spPr>
        <a:xfrm>
          <a:off x="16357600" y="106809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26924</xdr:rowOff>
    </xdr:from>
    <xdr:to>
      <xdr:col>81</xdr:col>
      <xdr:colOff>101600</xdr:colOff>
      <xdr:row>62</xdr:row>
      <xdr:rowOff>128524</xdr:rowOff>
    </xdr:to>
    <xdr:sp macro="" textlink="">
      <xdr:nvSpPr>
        <xdr:cNvPr id="547" name="楕円 546">
          <a:extLst>
            <a:ext uri="{FF2B5EF4-FFF2-40B4-BE49-F238E27FC236}">
              <a16:creationId xmlns:a16="http://schemas.microsoft.com/office/drawing/2014/main" id="{1CDDEC43-16DB-45E0-A3C0-7664387172C0}"/>
            </a:ext>
          </a:extLst>
        </xdr:cNvPr>
        <xdr:cNvSpPr/>
      </xdr:nvSpPr>
      <xdr:spPr>
        <a:xfrm>
          <a:off x="15430500" y="10656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77724</xdr:rowOff>
    </xdr:from>
    <xdr:to>
      <xdr:col>85</xdr:col>
      <xdr:colOff>127000</xdr:colOff>
      <xdr:row>62</xdr:row>
      <xdr:rowOff>123444</xdr:rowOff>
    </xdr:to>
    <xdr:cxnSp macro="">
      <xdr:nvCxnSpPr>
        <xdr:cNvPr id="548" name="直線コネクタ 547">
          <a:extLst>
            <a:ext uri="{FF2B5EF4-FFF2-40B4-BE49-F238E27FC236}">
              <a16:creationId xmlns:a16="http://schemas.microsoft.com/office/drawing/2014/main" id="{CA8F5E8D-61C6-4CA6-8380-10A3F15E4267}"/>
            </a:ext>
          </a:extLst>
        </xdr:cNvPr>
        <xdr:cNvCxnSpPr/>
      </xdr:nvCxnSpPr>
      <xdr:spPr>
        <a:xfrm>
          <a:off x="15481300" y="10707624"/>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1</xdr:row>
      <xdr:rowOff>159512</xdr:rowOff>
    </xdr:from>
    <xdr:to>
      <xdr:col>76</xdr:col>
      <xdr:colOff>165100</xdr:colOff>
      <xdr:row>62</xdr:row>
      <xdr:rowOff>89662</xdr:rowOff>
    </xdr:to>
    <xdr:sp macro="" textlink="">
      <xdr:nvSpPr>
        <xdr:cNvPr id="549" name="楕円 548">
          <a:extLst>
            <a:ext uri="{FF2B5EF4-FFF2-40B4-BE49-F238E27FC236}">
              <a16:creationId xmlns:a16="http://schemas.microsoft.com/office/drawing/2014/main" id="{5EE9AEC8-71A8-4FEE-9A98-E48F5A3C3379}"/>
            </a:ext>
          </a:extLst>
        </xdr:cNvPr>
        <xdr:cNvSpPr/>
      </xdr:nvSpPr>
      <xdr:spPr>
        <a:xfrm>
          <a:off x="14541500" y="106179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2</xdr:row>
      <xdr:rowOff>38862</xdr:rowOff>
    </xdr:from>
    <xdr:to>
      <xdr:col>81</xdr:col>
      <xdr:colOff>50800</xdr:colOff>
      <xdr:row>62</xdr:row>
      <xdr:rowOff>77724</xdr:rowOff>
    </xdr:to>
    <xdr:cxnSp macro="">
      <xdr:nvCxnSpPr>
        <xdr:cNvPr id="550" name="直線コネクタ 549">
          <a:extLst>
            <a:ext uri="{FF2B5EF4-FFF2-40B4-BE49-F238E27FC236}">
              <a16:creationId xmlns:a16="http://schemas.microsoft.com/office/drawing/2014/main" id="{2DF9EA42-F0FB-44A5-9819-89A5E47CEF53}"/>
            </a:ext>
          </a:extLst>
        </xdr:cNvPr>
        <xdr:cNvCxnSpPr/>
      </xdr:nvCxnSpPr>
      <xdr:spPr>
        <a:xfrm>
          <a:off x="14592300" y="10668762"/>
          <a:ext cx="889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88646</xdr:rowOff>
    </xdr:from>
    <xdr:to>
      <xdr:col>72</xdr:col>
      <xdr:colOff>38100</xdr:colOff>
      <xdr:row>63</xdr:row>
      <xdr:rowOff>18796</xdr:rowOff>
    </xdr:to>
    <xdr:sp macro="" textlink="">
      <xdr:nvSpPr>
        <xdr:cNvPr id="551" name="楕円 550">
          <a:extLst>
            <a:ext uri="{FF2B5EF4-FFF2-40B4-BE49-F238E27FC236}">
              <a16:creationId xmlns:a16="http://schemas.microsoft.com/office/drawing/2014/main" id="{5E27B758-BAE5-4373-A942-6AB33ECCD5C6}"/>
            </a:ext>
          </a:extLst>
        </xdr:cNvPr>
        <xdr:cNvSpPr/>
      </xdr:nvSpPr>
      <xdr:spPr>
        <a:xfrm>
          <a:off x="13652500" y="10718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2</xdr:row>
      <xdr:rowOff>38862</xdr:rowOff>
    </xdr:from>
    <xdr:to>
      <xdr:col>76</xdr:col>
      <xdr:colOff>114300</xdr:colOff>
      <xdr:row>62</xdr:row>
      <xdr:rowOff>139446</xdr:rowOff>
    </xdr:to>
    <xdr:cxnSp macro="">
      <xdr:nvCxnSpPr>
        <xdr:cNvPr id="552" name="直線コネクタ 551">
          <a:extLst>
            <a:ext uri="{FF2B5EF4-FFF2-40B4-BE49-F238E27FC236}">
              <a16:creationId xmlns:a16="http://schemas.microsoft.com/office/drawing/2014/main" id="{E356E4A8-0B8C-4CDA-AB49-9BE669EE2939}"/>
            </a:ext>
          </a:extLst>
        </xdr:cNvPr>
        <xdr:cNvCxnSpPr/>
      </xdr:nvCxnSpPr>
      <xdr:spPr>
        <a:xfrm flipV="1">
          <a:off x="13703300" y="10668762"/>
          <a:ext cx="889000" cy="100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2</xdr:row>
      <xdr:rowOff>52070</xdr:rowOff>
    </xdr:from>
    <xdr:to>
      <xdr:col>67</xdr:col>
      <xdr:colOff>101600</xdr:colOff>
      <xdr:row>62</xdr:row>
      <xdr:rowOff>153670</xdr:rowOff>
    </xdr:to>
    <xdr:sp macro="" textlink="">
      <xdr:nvSpPr>
        <xdr:cNvPr id="553" name="楕円 552">
          <a:extLst>
            <a:ext uri="{FF2B5EF4-FFF2-40B4-BE49-F238E27FC236}">
              <a16:creationId xmlns:a16="http://schemas.microsoft.com/office/drawing/2014/main" id="{5E4853ED-03D6-4F6A-BEA7-0AB8B62B1F23}"/>
            </a:ext>
          </a:extLst>
        </xdr:cNvPr>
        <xdr:cNvSpPr/>
      </xdr:nvSpPr>
      <xdr:spPr>
        <a:xfrm>
          <a:off x="12763500" y="10681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2</xdr:row>
      <xdr:rowOff>102870</xdr:rowOff>
    </xdr:from>
    <xdr:to>
      <xdr:col>71</xdr:col>
      <xdr:colOff>177800</xdr:colOff>
      <xdr:row>62</xdr:row>
      <xdr:rowOff>139446</xdr:rowOff>
    </xdr:to>
    <xdr:cxnSp macro="">
      <xdr:nvCxnSpPr>
        <xdr:cNvPr id="554" name="直線コネクタ 553">
          <a:extLst>
            <a:ext uri="{FF2B5EF4-FFF2-40B4-BE49-F238E27FC236}">
              <a16:creationId xmlns:a16="http://schemas.microsoft.com/office/drawing/2014/main" id="{4F93FB9F-2C86-44D1-9F3C-E1FDE1F629D5}"/>
            </a:ext>
          </a:extLst>
        </xdr:cNvPr>
        <xdr:cNvCxnSpPr/>
      </xdr:nvCxnSpPr>
      <xdr:spPr>
        <a:xfrm>
          <a:off x="12814300" y="10732770"/>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101617</xdr:rowOff>
    </xdr:from>
    <xdr:ext cx="405111" cy="259045"/>
    <xdr:sp macro="" textlink="">
      <xdr:nvSpPr>
        <xdr:cNvPr id="555" name="n_1aveValue【学校施設】&#10;有形固定資産減価償却率">
          <a:extLst>
            <a:ext uri="{FF2B5EF4-FFF2-40B4-BE49-F238E27FC236}">
              <a16:creationId xmlns:a16="http://schemas.microsoft.com/office/drawing/2014/main" id="{1A3DC781-092B-4496-88BA-16703A549684}"/>
            </a:ext>
          </a:extLst>
        </xdr:cNvPr>
        <xdr:cNvSpPr txBox="1"/>
      </xdr:nvSpPr>
      <xdr:spPr>
        <a:xfrm>
          <a:off x="15266044" y="10388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108221</xdr:rowOff>
    </xdr:from>
    <xdr:ext cx="405111" cy="259045"/>
    <xdr:sp macro="" textlink="">
      <xdr:nvSpPr>
        <xdr:cNvPr id="556" name="n_2aveValue【学校施設】&#10;有形固定資産減価償却率">
          <a:extLst>
            <a:ext uri="{FF2B5EF4-FFF2-40B4-BE49-F238E27FC236}">
              <a16:creationId xmlns:a16="http://schemas.microsoft.com/office/drawing/2014/main" id="{D81348F7-37E8-44CC-BBCA-A07B30A21986}"/>
            </a:ext>
          </a:extLst>
        </xdr:cNvPr>
        <xdr:cNvSpPr txBox="1"/>
      </xdr:nvSpPr>
      <xdr:spPr>
        <a:xfrm>
          <a:off x="14389744" y="107381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0</xdr:row>
      <xdr:rowOff>135907</xdr:rowOff>
    </xdr:from>
    <xdr:ext cx="405111" cy="259045"/>
    <xdr:sp macro="" textlink="">
      <xdr:nvSpPr>
        <xdr:cNvPr id="557" name="n_3aveValue【学校施設】&#10;有形固定資産減価償却率">
          <a:extLst>
            <a:ext uri="{FF2B5EF4-FFF2-40B4-BE49-F238E27FC236}">
              <a16:creationId xmlns:a16="http://schemas.microsoft.com/office/drawing/2014/main" id="{1E01E4C0-3D55-4295-8A78-DE549DB8A331}"/>
            </a:ext>
          </a:extLst>
        </xdr:cNvPr>
        <xdr:cNvSpPr txBox="1"/>
      </xdr:nvSpPr>
      <xdr:spPr>
        <a:xfrm>
          <a:off x="13500744" y="10422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0</xdr:row>
      <xdr:rowOff>117619</xdr:rowOff>
    </xdr:from>
    <xdr:ext cx="405111" cy="259045"/>
    <xdr:sp macro="" textlink="">
      <xdr:nvSpPr>
        <xdr:cNvPr id="558" name="n_4aveValue【学校施設】&#10;有形固定資産減価償却率">
          <a:extLst>
            <a:ext uri="{FF2B5EF4-FFF2-40B4-BE49-F238E27FC236}">
              <a16:creationId xmlns:a16="http://schemas.microsoft.com/office/drawing/2014/main" id="{D87F6650-0A89-462E-9D77-CF1ABA6B1BB4}"/>
            </a:ext>
          </a:extLst>
        </xdr:cNvPr>
        <xdr:cNvSpPr txBox="1"/>
      </xdr:nvSpPr>
      <xdr:spPr>
        <a:xfrm>
          <a:off x="12611744" y="104046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119651</xdr:rowOff>
    </xdr:from>
    <xdr:ext cx="405111" cy="259045"/>
    <xdr:sp macro="" textlink="">
      <xdr:nvSpPr>
        <xdr:cNvPr id="559" name="n_1mainValue【学校施設】&#10;有形固定資産減価償却率">
          <a:extLst>
            <a:ext uri="{FF2B5EF4-FFF2-40B4-BE49-F238E27FC236}">
              <a16:creationId xmlns:a16="http://schemas.microsoft.com/office/drawing/2014/main" id="{B366194C-A3CA-4C51-B050-BEB76B320BC1}"/>
            </a:ext>
          </a:extLst>
        </xdr:cNvPr>
        <xdr:cNvSpPr txBox="1"/>
      </xdr:nvSpPr>
      <xdr:spPr>
        <a:xfrm>
          <a:off x="15266044" y="107495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06189</xdr:rowOff>
    </xdr:from>
    <xdr:ext cx="405111" cy="259045"/>
    <xdr:sp macro="" textlink="">
      <xdr:nvSpPr>
        <xdr:cNvPr id="560" name="n_2mainValue【学校施設】&#10;有形固定資産減価償却率">
          <a:extLst>
            <a:ext uri="{FF2B5EF4-FFF2-40B4-BE49-F238E27FC236}">
              <a16:creationId xmlns:a16="http://schemas.microsoft.com/office/drawing/2014/main" id="{5ADC672B-B21D-40DE-B8DA-EEBA6157FB2E}"/>
            </a:ext>
          </a:extLst>
        </xdr:cNvPr>
        <xdr:cNvSpPr txBox="1"/>
      </xdr:nvSpPr>
      <xdr:spPr>
        <a:xfrm>
          <a:off x="14389744" y="10393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9923</xdr:rowOff>
    </xdr:from>
    <xdr:ext cx="405111" cy="259045"/>
    <xdr:sp macro="" textlink="">
      <xdr:nvSpPr>
        <xdr:cNvPr id="561" name="n_3mainValue【学校施設】&#10;有形固定資産減価償却率">
          <a:extLst>
            <a:ext uri="{FF2B5EF4-FFF2-40B4-BE49-F238E27FC236}">
              <a16:creationId xmlns:a16="http://schemas.microsoft.com/office/drawing/2014/main" id="{408DE82D-B118-4DA8-B570-D29D86CF6226}"/>
            </a:ext>
          </a:extLst>
        </xdr:cNvPr>
        <xdr:cNvSpPr txBox="1"/>
      </xdr:nvSpPr>
      <xdr:spPr>
        <a:xfrm>
          <a:off x="13500744" y="108112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2</xdr:row>
      <xdr:rowOff>144797</xdr:rowOff>
    </xdr:from>
    <xdr:ext cx="405111" cy="259045"/>
    <xdr:sp macro="" textlink="">
      <xdr:nvSpPr>
        <xdr:cNvPr id="562" name="n_4mainValue【学校施設】&#10;有形固定資産減価償却率">
          <a:extLst>
            <a:ext uri="{FF2B5EF4-FFF2-40B4-BE49-F238E27FC236}">
              <a16:creationId xmlns:a16="http://schemas.microsoft.com/office/drawing/2014/main" id="{3E64495A-36A8-45AD-A903-94453612C42A}"/>
            </a:ext>
          </a:extLst>
        </xdr:cNvPr>
        <xdr:cNvSpPr txBox="1"/>
      </xdr:nvSpPr>
      <xdr:spPr>
        <a:xfrm>
          <a:off x="12611744" y="1077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3" name="正方形/長方形 562">
          <a:extLst>
            <a:ext uri="{FF2B5EF4-FFF2-40B4-BE49-F238E27FC236}">
              <a16:creationId xmlns:a16="http://schemas.microsoft.com/office/drawing/2014/main" id="{59DC3D0E-F3F6-4FAA-8DD3-22ED50C2C254}"/>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4" name="正方形/長方形 563">
          <a:extLst>
            <a:ext uri="{FF2B5EF4-FFF2-40B4-BE49-F238E27FC236}">
              <a16:creationId xmlns:a16="http://schemas.microsoft.com/office/drawing/2014/main" id="{EB1D1BB0-B4EE-4321-ADD3-DA5BD50412BB}"/>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5" name="正方形/長方形 564">
          <a:extLst>
            <a:ext uri="{FF2B5EF4-FFF2-40B4-BE49-F238E27FC236}">
              <a16:creationId xmlns:a16="http://schemas.microsoft.com/office/drawing/2014/main" id="{AE45346B-6A60-4A4B-B925-91035EA9FCD7}"/>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6" name="正方形/長方形 565">
          <a:extLst>
            <a:ext uri="{FF2B5EF4-FFF2-40B4-BE49-F238E27FC236}">
              <a16:creationId xmlns:a16="http://schemas.microsoft.com/office/drawing/2014/main" id="{C1711DF9-DBC3-4681-B498-BFF108A6DA32}"/>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67" name="正方形/長方形 566">
          <a:extLst>
            <a:ext uri="{FF2B5EF4-FFF2-40B4-BE49-F238E27FC236}">
              <a16:creationId xmlns:a16="http://schemas.microsoft.com/office/drawing/2014/main" id="{95463C25-625A-4519-B2EC-5AF1CF5D85B0}"/>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68" name="正方形/長方形 567">
          <a:extLst>
            <a:ext uri="{FF2B5EF4-FFF2-40B4-BE49-F238E27FC236}">
              <a16:creationId xmlns:a16="http://schemas.microsoft.com/office/drawing/2014/main" id="{77F434CD-B203-43F0-848E-3AF89C3C025D}"/>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69" name="正方形/長方形 568">
          <a:extLst>
            <a:ext uri="{FF2B5EF4-FFF2-40B4-BE49-F238E27FC236}">
              <a16:creationId xmlns:a16="http://schemas.microsoft.com/office/drawing/2014/main" id="{511C37E0-E283-427D-A24F-8DDB36175BA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0" name="正方形/長方形 569">
          <a:extLst>
            <a:ext uri="{FF2B5EF4-FFF2-40B4-BE49-F238E27FC236}">
              <a16:creationId xmlns:a16="http://schemas.microsoft.com/office/drawing/2014/main" id="{B8062763-F857-44E1-888E-7E432F0DDFD3}"/>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1" name="テキスト ボックス 570">
          <a:extLst>
            <a:ext uri="{FF2B5EF4-FFF2-40B4-BE49-F238E27FC236}">
              <a16:creationId xmlns:a16="http://schemas.microsoft.com/office/drawing/2014/main" id="{1264FA40-083F-4C41-B9BD-3CC6D4BFB075}"/>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2" name="直線コネクタ 571">
          <a:extLst>
            <a:ext uri="{FF2B5EF4-FFF2-40B4-BE49-F238E27FC236}">
              <a16:creationId xmlns:a16="http://schemas.microsoft.com/office/drawing/2014/main" id="{B921D012-95F5-4CF2-842D-CBA8A868A6E5}"/>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3" name="テキスト ボックス 572">
          <a:extLst>
            <a:ext uri="{FF2B5EF4-FFF2-40B4-BE49-F238E27FC236}">
              <a16:creationId xmlns:a16="http://schemas.microsoft.com/office/drawing/2014/main" id="{92E48B4C-BE2D-40FE-A284-57BB26ADFEEB}"/>
            </a:ext>
          </a:extLst>
        </xdr:cNvPr>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130628</xdr:rowOff>
    </xdr:from>
    <xdr:to>
      <xdr:col>120</xdr:col>
      <xdr:colOff>114300</xdr:colOff>
      <xdr:row>64</xdr:row>
      <xdr:rowOff>130628</xdr:rowOff>
    </xdr:to>
    <xdr:cxnSp macro="">
      <xdr:nvCxnSpPr>
        <xdr:cNvPr id="574" name="直線コネクタ 573">
          <a:extLst>
            <a:ext uri="{FF2B5EF4-FFF2-40B4-BE49-F238E27FC236}">
              <a16:creationId xmlns:a16="http://schemas.microsoft.com/office/drawing/2014/main" id="{07151B5E-D95F-463D-B343-A9081B943219}"/>
            </a:ext>
          </a:extLst>
        </xdr:cNvPr>
        <xdr:cNvCxnSpPr/>
      </xdr:nvCxnSpPr>
      <xdr:spPr>
        <a:xfrm>
          <a:off x="18288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59855</xdr:rowOff>
    </xdr:from>
    <xdr:ext cx="467179" cy="259045"/>
    <xdr:sp macro="" textlink="">
      <xdr:nvSpPr>
        <xdr:cNvPr id="575" name="テキスト ボックス 574">
          <a:extLst>
            <a:ext uri="{FF2B5EF4-FFF2-40B4-BE49-F238E27FC236}">
              <a16:creationId xmlns:a16="http://schemas.microsoft.com/office/drawing/2014/main" id="{6F60B92D-08C2-4709-A086-B8FA3A5EBF1A}"/>
            </a:ext>
          </a:extLst>
        </xdr:cNvPr>
        <xdr:cNvSpPr txBox="1"/>
      </xdr:nvSpPr>
      <xdr:spPr>
        <a:xfrm>
          <a:off x="17820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146957</xdr:rowOff>
    </xdr:from>
    <xdr:to>
      <xdr:col>120</xdr:col>
      <xdr:colOff>114300</xdr:colOff>
      <xdr:row>62</xdr:row>
      <xdr:rowOff>146957</xdr:rowOff>
    </xdr:to>
    <xdr:cxnSp macro="">
      <xdr:nvCxnSpPr>
        <xdr:cNvPr id="576" name="直線コネクタ 575">
          <a:extLst>
            <a:ext uri="{FF2B5EF4-FFF2-40B4-BE49-F238E27FC236}">
              <a16:creationId xmlns:a16="http://schemas.microsoft.com/office/drawing/2014/main" id="{8E3967E4-61C3-44FD-84EF-AA09406C3591}"/>
            </a:ext>
          </a:extLst>
        </xdr:cNvPr>
        <xdr:cNvCxnSpPr/>
      </xdr:nvCxnSpPr>
      <xdr:spPr>
        <a:xfrm>
          <a:off x="18288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2</xdr:row>
      <xdr:rowOff>4734</xdr:rowOff>
    </xdr:from>
    <xdr:ext cx="467179" cy="259045"/>
    <xdr:sp macro="" textlink="">
      <xdr:nvSpPr>
        <xdr:cNvPr id="577" name="テキスト ボックス 576">
          <a:extLst>
            <a:ext uri="{FF2B5EF4-FFF2-40B4-BE49-F238E27FC236}">
              <a16:creationId xmlns:a16="http://schemas.microsoft.com/office/drawing/2014/main" id="{24B94DD4-0ADD-49A5-ADE3-B7E33E4903B2}"/>
            </a:ext>
          </a:extLst>
        </xdr:cNvPr>
        <xdr:cNvSpPr txBox="1"/>
      </xdr:nvSpPr>
      <xdr:spPr>
        <a:xfrm>
          <a:off x="17820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163285</xdr:rowOff>
    </xdr:from>
    <xdr:to>
      <xdr:col>120</xdr:col>
      <xdr:colOff>114300</xdr:colOff>
      <xdr:row>60</xdr:row>
      <xdr:rowOff>163285</xdr:rowOff>
    </xdr:to>
    <xdr:cxnSp macro="">
      <xdr:nvCxnSpPr>
        <xdr:cNvPr id="578" name="直線コネクタ 577">
          <a:extLst>
            <a:ext uri="{FF2B5EF4-FFF2-40B4-BE49-F238E27FC236}">
              <a16:creationId xmlns:a16="http://schemas.microsoft.com/office/drawing/2014/main" id="{8D437A07-A418-421B-B451-B15A8D16D8DF}"/>
            </a:ext>
          </a:extLst>
        </xdr:cNvPr>
        <xdr:cNvCxnSpPr/>
      </xdr:nvCxnSpPr>
      <xdr:spPr>
        <a:xfrm>
          <a:off x="18288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21062</xdr:rowOff>
    </xdr:from>
    <xdr:ext cx="467179" cy="259045"/>
    <xdr:sp macro="" textlink="">
      <xdr:nvSpPr>
        <xdr:cNvPr id="579" name="テキスト ボックス 578">
          <a:extLst>
            <a:ext uri="{FF2B5EF4-FFF2-40B4-BE49-F238E27FC236}">
              <a16:creationId xmlns:a16="http://schemas.microsoft.com/office/drawing/2014/main" id="{6C0791B0-07DA-470B-8006-A7476CA9CF81}"/>
            </a:ext>
          </a:extLst>
        </xdr:cNvPr>
        <xdr:cNvSpPr txBox="1"/>
      </xdr:nvSpPr>
      <xdr:spPr>
        <a:xfrm>
          <a:off x="17820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9</xdr:row>
      <xdr:rowOff>8165</xdr:rowOff>
    </xdr:from>
    <xdr:to>
      <xdr:col>120</xdr:col>
      <xdr:colOff>114300</xdr:colOff>
      <xdr:row>59</xdr:row>
      <xdr:rowOff>8165</xdr:rowOff>
    </xdr:to>
    <xdr:cxnSp macro="">
      <xdr:nvCxnSpPr>
        <xdr:cNvPr id="580" name="直線コネクタ 579">
          <a:extLst>
            <a:ext uri="{FF2B5EF4-FFF2-40B4-BE49-F238E27FC236}">
              <a16:creationId xmlns:a16="http://schemas.microsoft.com/office/drawing/2014/main" id="{6C4064F6-267C-4EA8-ADC0-C32A94DE5255}"/>
            </a:ext>
          </a:extLst>
        </xdr:cNvPr>
        <xdr:cNvCxnSpPr/>
      </xdr:nvCxnSpPr>
      <xdr:spPr>
        <a:xfrm>
          <a:off x="18288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8</xdr:row>
      <xdr:rowOff>37392</xdr:rowOff>
    </xdr:from>
    <xdr:ext cx="467179" cy="259045"/>
    <xdr:sp macro="" textlink="">
      <xdr:nvSpPr>
        <xdr:cNvPr id="581" name="テキスト ボックス 580">
          <a:extLst>
            <a:ext uri="{FF2B5EF4-FFF2-40B4-BE49-F238E27FC236}">
              <a16:creationId xmlns:a16="http://schemas.microsoft.com/office/drawing/2014/main" id="{B0B235B2-1513-4617-AD7A-E8A34FB56E53}"/>
            </a:ext>
          </a:extLst>
        </xdr:cNvPr>
        <xdr:cNvSpPr txBox="1"/>
      </xdr:nvSpPr>
      <xdr:spPr>
        <a:xfrm>
          <a:off x="17820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24493</xdr:rowOff>
    </xdr:from>
    <xdr:to>
      <xdr:col>120</xdr:col>
      <xdr:colOff>114300</xdr:colOff>
      <xdr:row>57</xdr:row>
      <xdr:rowOff>24493</xdr:rowOff>
    </xdr:to>
    <xdr:cxnSp macro="">
      <xdr:nvCxnSpPr>
        <xdr:cNvPr id="582" name="直線コネクタ 581">
          <a:extLst>
            <a:ext uri="{FF2B5EF4-FFF2-40B4-BE49-F238E27FC236}">
              <a16:creationId xmlns:a16="http://schemas.microsoft.com/office/drawing/2014/main" id="{AFE398EE-7115-4F3F-8A9A-8CBE18A0EA96}"/>
            </a:ext>
          </a:extLst>
        </xdr:cNvPr>
        <xdr:cNvCxnSpPr/>
      </xdr:nvCxnSpPr>
      <xdr:spPr>
        <a:xfrm>
          <a:off x="18288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53720</xdr:rowOff>
    </xdr:from>
    <xdr:ext cx="467179" cy="259045"/>
    <xdr:sp macro="" textlink="">
      <xdr:nvSpPr>
        <xdr:cNvPr id="583" name="テキスト ボックス 582">
          <a:extLst>
            <a:ext uri="{FF2B5EF4-FFF2-40B4-BE49-F238E27FC236}">
              <a16:creationId xmlns:a16="http://schemas.microsoft.com/office/drawing/2014/main" id="{276DBC42-E179-4CF5-8CB1-8E95487A4507}"/>
            </a:ext>
          </a:extLst>
        </xdr:cNvPr>
        <xdr:cNvSpPr txBox="1"/>
      </xdr:nvSpPr>
      <xdr:spPr>
        <a:xfrm>
          <a:off x="17820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40822</xdr:rowOff>
    </xdr:from>
    <xdr:to>
      <xdr:col>120</xdr:col>
      <xdr:colOff>114300</xdr:colOff>
      <xdr:row>55</xdr:row>
      <xdr:rowOff>40822</xdr:rowOff>
    </xdr:to>
    <xdr:cxnSp macro="">
      <xdr:nvCxnSpPr>
        <xdr:cNvPr id="584" name="直線コネクタ 583">
          <a:extLst>
            <a:ext uri="{FF2B5EF4-FFF2-40B4-BE49-F238E27FC236}">
              <a16:creationId xmlns:a16="http://schemas.microsoft.com/office/drawing/2014/main" id="{4D54CDA1-307C-4984-BEA1-4B021146D7E3}"/>
            </a:ext>
          </a:extLst>
        </xdr:cNvPr>
        <xdr:cNvCxnSpPr/>
      </xdr:nvCxnSpPr>
      <xdr:spPr>
        <a:xfrm>
          <a:off x="18288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70049</xdr:rowOff>
    </xdr:from>
    <xdr:ext cx="467179" cy="259045"/>
    <xdr:sp macro="" textlink="">
      <xdr:nvSpPr>
        <xdr:cNvPr id="585" name="テキスト ボックス 584">
          <a:extLst>
            <a:ext uri="{FF2B5EF4-FFF2-40B4-BE49-F238E27FC236}">
              <a16:creationId xmlns:a16="http://schemas.microsoft.com/office/drawing/2014/main" id="{ECF4F11D-0053-4ABC-9227-F05D4A06D878}"/>
            </a:ext>
          </a:extLst>
        </xdr:cNvPr>
        <xdr:cNvSpPr txBox="1"/>
      </xdr:nvSpPr>
      <xdr:spPr>
        <a:xfrm>
          <a:off x="17820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a:extLst>
            <a:ext uri="{FF2B5EF4-FFF2-40B4-BE49-F238E27FC236}">
              <a16:creationId xmlns:a16="http://schemas.microsoft.com/office/drawing/2014/main" id="{E8A1DEC0-0C67-4DEF-B345-700FF9AD8AA3}"/>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87" name="テキスト ボックス 586">
          <a:extLst>
            <a:ext uri="{FF2B5EF4-FFF2-40B4-BE49-F238E27FC236}">
              <a16:creationId xmlns:a16="http://schemas.microsoft.com/office/drawing/2014/main" id="{75570A82-8BEB-4819-89A9-AD76D3744A91}"/>
            </a:ext>
          </a:extLst>
        </xdr:cNvPr>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a:extLst>
            <a:ext uri="{FF2B5EF4-FFF2-40B4-BE49-F238E27FC236}">
              <a16:creationId xmlns:a16="http://schemas.microsoft.com/office/drawing/2014/main" id="{7A45A81A-87D5-4287-8CCB-EEF437CACFAE}"/>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14844</xdr:rowOff>
    </xdr:from>
    <xdr:to>
      <xdr:col>116</xdr:col>
      <xdr:colOff>62864</xdr:colOff>
      <xdr:row>64</xdr:row>
      <xdr:rowOff>47897</xdr:rowOff>
    </xdr:to>
    <xdr:cxnSp macro="">
      <xdr:nvCxnSpPr>
        <xdr:cNvPr id="589" name="直線コネクタ 588">
          <a:extLst>
            <a:ext uri="{FF2B5EF4-FFF2-40B4-BE49-F238E27FC236}">
              <a16:creationId xmlns:a16="http://schemas.microsoft.com/office/drawing/2014/main" id="{344D1A14-69A5-4DA1-A51E-A80D54A5F44E}"/>
            </a:ext>
          </a:extLst>
        </xdr:cNvPr>
        <xdr:cNvCxnSpPr/>
      </xdr:nvCxnSpPr>
      <xdr:spPr>
        <a:xfrm flipV="1">
          <a:off x="22160864" y="9544594"/>
          <a:ext cx="0" cy="14761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1724</xdr:rowOff>
    </xdr:from>
    <xdr:ext cx="469744" cy="259045"/>
    <xdr:sp macro="" textlink="">
      <xdr:nvSpPr>
        <xdr:cNvPr id="590" name="【学校施設】&#10;一人当たり面積最小値テキスト">
          <a:extLst>
            <a:ext uri="{FF2B5EF4-FFF2-40B4-BE49-F238E27FC236}">
              <a16:creationId xmlns:a16="http://schemas.microsoft.com/office/drawing/2014/main" id="{8298A129-B9C3-4B73-93C2-0684DAEBB5C8}"/>
            </a:ext>
          </a:extLst>
        </xdr:cNvPr>
        <xdr:cNvSpPr txBox="1"/>
      </xdr:nvSpPr>
      <xdr:spPr>
        <a:xfrm>
          <a:off x="22199600" y="11024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6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47897</xdr:rowOff>
    </xdr:from>
    <xdr:to>
      <xdr:col>116</xdr:col>
      <xdr:colOff>152400</xdr:colOff>
      <xdr:row>64</xdr:row>
      <xdr:rowOff>47897</xdr:rowOff>
    </xdr:to>
    <xdr:cxnSp macro="">
      <xdr:nvCxnSpPr>
        <xdr:cNvPr id="591" name="直線コネクタ 590">
          <a:extLst>
            <a:ext uri="{FF2B5EF4-FFF2-40B4-BE49-F238E27FC236}">
              <a16:creationId xmlns:a16="http://schemas.microsoft.com/office/drawing/2014/main" id="{101EE163-4701-4F07-A17F-165C2AFC2250}"/>
            </a:ext>
          </a:extLst>
        </xdr:cNvPr>
        <xdr:cNvCxnSpPr/>
      </xdr:nvCxnSpPr>
      <xdr:spPr>
        <a:xfrm>
          <a:off x="22072600" y="11020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61521</xdr:rowOff>
    </xdr:from>
    <xdr:ext cx="469744" cy="259045"/>
    <xdr:sp macro="" textlink="">
      <xdr:nvSpPr>
        <xdr:cNvPr id="592" name="【学校施設】&#10;一人当たり面積最大値テキスト">
          <a:extLst>
            <a:ext uri="{FF2B5EF4-FFF2-40B4-BE49-F238E27FC236}">
              <a16:creationId xmlns:a16="http://schemas.microsoft.com/office/drawing/2014/main" id="{03B510EC-2704-4789-8A69-7C5DAD007C62}"/>
            </a:ext>
          </a:extLst>
        </xdr:cNvPr>
        <xdr:cNvSpPr txBox="1"/>
      </xdr:nvSpPr>
      <xdr:spPr>
        <a:xfrm>
          <a:off x="22199600" y="9319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14844</xdr:rowOff>
    </xdr:from>
    <xdr:to>
      <xdr:col>116</xdr:col>
      <xdr:colOff>152400</xdr:colOff>
      <xdr:row>55</xdr:row>
      <xdr:rowOff>114844</xdr:rowOff>
    </xdr:to>
    <xdr:cxnSp macro="">
      <xdr:nvCxnSpPr>
        <xdr:cNvPr id="593" name="直線コネクタ 592">
          <a:extLst>
            <a:ext uri="{FF2B5EF4-FFF2-40B4-BE49-F238E27FC236}">
              <a16:creationId xmlns:a16="http://schemas.microsoft.com/office/drawing/2014/main" id="{4D97168A-5DE3-4D98-987D-68CD5A363B88}"/>
            </a:ext>
          </a:extLst>
        </xdr:cNvPr>
        <xdr:cNvCxnSpPr/>
      </xdr:nvCxnSpPr>
      <xdr:spPr>
        <a:xfrm>
          <a:off x="22072600" y="95445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9</xdr:row>
      <xdr:rowOff>9089</xdr:rowOff>
    </xdr:from>
    <xdr:ext cx="469744" cy="259045"/>
    <xdr:sp macro="" textlink="">
      <xdr:nvSpPr>
        <xdr:cNvPr id="594" name="【学校施設】&#10;一人当たり面積平均値テキスト">
          <a:extLst>
            <a:ext uri="{FF2B5EF4-FFF2-40B4-BE49-F238E27FC236}">
              <a16:creationId xmlns:a16="http://schemas.microsoft.com/office/drawing/2014/main" id="{8EAC7E8D-CBDF-4369-B60E-A327F3E33683}"/>
            </a:ext>
          </a:extLst>
        </xdr:cNvPr>
        <xdr:cNvSpPr txBox="1"/>
      </xdr:nvSpPr>
      <xdr:spPr>
        <a:xfrm>
          <a:off x="22199600" y="1012463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157662</xdr:rowOff>
    </xdr:from>
    <xdr:to>
      <xdr:col>116</xdr:col>
      <xdr:colOff>114300</xdr:colOff>
      <xdr:row>60</xdr:row>
      <xdr:rowOff>87812</xdr:rowOff>
    </xdr:to>
    <xdr:sp macro="" textlink="">
      <xdr:nvSpPr>
        <xdr:cNvPr id="595" name="フローチャート: 判断 594">
          <a:extLst>
            <a:ext uri="{FF2B5EF4-FFF2-40B4-BE49-F238E27FC236}">
              <a16:creationId xmlns:a16="http://schemas.microsoft.com/office/drawing/2014/main" id="{2641B4DE-022B-4E32-9118-19FEEC2746B7}"/>
            </a:ext>
          </a:extLst>
        </xdr:cNvPr>
        <xdr:cNvSpPr/>
      </xdr:nvSpPr>
      <xdr:spPr>
        <a:xfrm>
          <a:off x="22110700" y="102732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7983</xdr:rowOff>
    </xdr:from>
    <xdr:to>
      <xdr:col>112</xdr:col>
      <xdr:colOff>38100</xdr:colOff>
      <xdr:row>60</xdr:row>
      <xdr:rowOff>109583</xdr:rowOff>
    </xdr:to>
    <xdr:sp macro="" textlink="">
      <xdr:nvSpPr>
        <xdr:cNvPr id="596" name="フローチャート: 判断 595">
          <a:extLst>
            <a:ext uri="{FF2B5EF4-FFF2-40B4-BE49-F238E27FC236}">
              <a16:creationId xmlns:a16="http://schemas.microsoft.com/office/drawing/2014/main" id="{B9BC2122-3847-4D5B-A859-EF33C44F7EC7}"/>
            </a:ext>
          </a:extLst>
        </xdr:cNvPr>
        <xdr:cNvSpPr/>
      </xdr:nvSpPr>
      <xdr:spPr>
        <a:xfrm>
          <a:off x="21272500" y="10294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0</xdr:row>
      <xdr:rowOff>36285</xdr:rowOff>
    </xdr:from>
    <xdr:to>
      <xdr:col>107</xdr:col>
      <xdr:colOff>101600</xdr:colOff>
      <xdr:row>60</xdr:row>
      <xdr:rowOff>137885</xdr:rowOff>
    </xdr:to>
    <xdr:sp macro="" textlink="">
      <xdr:nvSpPr>
        <xdr:cNvPr id="597" name="フローチャート: 判断 596">
          <a:extLst>
            <a:ext uri="{FF2B5EF4-FFF2-40B4-BE49-F238E27FC236}">
              <a16:creationId xmlns:a16="http://schemas.microsoft.com/office/drawing/2014/main" id="{82E786B2-EA97-4997-B0C1-4EC6FC5F938A}"/>
            </a:ext>
          </a:extLst>
        </xdr:cNvPr>
        <xdr:cNvSpPr/>
      </xdr:nvSpPr>
      <xdr:spPr>
        <a:xfrm>
          <a:off x="20383500" y="1032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52615</xdr:rowOff>
    </xdr:from>
    <xdr:to>
      <xdr:col>102</xdr:col>
      <xdr:colOff>165100</xdr:colOff>
      <xdr:row>60</xdr:row>
      <xdr:rowOff>154215</xdr:rowOff>
    </xdr:to>
    <xdr:sp macro="" textlink="">
      <xdr:nvSpPr>
        <xdr:cNvPr id="598" name="フローチャート: 判断 597">
          <a:extLst>
            <a:ext uri="{FF2B5EF4-FFF2-40B4-BE49-F238E27FC236}">
              <a16:creationId xmlns:a16="http://schemas.microsoft.com/office/drawing/2014/main" id="{C4F4E5D5-ABA6-472B-8F3A-7F639DE7A81F}"/>
            </a:ext>
          </a:extLst>
        </xdr:cNvPr>
        <xdr:cNvSpPr/>
      </xdr:nvSpPr>
      <xdr:spPr>
        <a:xfrm>
          <a:off x="19494500" y="10339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0</xdr:row>
      <xdr:rowOff>22134</xdr:rowOff>
    </xdr:from>
    <xdr:to>
      <xdr:col>98</xdr:col>
      <xdr:colOff>38100</xdr:colOff>
      <xdr:row>60</xdr:row>
      <xdr:rowOff>123734</xdr:rowOff>
    </xdr:to>
    <xdr:sp macro="" textlink="">
      <xdr:nvSpPr>
        <xdr:cNvPr id="599" name="フローチャート: 判断 598">
          <a:extLst>
            <a:ext uri="{FF2B5EF4-FFF2-40B4-BE49-F238E27FC236}">
              <a16:creationId xmlns:a16="http://schemas.microsoft.com/office/drawing/2014/main" id="{9A4AAD65-9D55-4C92-87E2-01F360CBC943}"/>
            </a:ext>
          </a:extLst>
        </xdr:cNvPr>
        <xdr:cNvSpPr/>
      </xdr:nvSpPr>
      <xdr:spPr>
        <a:xfrm>
          <a:off x="18605500" y="10309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id="{6D06C472-2364-461A-B5AB-1D4C0833E410}"/>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id="{B2266C62-168E-42DB-94EA-D8EFAD810FBD}"/>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id="{0B4FE4C2-4F48-4229-A976-5EE926DF0508}"/>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id="{319EEE68-7509-4B1C-8826-B0357526ACCA}"/>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id="{63AFB6F7-0AE5-447F-AF09-EFAD3EC5FE1E}"/>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49893</xdr:rowOff>
    </xdr:from>
    <xdr:to>
      <xdr:col>116</xdr:col>
      <xdr:colOff>114300</xdr:colOff>
      <xdr:row>61</xdr:row>
      <xdr:rowOff>151493</xdr:rowOff>
    </xdr:to>
    <xdr:sp macro="" textlink="">
      <xdr:nvSpPr>
        <xdr:cNvPr id="605" name="楕円 604">
          <a:extLst>
            <a:ext uri="{FF2B5EF4-FFF2-40B4-BE49-F238E27FC236}">
              <a16:creationId xmlns:a16="http://schemas.microsoft.com/office/drawing/2014/main" id="{CE781B24-023E-451A-8FFF-60D535E48B41}"/>
            </a:ext>
          </a:extLst>
        </xdr:cNvPr>
        <xdr:cNvSpPr/>
      </xdr:nvSpPr>
      <xdr:spPr>
        <a:xfrm>
          <a:off x="22110700" y="10508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28320</xdr:rowOff>
    </xdr:from>
    <xdr:ext cx="469744" cy="259045"/>
    <xdr:sp macro="" textlink="">
      <xdr:nvSpPr>
        <xdr:cNvPr id="606" name="【学校施設】&#10;一人当たり面積該当値テキスト">
          <a:extLst>
            <a:ext uri="{FF2B5EF4-FFF2-40B4-BE49-F238E27FC236}">
              <a16:creationId xmlns:a16="http://schemas.microsoft.com/office/drawing/2014/main" id="{1DB5648B-5301-46F2-B1B0-7540C8D368D4}"/>
            </a:ext>
          </a:extLst>
        </xdr:cNvPr>
        <xdr:cNvSpPr txBox="1"/>
      </xdr:nvSpPr>
      <xdr:spPr>
        <a:xfrm>
          <a:off x="22199600" y="104867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76019</xdr:rowOff>
    </xdr:from>
    <xdr:to>
      <xdr:col>112</xdr:col>
      <xdr:colOff>38100</xdr:colOff>
      <xdr:row>62</xdr:row>
      <xdr:rowOff>6169</xdr:rowOff>
    </xdr:to>
    <xdr:sp macro="" textlink="">
      <xdr:nvSpPr>
        <xdr:cNvPr id="607" name="楕円 606">
          <a:extLst>
            <a:ext uri="{FF2B5EF4-FFF2-40B4-BE49-F238E27FC236}">
              <a16:creationId xmlns:a16="http://schemas.microsoft.com/office/drawing/2014/main" id="{F151F83C-DEBC-4408-8C6D-729910BC79F2}"/>
            </a:ext>
          </a:extLst>
        </xdr:cNvPr>
        <xdr:cNvSpPr/>
      </xdr:nvSpPr>
      <xdr:spPr>
        <a:xfrm>
          <a:off x="21272500" y="105344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1</xdr:row>
      <xdr:rowOff>100693</xdr:rowOff>
    </xdr:from>
    <xdr:to>
      <xdr:col>116</xdr:col>
      <xdr:colOff>63500</xdr:colOff>
      <xdr:row>61</xdr:row>
      <xdr:rowOff>126819</xdr:rowOff>
    </xdr:to>
    <xdr:cxnSp macro="">
      <xdr:nvCxnSpPr>
        <xdr:cNvPr id="608" name="直線コネクタ 607">
          <a:extLst>
            <a:ext uri="{FF2B5EF4-FFF2-40B4-BE49-F238E27FC236}">
              <a16:creationId xmlns:a16="http://schemas.microsoft.com/office/drawing/2014/main" id="{9AC6AC3A-7DD3-4175-834C-1B33C7E717E7}"/>
            </a:ext>
          </a:extLst>
        </xdr:cNvPr>
        <xdr:cNvCxnSpPr/>
      </xdr:nvCxnSpPr>
      <xdr:spPr>
        <a:xfrm flipV="1">
          <a:off x="21323300" y="10559143"/>
          <a:ext cx="8382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78196</xdr:rowOff>
    </xdr:from>
    <xdr:to>
      <xdr:col>107</xdr:col>
      <xdr:colOff>101600</xdr:colOff>
      <xdr:row>62</xdr:row>
      <xdr:rowOff>8346</xdr:rowOff>
    </xdr:to>
    <xdr:sp macro="" textlink="">
      <xdr:nvSpPr>
        <xdr:cNvPr id="609" name="楕円 608">
          <a:extLst>
            <a:ext uri="{FF2B5EF4-FFF2-40B4-BE49-F238E27FC236}">
              <a16:creationId xmlns:a16="http://schemas.microsoft.com/office/drawing/2014/main" id="{2576896A-181D-4184-88FE-A6D9265AB502}"/>
            </a:ext>
          </a:extLst>
        </xdr:cNvPr>
        <xdr:cNvSpPr/>
      </xdr:nvSpPr>
      <xdr:spPr>
        <a:xfrm>
          <a:off x="20383500" y="10536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126819</xdr:rowOff>
    </xdr:from>
    <xdr:to>
      <xdr:col>111</xdr:col>
      <xdr:colOff>177800</xdr:colOff>
      <xdr:row>61</xdr:row>
      <xdr:rowOff>128996</xdr:rowOff>
    </xdr:to>
    <xdr:cxnSp macro="">
      <xdr:nvCxnSpPr>
        <xdr:cNvPr id="610" name="直線コネクタ 609">
          <a:extLst>
            <a:ext uri="{FF2B5EF4-FFF2-40B4-BE49-F238E27FC236}">
              <a16:creationId xmlns:a16="http://schemas.microsoft.com/office/drawing/2014/main" id="{F910C500-460C-4782-9C13-1C3823CC5A20}"/>
            </a:ext>
          </a:extLst>
        </xdr:cNvPr>
        <xdr:cNvCxnSpPr/>
      </xdr:nvCxnSpPr>
      <xdr:spPr>
        <a:xfrm flipV="1">
          <a:off x="20434300" y="10585269"/>
          <a:ext cx="889000" cy="2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1</xdr:row>
      <xdr:rowOff>82550</xdr:rowOff>
    </xdr:from>
    <xdr:to>
      <xdr:col>102</xdr:col>
      <xdr:colOff>165100</xdr:colOff>
      <xdr:row>62</xdr:row>
      <xdr:rowOff>12700</xdr:rowOff>
    </xdr:to>
    <xdr:sp macro="" textlink="">
      <xdr:nvSpPr>
        <xdr:cNvPr id="611" name="楕円 610">
          <a:extLst>
            <a:ext uri="{FF2B5EF4-FFF2-40B4-BE49-F238E27FC236}">
              <a16:creationId xmlns:a16="http://schemas.microsoft.com/office/drawing/2014/main" id="{A3878433-92EB-4EA2-BDF8-3F4C4E5C8DC9}"/>
            </a:ext>
          </a:extLst>
        </xdr:cNvPr>
        <xdr:cNvSpPr/>
      </xdr:nvSpPr>
      <xdr:spPr>
        <a:xfrm>
          <a:off x="19494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128996</xdr:rowOff>
    </xdr:from>
    <xdr:to>
      <xdr:col>107</xdr:col>
      <xdr:colOff>50800</xdr:colOff>
      <xdr:row>61</xdr:row>
      <xdr:rowOff>133350</xdr:rowOff>
    </xdr:to>
    <xdr:cxnSp macro="">
      <xdr:nvCxnSpPr>
        <xdr:cNvPr id="612" name="直線コネクタ 611">
          <a:extLst>
            <a:ext uri="{FF2B5EF4-FFF2-40B4-BE49-F238E27FC236}">
              <a16:creationId xmlns:a16="http://schemas.microsoft.com/office/drawing/2014/main" id="{B7CD5EC8-9587-486B-8B77-32D3794ACE54}"/>
            </a:ext>
          </a:extLst>
        </xdr:cNvPr>
        <xdr:cNvCxnSpPr/>
      </xdr:nvCxnSpPr>
      <xdr:spPr>
        <a:xfrm flipV="1">
          <a:off x="19545300" y="10587446"/>
          <a:ext cx="889000" cy="4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1</xdr:row>
      <xdr:rowOff>79284</xdr:rowOff>
    </xdr:from>
    <xdr:to>
      <xdr:col>98</xdr:col>
      <xdr:colOff>38100</xdr:colOff>
      <xdr:row>62</xdr:row>
      <xdr:rowOff>9434</xdr:rowOff>
    </xdr:to>
    <xdr:sp macro="" textlink="">
      <xdr:nvSpPr>
        <xdr:cNvPr id="613" name="楕円 612">
          <a:extLst>
            <a:ext uri="{FF2B5EF4-FFF2-40B4-BE49-F238E27FC236}">
              <a16:creationId xmlns:a16="http://schemas.microsoft.com/office/drawing/2014/main" id="{2985A6DD-89E0-41E4-A71C-7E87F61E55C1}"/>
            </a:ext>
          </a:extLst>
        </xdr:cNvPr>
        <xdr:cNvSpPr/>
      </xdr:nvSpPr>
      <xdr:spPr>
        <a:xfrm>
          <a:off x="18605500" y="10537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1</xdr:row>
      <xdr:rowOff>130084</xdr:rowOff>
    </xdr:from>
    <xdr:to>
      <xdr:col>102</xdr:col>
      <xdr:colOff>114300</xdr:colOff>
      <xdr:row>61</xdr:row>
      <xdr:rowOff>133350</xdr:rowOff>
    </xdr:to>
    <xdr:cxnSp macro="">
      <xdr:nvCxnSpPr>
        <xdr:cNvPr id="614" name="直線コネクタ 613">
          <a:extLst>
            <a:ext uri="{FF2B5EF4-FFF2-40B4-BE49-F238E27FC236}">
              <a16:creationId xmlns:a16="http://schemas.microsoft.com/office/drawing/2014/main" id="{07C4D8C7-E4CD-49AE-902F-1DFEDFC72DD4}"/>
            </a:ext>
          </a:extLst>
        </xdr:cNvPr>
        <xdr:cNvCxnSpPr/>
      </xdr:nvCxnSpPr>
      <xdr:spPr>
        <a:xfrm>
          <a:off x="18656300" y="10588534"/>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8</xdr:row>
      <xdr:rowOff>126110</xdr:rowOff>
    </xdr:from>
    <xdr:ext cx="469744" cy="259045"/>
    <xdr:sp macro="" textlink="">
      <xdr:nvSpPr>
        <xdr:cNvPr id="615" name="n_1aveValue【学校施設】&#10;一人当たり面積">
          <a:extLst>
            <a:ext uri="{FF2B5EF4-FFF2-40B4-BE49-F238E27FC236}">
              <a16:creationId xmlns:a16="http://schemas.microsoft.com/office/drawing/2014/main" id="{C64D0013-9759-4BE0-8733-489F35021688}"/>
            </a:ext>
          </a:extLst>
        </xdr:cNvPr>
        <xdr:cNvSpPr txBox="1"/>
      </xdr:nvSpPr>
      <xdr:spPr>
        <a:xfrm>
          <a:off x="21075727" y="10070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8</xdr:row>
      <xdr:rowOff>154412</xdr:rowOff>
    </xdr:from>
    <xdr:ext cx="469744" cy="259045"/>
    <xdr:sp macro="" textlink="">
      <xdr:nvSpPr>
        <xdr:cNvPr id="616" name="n_2aveValue【学校施設】&#10;一人当たり面積">
          <a:extLst>
            <a:ext uri="{FF2B5EF4-FFF2-40B4-BE49-F238E27FC236}">
              <a16:creationId xmlns:a16="http://schemas.microsoft.com/office/drawing/2014/main" id="{25612C82-C8E6-464A-AF99-43AF3E97FFD1}"/>
            </a:ext>
          </a:extLst>
        </xdr:cNvPr>
        <xdr:cNvSpPr txBox="1"/>
      </xdr:nvSpPr>
      <xdr:spPr>
        <a:xfrm>
          <a:off x="20199427" y="10098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8</xdr:row>
      <xdr:rowOff>170742</xdr:rowOff>
    </xdr:from>
    <xdr:ext cx="469744" cy="259045"/>
    <xdr:sp macro="" textlink="">
      <xdr:nvSpPr>
        <xdr:cNvPr id="617" name="n_3aveValue【学校施設】&#10;一人当たり面積">
          <a:extLst>
            <a:ext uri="{FF2B5EF4-FFF2-40B4-BE49-F238E27FC236}">
              <a16:creationId xmlns:a16="http://schemas.microsoft.com/office/drawing/2014/main" id="{708222AC-66EF-4E28-AE11-6D3F9FAC315C}"/>
            </a:ext>
          </a:extLst>
        </xdr:cNvPr>
        <xdr:cNvSpPr txBox="1"/>
      </xdr:nvSpPr>
      <xdr:spPr>
        <a:xfrm>
          <a:off x="19310427" y="10114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58</xdr:row>
      <xdr:rowOff>140261</xdr:rowOff>
    </xdr:from>
    <xdr:ext cx="469744" cy="259045"/>
    <xdr:sp macro="" textlink="">
      <xdr:nvSpPr>
        <xdr:cNvPr id="618" name="n_4aveValue【学校施設】&#10;一人当たり面積">
          <a:extLst>
            <a:ext uri="{FF2B5EF4-FFF2-40B4-BE49-F238E27FC236}">
              <a16:creationId xmlns:a16="http://schemas.microsoft.com/office/drawing/2014/main" id="{A2906303-BC4A-42B1-8DE4-2F258C07AA15}"/>
            </a:ext>
          </a:extLst>
        </xdr:cNvPr>
        <xdr:cNvSpPr txBox="1"/>
      </xdr:nvSpPr>
      <xdr:spPr>
        <a:xfrm>
          <a:off x="18421427" y="10084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168746</xdr:rowOff>
    </xdr:from>
    <xdr:ext cx="469744" cy="259045"/>
    <xdr:sp macro="" textlink="">
      <xdr:nvSpPr>
        <xdr:cNvPr id="619" name="n_1mainValue【学校施設】&#10;一人当たり面積">
          <a:extLst>
            <a:ext uri="{FF2B5EF4-FFF2-40B4-BE49-F238E27FC236}">
              <a16:creationId xmlns:a16="http://schemas.microsoft.com/office/drawing/2014/main" id="{24716E98-DCD3-410E-93C5-02A27292092A}"/>
            </a:ext>
          </a:extLst>
        </xdr:cNvPr>
        <xdr:cNvSpPr txBox="1"/>
      </xdr:nvSpPr>
      <xdr:spPr>
        <a:xfrm>
          <a:off x="21075727" y="106271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70923</xdr:rowOff>
    </xdr:from>
    <xdr:ext cx="469744" cy="259045"/>
    <xdr:sp macro="" textlink="">
      <xdr:nvSpPr>
        <xdr:cNvPr id="620" name="n_2mainValue【学校施設】&#10;一人当たり面積">
          <a:extLst>
            <a:ext uri="{FF2B5EF4-FFF2-40B4-BE49-F238E27FC236}">
              <a16:creationId xmlns:a16="http://schemas.microsoft.com/office/drawing/2014/main" id="{7F5795D5-F8CC-4AD1-A831-E7139DA85BFF}"/>
            </a:ext>
          </a:extLst>
        </xdr:cNvPr>
        <xdr:cNvSpPr txBox="1"/>
      </xdr:nvSpPr>
      <xdr:spPr>
        <a:xfrm>
          <a:off x="20199427" y="10629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3827</xdr:rowOff>
    </xdr:from>
    <xdr:ext cx="469744" cy="259045"/>
    <xdr:sp macro="" textlink="">
      <xdr:nvSpPr>
        <xdr:cNvPr id="621" name="n_3mainValue【学校施設】&#10;一人当たり面積">
          <a:extLst>
            <a:ext uri="{FF2B5EF4-FFF2-40B4-BE49-F238E27FC236}">
              <a16:creationId xmlns:a16="http://schemas.microsoft.com/office/drawing/2014/main" id="{1B6CC16F-F4E0-489A-8F31-DB31D5A181ED}"/>
            </a:ext>
          </a:extLst>
        </xdr:cNvPr>
        <xdr:cNvSpPr txBox="1"/>
      </xdr:nvSpPr>
      <xdr:spPr>
        <a:xfrm>
          <a:off x="19310427" y="1063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2</xdr:row>
      <xdr:rowOff>561</xdr:rowOff>
    </xdr:from>
    <xdr:ext cx="469744" cy="259045"/>
    <xdr:sp macro="" textlink="">
      <xdr:nvSpPr>
        <xdr:cNvPr id="622" name="n_4mainValue【学校施設】&#10;一人当たり面積">
          <a:extLst>
            <a:ext uri="{FF2B5EF4-FFF2-40B4-BE49-F238E27FC236}">
              <a16:creationId xmlns:a16="http://schemas.microsoft.com/office/drawing/2014/main" id="{84D6EA89-7F90-424D-9ACC-7720D76DA95D}"/>
            </a:ext>
          </a:extLst>
        </xdr:cNvPr>
        <xdr:cNvSpPr txBox="1"/>
      </xdr:nvSpPr>
      <xdr:spPr>
        <a:xfrm>
          <a:off x="18421427" y="10630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a:extLst>
            <a:ext uri="{FF2B5EF4-FFF2-40B4-BE49-F238E27FC236}">
              <a16:creationId xmlns:a16="http://schemas.microsoft.com/office/drawing/2014/main" id="{DCE5925E-9BCA-4B1A-8C5E-DCCBF8DFA2F0}"/>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a:extLst>
            <a:ext uri="{FF2B5EF4-FFF2-40B4-BE49-F238E27FC236}">
              <a16:creationId xmlns:a16="http://schemas.microsoft.com/office/drawing/2014/main" id="{E9AD2779-2E86-48C9-A42D-46E6BF5CEAB4}"/>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a:extLst>
            <a:ext uri="{FF2B5EF4-FFF2-40B4-BE49-F238E27FC236}">
              <a16:creationId xmlns:a16="http://schemas.microsoft.com/office/drawing/2014/main" id="{BF56E236-3894-49D3-AFEB-EA03D84DBFEB}"/>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a:extLst>
            <a:ext uri="{FF2B5EF4-FFF2-40B4-BE49-F238E27FC236}">
              <a16:creationId xmlns:a16="http://schemas.microsoft.com/office/drawing/2014/main" id="{CEFCE913-5E24-4AE6-9F65-754EC3161E33}"/>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a:extLst>
            <a:ext uri="{FF2B5EF4-FFF2-40B4-BE49-F238E27FC236}">
              <a16:creationId xmlns:a16="http://schemas.microsoft.com/office/drawing/2014/main" id="{8D295177-8341-4D43-BC8C-B4D32206E191}"/>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a:extLst>
            <a:ext uri="{FF2B5EF4-FFF2-40B4-BE49-F238E27FC236}">
              <a16:creationId xmlns:a16="http://schemas.microsoft.com/office/drawing/2014/main" id="{A9140F82-B1FD-466D-8353-5D06143235B4}"/>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a:extLst>
            <a:ext uri="{FF2B5EF4-FFF2-40B4-BE49-F238E27FC236}">
              <a16:creationId xmlns:a16="http://schemas.microsoft.com/office/drawing/2014/main" id="{EC07F38A-4629-4388-AC96-9445BDB6F29F}"/>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a:extLst>
            <a:ext uri="{FF2B5EF4-FFF2-40B4-BE49-F238E27FC236}">
              <a16:creationId xmlns:a16="http://schemas.microsoft.com/office/drawing/2014/main" id="{F2A117A3-02A9-4C4C-BCEB-F6222D2DB394}"/>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1" name="テキスト ボックス 630">
          <a:extLst>
            <a:ext uri="{FF2B5EF4-FFF2-40B4-BE49-F238E27FC236}">
              <a16:creationId xmlns:a16="http://schemas.microsoft.com/office/drawing/2014/main" id="{D8708DAF-6E93-464C-9920-7843A584A227}"/>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2" name="直線コネクタ 631">
          <a:extLst>
            <a:ext uri="{FF2B5EF4-FFF2-40B4-BE49-F238E27FC236}">
              <a16:creationId xmlns:a16="http://schemas.microsoft.com/office/drawing/2014/main" id="{021FE8F9-D130-42DC-A6E7-387FA2BE4EDD}"/>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3" name="テキスト ボックス 632">
          <a:extLst>
            <a:ext uri="{FF2B5EF4-FFF2-40B4-BE49-F238E27FC236}">
              <a16:creationId xmlns:a16="http://schemas.microsoft.com/office/drawing/2014/main" id="{BCFD4EB4-9F79-423A-A044-F0DFFC59DD21}"/>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4" name="直線コネクタ 633">
          <a:extLst>
            <a:ext uri="{FF2B5EF4-FFF2-40B4-BE49-F238E27FC236}">
              <a16:creationId xmlns:a16="http://schemas.microsoft.com/office/drawing/2014/main" id="{E056A423-DB18-4AC5-BBB4-A7117DC53436}"/>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5" name="テキスト ボックス 634">
          <a:extLst>
            <a:ext uri="{FF2B5EF4-FFF2-40B4-BE49-F238E27FC236}">
              <a16:creationId xmlns:a16="http://schemas.microsoft.com/office/drawing/2014/main" id="{45737657-39EF-4A77-B0E7-719DEB9F1122}"/>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6" name="直線コネクタ 635">
          <a:extLst>
            <a:ext uri="{FF2B5EF4-FFF2-40B4-BE49-F238E27FC236}">
              <a16:creationId xmlns:a16="http://schemas.microsoft.com/office/drawing/2014/main" id="{201CED22-E059-476B-A0DB-452A6D76CFEF}"/>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37" name="テキスト ボックス 636">
          <a:extLst>
            <a:ext uri="{FF2B5EF4-FFF2-40B4-BE49-F238E27FC236}">
              <a16:creationId xmlns:a16="http://schemas.microsoft.com/office/drawing/2014/main" id="{DF08B857-ECDC-46C4-9945-8859FFC48ACD}"/>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38" name="直線コネクタ 637">
          <a:extLst>
            <a:ext uri="{FF2B5EF4-FFF2-40B4-BE49-F238E27FC236}">
              <a16:creationId xmlns:a16="http://schemas.microsoft.com/office/drawing/2014/main" id="{FFD653A2-E925-4CA1-A35A-159575DF526E}"/>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39" name="テキスト ボックス 638">
          <a:extLst>
            <a:ext uri="{FF2B5EF4-FFF2-40B4-BE49-F238E27FC236}">
              <a16:creationId xmlns:a16="http://schemas.microsoft.com/office/drawing/2014/main" id="{2971B40B-9AE5-4883-AE5C-53EAE16FF228}"/>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0" name="直線コネクタ 639">
          <a:extLst>
            <a:ext uri="{FF2B5EF4-FFF2-40B4-BE49-F238E27FC236}">
              <a16:creationId xmlns:a16="http://schemas.microsoft.com/office/drawing/2014/main" id="{A6C48A89-2E43-44F8-89DA-09681EE6DD2E}"/>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1" name="テキスト ボックス 640">
          <a:extLst>
            <a:ext uri="{FF2B5EF4-FFF2-40B4-BE49-F238E27FC236}">
              <a16:creationId xmlns:a16="http://schemas.microsoft.com/office/drawing/2014/main" id="{D388DA44-1F88-4859-ADFF-602337407997}"/>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2" name="直線コネクタ 641">
          <a:extLst>
            <a:ext uri="{FF2B5EF4-FFF2-40B4-BE49-F238E27FC236}">
              <a16:creationId xmlns:a16="http://schemas.microsoft.com/office/drawing/2014/main" id="{BF04BBBC-EA64-488C-98F7-E31EA744A177}"/>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3" name="テキスト ボックス 642">
          <a:extLst>
            <a:ext uri="{FF2B5EF4-FFF2-40B4-BE49-F238E27FC236}">
              <a16:creationId xmlns:a16="http://schemas.microsoft.com/office/drawing/2014/main" id="{5242566A-F518-4503-A9FA-51C5CDE86784}"/>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4" name="直線コネクタ 643">
          <a:extLst>
            <a:ext uri="{FF2B5EF4-FFF2-40B4-BE49-F238E27FC236}">
              <a16:creationId xmlns:a16="http://schemas.microsoft.com/office/drawing/2014/main" id="{631541ED-B670-48F4-9587-164FA9AA61FE}"/>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5" name="テキスト ボックス 644">
          <a:extLst>
            <a:ext uri="{FF2B5EF4-FFF2-40B4-BE49-F238E27FC236}">
              <a16:creationId xmlns:a16="http://schemas.microsoft.com/office/drawing/2014/main" id="{860F41C2-C9EB-470E-8887-7879393488C7}"/>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6" name="【児童館】&#10;有形固定資産減価償却率グラフ枠">
          <a:extLst>
            <a:ext uri="{FF2B5EF4-FFF2-40B4-BE49-F238E27FC236}">
              <a16:creationId xmlns:a16="http://schemas.microsoft.com/office/drawing/2014/main" id="{02BD327B-BDFC-4FE6-AD4A-9296E5D9D2CB}"/>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21920</xdr:rowOff>
    </xdr:from>
    <xdr:to>
      <xdr:col>85</xdr:col>
      <xdr:colOff>126364</xdr:colOff>
      <xdr:row>86</xdr:row>
      <xdr:rowOff>114300</xdr:rowOff>
    </xdr:to>
    <xdr:cxnSp macro="">
      <xdr:nvCxnSpPr>
        <xdr:cNvPr id="647" name="直線コネクタ 646">
          <a:extLst>
            <a:ext uri="{FF2B5EF4-FFF2-40B4-BE49-F238E27FC236}">
              <a16:creationId xmlns:a16="http://schemas.microsoft.com/office/drawing/2014/main" id="{69AB891D-D5C0-49F8-8207-04C2A91751D0}"/>
            </a:ext>
          </a:extLst>
        </xdr:cNvPr>
        <xdr:cNvCxnSpPr/>
      </xdr:nvCxnSpPr>
      <xdr:spPr>
        <a:xfrm flipV="1">
          <a:off x="16318864" y="1332357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18127</xdr:rowOff>
    </xdr:from>
    <xdr:ext cx="469744" cy="259045"/>
    <xdr:sp macro="" textlink="">
      <xdr:nvSpPr>
        <xdr:cNvPr id="648" name="【児童館】&#10;有形固定資産減価償却率最小値テキスト">
          <a:extLst>
            <a:ext uri="{FF2B5EF4-FFF2-40B4-BE49-F238E27FC236}">
              <a16:creationId xmlns:a16="http://schemas.microsoft.com/office/drawing/2014/main" id="{43E0EFDF-CCAD-45C9-AEDB-7AD7C21D91F4}"/>
            </a:ext>
          </a:extLst>
        </xdr:cNvPr>
        <xdr:cNvSpPr txBox="1"/>
      </xdr:nvSpPr>
      <xdr:spPr>
        <a:xfrm>
          <a:off x="16357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14300</xdr:rowOff>
    </xdr:from>
    <xdr:to>
      <xdr:col>86</xdr:col>
      <xdr:colOff>25400</xdr:colOff>
      <xdr:row>86</xdr:row>
      <xdr:rowOff>114300</xdr:rowOff>
    </xdr:to>
    <xdr:cxnSp macro="">
      <xdr:nvCxnSpPr>
        <xdr:cNvPr id="649" name="直線コネクタ 648">
          <a:extLst>
            <a:ext uri="{FF2B5EF4-FFF2-40B4-BE49-F238E27FC236}">
              <a16:creationId xmlns:a16="http://schemas.microsoft.com/office/drawing/2014/main" id="{0E6A517F-592A-48A1-AA6B-5FAC24934026}"/>
            </a:ext>
          </a:extLst>
        </xdr:cNvPr>
        <xdr:cNvCxnSpPr/>
      </xdr:nvCxnSpPr>
      <xdr:spPr>
        <a:xfrm>
          <a:off x="16230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68597</xdr:rowOff>
    </xdr:from>
    <xdr:ext cx="405111" cy="259045"/>
    <xdr:sp macro="" textlink="">
      <xdr:nvSpPr>
        <xdr:cNvPr id="650" name="【児童館】&#10;有形固定資産減価償却率最大値テキスト">
          <a:extLst>
            <a:ext uri="{FF2B5EF4-FFF2-40B4-BE49-F238E27FC236}">
              <a16:creationId xmlns:a16="http://schemas.microsoft.com/office/drawing/2014/main" id="{FA065FC0-2090-4FE5-B1DE-92065B623D30}"/>
            </a:ext>
          </a:extLst>
        </xdr:cNvPr>
        <xdr:cNvSpPr txBox="1"/>
      </xdr:nvSpPr>
      <xdr:spPr>
        <a:xfrm>
          <a:off x="16357600" y="130987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21920</xdr:rowOff>
    </xdr:from>
    <xdr:to>
      <xdr:col>86</xdr:col>
      <xdr:colOff>25400</xdr:colOff>
      <xdr:row>77</xdr:row>
      <xdr:rowOff>121920</xdr:rowOff>
    </xdr:to>
    <xdr:cxnSp macro="">
      <xdr:nvCxnSpPr>
        <xdr:cNvPr id="651" name="直線コネクタ 650">
          <a:extLst>
            <a:ext uri="{FF2B5EF4-FFF2-40B4-BE49-F238E27FC236}">
              <a16:creationId xmlns:a16="http://schemas.microsoft.com/office/drawing/2014/main" id="{4F3B604E-9C83-432B-8F26-A234F21B0566}"/>
            </a:ext>
          </a:extLst>
        </xdr:cNvPr>
        <xdr:cNvCxnSpPr/>
      </xdr:nvCxnSpPr>
      <xdr:spPr>
        <a:xfrm>
          <a:off x="16230600" y="13323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53991</xdr:rowOff>
    </xdr:from>
    <xdr:ext cx="405111" cy="259045"/>
    <xdr:sp macro="" textlink="">
      <xdr:nvSpPr>
        <xdr:cNvPr id="652" name="【児童館】&#10;有形固定資産減価償却率平均値テキスト">
          <a:extLst>
            <a:ext uri="{FF2B5EF4-FFF2-40B4-BE49-F238E27FC236}">
              <a16:creationId xmlns:a16="http://schemas.microsoft.com/office/drawing/2014/main" id="{44AEEB9E-33ED-4FF4-A834-C826BA725C90}"/>
            </a:ext>
          </a:extLst>
        </xdr:cNvPr>
        <xdr:cNvSpPr txBox="1"/>
      </xdr:nvSpPr>
      <xdr:spPr>
        <a:xfrm>
          <a:off x="16357600" y="1376999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31114</xdr:rowOff>
    </xdr:from>
    <xdr:to>
      <xdr:col>85</xdr:col>
      <xdr:colOff>177800</xdr:colOff>
      <xdr:row>81</xdr:row>
      <xdr:rowOff>132714</xdr:rowOff>
    </xdr:to>
    <xdr:sp macro="" textlink="">
      <xdr:nvSpPr>
        <xdr:cNvPr id="653" name="フローチャート: 判断 652">
          <a:extLst>
            <a:ext uri="{FF2B5EF4-FFF2-40B4-BE49-F238E27FC236}">
              <a16:creationId xmlns:a16="http://schemas.microsoft.com/office/drawing/2014/main" id="{51B99DF6-1EEF-4712-8F4E-8489B9FAE06D}"/>
            </a:ext>
          </a:extLst>
        </xdr:cNvPr>
        <xdr:cNvSpPr/>
      </xdr:nvSpPr>
      <xdr:spPr>
        <a:xfrm>
          <a:off x="16268700" y="13918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120650</xdr:rowOff>
    </xdr:from>
    <xdr:to>
      <xdr:col>81</xdr:col>
      <xdr:colOff>101600</xdr:colOff>
      <xdr:row>82</xdr:row>
      <xdr:rowOff>50800</xdr:rowOff>
    </xdr:to>
    <xdr:sp macro="" textlink="">
      <xdr:nvSpPr>
        <xdr:cNvPr id="654" name="フローチャート: 判断 653">
          <a:extLst>
            <a:ext uri="{FF2B5EF4-FFF2-40B4-BE49-F238E27FC236}">
              <a16:creationId xmlns:a16="http://schemas.microsoft.com/office/drawing/2014/main" id="{CCD32352-0353-4651-99F2-C0F4AE487595}"/>
            </a:ext>
          </a:extLst>
        </xdr:cNvPr>
        <xdr:cNvSpPr/>
      </xdr:nvSpPr>
      <xdr:spPr>
        <a:xfrm>
          <a:off x="15430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92075</xdr:rowOff>
    </xdr:from>
    <xdr:to>
      <xdr:col>76</xdr:col>
      <xdr:colOff>165100</xdr:colOff>
      <xdr:row>82</xdr:row>
      <xdr:rowOff>22225</xdr:rowOff>
    </xdr:to>
    <xdr:sp macro="" textlink="">
      <xdr:nvSpPr>
        <xdr:cNvPr id="655" name="フローチャート: 判断 654">
          <a:extLst>
            <a:ext uri="{FF2B5EF4-FFF2-40B4-BE49-F238E27FC236}">
              <a16:creationId xmlns:a16="http://schemas.microsoft.com/office/drawing/2014/main" id="{8EC116C9-5389-4C4D-A29D-4BC26EB032C1}"/>
            </a:ext>
          </a:extLst>
        </xdr:cNvPr>
        <xdr:cNvSpPr/>
      </xdr:nvSpPr>
      <xdr:spPr>
        <a:xfrm>
          <a:off x="14541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44450</xdr:rowOff>
    </xdr:from>
    <xdr:to>
      <xdr:col>72</xdr:col>
      <xdr:colOff>38100</xdr:colOff>
      <xdr:row>81</xdr:row>
      <xdr:rowOff>146050</xdr:rowOff>
    </xdr:to>
    <xdr:sp macro="" textlink="">
      <xdr:nvSpPr>
        <xdr:cNvPr id="656" name="フローチャート: 判断 655">
          <a:extLst>
            <a:ext uri="{FF2B5EF4-FFF2-40B4-BE49-F238E27FC236}">
              <a16:creationId xmlns:a16="http://schemas.microsoft.com/office/drawing/2014/main" id="{BED906F0-7E17-49DE-92DE-0BFD9C835FC7}"/>
            </a:ext>
          </a:extLst>
        </xdr:cNvPr>
        <xdr:cNvSpPr/>
      </xdr:nvSpPr>
      <xdr:spPr>
        <a:xfrm>
          <a:off x="13652500" y="13931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29211</xdr:rowOff>
    </xdr:from>
    <xdr:to>
      <xdr:col>67</xdr:col>
      <xdr:colOff>101600</xdr:colOff>
      <xdr:row>81</xdr:row>
      <xdr:rowOff>130811</xdr:rowOff>
    </xdr:to>
    <xdr:sp macro="" textlink="">
      <xdr:nvSpPr>
        <xdr:cNvPr id="657" name="フローチャート: 判断 656">
          <a:extLst>
            <a:ext uri="{FF2B5EF4-FFF2-40B4-BE49-F238E27FC236}">
              <a16:creationId xmlns:a16="http://schemas.microsoft.com/office/drawing/2014/main" id="{01E4AA4C-D715-4FF0-903B-C5357B07376C}"/>
            </a:ext>
          </a:extLst>
        </xdr:cNvPr>
        <xdr:cNvSpPr/>
      </xdr:nvSpPr>
      <xdr:spPr>
        <a:xfrm>
          <a:off x="12763500" y="139166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58" name="テキスト ボックス 657">
          <a:extLst>
            <a:ext uri="{FF2B5EF4-FFF2-40B4-BE49-F238E27FC236}">
              <a16:creationId xmlns:a16="http://schemas.microsoft.com/office/drawing/2014/main" id="{9461BE10-BA51-4648-BD17-2A58D5C7964D}"/>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59" name="テキスト ボックス 658">
          <a:extLst>
            <a:ext uri="{FF2B5EF4-FFF2-40B4-BE49-F238E27FC236}">
              <a16:creationId xmlns:a16="http://schemas.microsoft.com/office/drawing/2014/main" id="{B9440947-0B88-452C-A07D-A316D3418E05}"/>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0" name="テキスト ボックス 659">
          <a:extLst>
            <a:ext uri="{FF2B5EF4-FFF2-40B4-BE49-F238E27FC236}">
              <a16:creationId xmlns:a16="http://schemas.microsoft.com/office/drawing/2014/main" id="{C83169D4-BC0B-49F7-B881-06BF61CE2F4B}"/>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id="{EC23ECA1-4825-44D1-8C1B-E7E31A70D80A}"/>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C2290A55-3911-40E3-A2F0-568416F5AD19}"/>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5</xdr:row>
      <xdr:rowOff>147320</xdr:rowOff>
    </xdr:from>
    <xdr:to>
      <xdr:col>85</xdr:col>
      <xdr:colOff>177800</xdr:colOff>
      <xdr:row>86</xdr:row>
      <xdr:rowOff>77470</xdr:rowOff>
    </xdr:to>
    <xdr:sp macro="" textlink="">
      <xdr:nvSpPr>
        <xdr:cNvPr id="663" name="楕円 662">
          <a:extLst>
            <a:ext uri="{FF2B5EF4-FFF2-40B4-BE49-F238E27FC236}">
              <a16:creationId xmlns:a16="http://schemas.microsoft.com/office/drawing/2014/main" id="{35CB4FF7-4827-4E66-A8AB-EBB5013877E2}"/>
            </a:ext>
          </a:extLst>
        </xdr:cNvPr>
        <xdr:cNvSpPr/>
      </xdr:nvSpPr>
      <xdr:spPr>
        <a:xfrm>
          <a:off x="16268700" y="1472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5</xdr:row>
      <xdr:rowOff>62247</xdr:rowOff>
    </xdr:from>
    <xdr:ext cx="405111" cy="259045"/>
    <xdr:sp macro="" textlink="">
      <xdr:nvSpPr>
        <xdr:cNvPr id="664" name="【児童館】&#10;有形固定資産減価償却率該当値テキスト">
          <a:extLst>
            <a:ext uri="{FF2B5EF4-FFF2-40B4-BE49-F238E27FC236}">
              <a16:creationId xmlns:a16="http://schemas.microsoft.com/office/drawing/2014/main" id="{B00FE818-30FC-46B3-8536-7737E2539121}"/>
            </a:ext>
          </a:extLst>
        </xdr:cNvPr>
        <xdr:cNvSpPr txBox="1"/>
      </xdr:nvSpPr>
      <xdr:spPr>
        <a:xfrm>
          <a:off x="16357600" y="14635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6</xdr:row>
      <xdr:rowOff>63500</xdr:rowOff>
    </xdr:from>
    <xdr:to>
      <xdr:col>81</xdr:col>
      <xdr:colOff>101600</xdr:colOff>
      <xdr:row>86</xdr:row>
      <xdr:rowOff>165100</xdr:rowOff>
    </xdr:to>
    <xdr:sp macro="" textlink="">
      <xdr:nvSpPr>
        <xdr:cNvPr id="665" name="楕円 664">
          <a:extLst>
            <a:ext uri="{FF2B5EF4-FFF2-40B4-BE49-F238E27FC236}">
              <a16:creationId xmlns:a16="http://schemas.microsoft.com/office/drawing/2014/main" id="{2E24CD99-18F5-44D2-99C1-441956CB31D0}"/>
            </a:ext>
          </a:extLst>
        </xdr:cNvPr>
        <xdr:cNvSpPr/>
      </xdr:nvSpPr>
      <xdr:spPr>
        <a:xfrm>
          <a:off x="15430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6</xdr:row>
      <xdr:rowOff>26670</xdr:rowOff>
    </xdr:from>
    <xdr:to>
      <xdr:col>85</xdr:col>
      <xdr:colOff>127000</xdr:colOff>
      <xdr:row>86</xdr:row>
      <xdr:rowOff>114300</xdr:rowOff>
    </xdr:to>
    <xdr:cxnSp macro="">
      <xdr:nvCxnSpPr>
        <xdr:cNvPr id="666" name="直線コネクタ 665">
          <a:extLst>
            <a:ext uri="{FF2B5EF4-FFF2-40B4-BE49-F238E27FC236}">
              <a16:creationId xmlns:a16="http://schemas.microsoft.com/office/drawing/2014/main" id="{73C719F1-72DD-4CE0-AA7E-1434AC42E9A8}"/>
            </a:ext>
          </a:extLst>
        </xdr:cNvPr>
        <xdr:cNvCxnSpPr/>
      </xdr:nvCxnSpPr>
      <xdr:spPr>
        <a:xfrm flipV="1">
          <a:off x="15481300" y="14771370"/>
          <a:ext cx="838200" cy="87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6</xdr:row>
      <xdr:rowOff>63500</xdr:rowOff>
    </xdr:from>
    <xdr:to>
      <xdr:col>76</xdr:col>
      <xdr:colOff>165100</xdr:colOff>
      <xdr:row>86</xdr:row>
      <xdr:rowOff>165100</xdr:rowOff>
    </xdr:to>
    <xdr:sp macro="" textlink="">
      <xdr:nvSpPr>
        <xdr:cNvPr id="667" name="楕円 666">
          <a:extLst>
            <a:ext uri="{FF2B5EF4-FFF2-40B4-BE49-F238E27FC236}">
              <a16:creationId xmlns:a16="http://schemas.microsoft.com/office/drawing/2014/main" id="{CC3373DC-6E17-4AD1-AF80-62D979263459}"/>
            </a:ext>
          </a:extLst>
        </xdr:cNvPr>
        <xdr:cNvSpPr/>
      </xdr:nvSpPr>
      <xdr:spPr>
        <a:xfrm>
          <a:off x="14541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6</xdr:row>
      <xdr:rowOff>114300</xdr:rowOff>
    </xdr:from>
    <xdr:to>
      <xdr:col>81</xdr:col>
      <xdr:colOff>50800</xdr:colOff>
      <xdr:row>86</xdr:row>
      <xdr:rowOff>114300</xdr:rowOff>
    </xdr:to>
    <xdr:cxnSp macro="">
      <xdr:nvCxnSpPr>
        <xdr:cNvPr id="668" name="直線コネクタ 667">
          <a:extLst>
            <a:ext uri="{FF2B5EF4-FFF2-40B4-BE49-F238E27FC236}">
              <a16:creationId xmlns:a16="http://schemas.microsoft.com/office/drawing/2014/main" id="{200E39E5-E466-44D7-86C7-1CCF40B1BE06}"/>
            </a:ext>
          </a:extLst>
        </xdr:cNvPr>
        <xdr:cNvCxnSpPr/>
      </xdr:nvCxnSpPr>
      <xdr:spPr>
        <a:xfrm>
          <a:off x="14592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6</xdr:row>
      <xdr:rowOff>63500</xdr:rowOff>
    </xdr:from>
    <xdr:to>
      <xdr:col>72</xdr:col>
      <xdr:colOff>38100</xdr:colOff>
      <xdr:row>86</xdr:row>
      <xdr:rowOff>165100</xdr:rowOff>
    </xdr:to>
    <xdr:sp macro="" textlink="">
      <xdr:nvSpPr>
        <xdr:cNvPr id="669" name="楕円 668">
          <a:extLst>
            <a:ext uri="{FF2B5EF4-FFF2-40B4-BE49-F238E27FC236}">
              <a16:creationId xmlns:a16="http://schemas.microsoft.com/office/drawing/2014/main" id="{666AA8DA-8F30-4436-A9D9-802EADF659B4}"/>
            </a:ext>
          </a:extLst>
        </xdr:cNvPr>
        <xdr:cNvSpPr/>
      </xdr:nvSpPr>
      <xdr:spPr>
        <a:xfrm>
          <a:off x="13652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6</xdr:row>
      <xdr:rowOff>114300</xdr:rowOff>
    </xdr:from>
    <xdr:to>
      <xdr:col>76</xdr:col>
      <xdr:colOff>114300</xdr:colOff>
      <xdr:row>86</xdr:row>
      <xdr:rowOff>114300</xdr:rowOff>
    </xdr:to>
    <xdr:cxnSp macro="">
      <xdr:nvCxnSpPr>
        <xdr:cNvPr id="670" name="直線コネクタ 669">
          <a:extLst>
            <a:ext uri="{FF2B5EF4-FFF2-40B4-BE49-F238E27FC236}">
              <a16:creationId xmlns:a16="http://schemas.microsoft.com/office/drawing/2014/main" id="{C65B9756-072F-4A5A-AD6D-C4770D4A264C}"/>
            </a:ext>
          </a:extLst>
        </xdr:cNvPr>
        <xdr:cNvCxnSpPr/>
      </xdr:nvCxnSpPr>
      <xdr:spPr>
        <a:xfrm>
          <a:off x="13703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6</xdr:row>
      <xdr:rowOff>63500</xdr:rowOff>
    </xdr:from>
    <xdr:to>
      <xdr:col>67</xdr:col>
      <xdr:colOff>101600</xdr:colOff>
      <xdr:row>86</xdr:row>
      <xdr:rowOff>165100</xdr:rowOff>
    </xdr:to>
    <xdr:sp macro="" textlink="">
      <xdr:nvSpPr>
        <xdr:cNvPr id="671" name="楕円 670">
          <a:extLst>
            <a:ext uri="{FF2B5EF4-FFF2-40B4-BE49-F238E27FC236}">
              <a16:creationId xmlns:a16="http://schemas.microsoft.com/office/drawing/2014/main" id="{642DB8D3-2655-4F8B-A15E-2F87721433EA}"/>
            </a:ext>
          </a:extLst>
        </xdr:cNvPr>
        <xdr:cNvSpPr/>
      </xdr:nvSpPr>
      <xdr:spPr>
        <a:xfrm>
          <a:off x="12763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6</xdr:row>
      <xdr:rowOff>114300</xdr:rowOff>
    </xdr:from>
    <xdr:to>
      <xdr:col>71</xdr:col>
      <xdr:colOff>177800</xdr:colOff>
      <xdr:row>86</xdr:row>
      <xdr:rowOff>114300</xdr:rowOff>
    </xdr:to>
    <xdr:cxnSp macro="">
      <xdr:nvCxnSpPr>
        <xdr:cNvPr id="672" name="直線コネクタ 671">
          <a:extLst>
            <a:ext uri="{FF2B5EF4-FFF2-40B4-BE49-F238E27FC236}">
              <a16:creationId xmlns:a16="http://schemas.microsoft.com/office/drawing/2014/main" id="{8A4C082F-C0A3-442A-8F6F-A8D8E14C23C2}"/>
            </a:ext>
          </a:extLst>
        </xdr:cNvPr>
        <xdr:cNvCxnSpPr/>
      </xdr:nvCxnSpPr>
      <xdr:spPr>
        <a:xfrm>
          <a:off x="12814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67327</xdr:rowOff>
    </xdr:from>
    <xdr:ext cx="405111" cy="259045"/>
    <xdr:sp macro="" textlink="">
      <xdr:nvSpPr>
        <xdr:cNvPr id="673" name="n_1aveValue【児童館】&#10;有形固定資産減価償却率">
          <a:extLst>
            <a:ext uri="{FF2B5EF4-FFF2-40B4-BE49-F238E27FC236}">
              <a16:creationId xmlns:a16="http://schemas.microsoft.com/office/drawing/2014/main" id="{8FB618DA-5B25-4FA6-8DD3-96F3CD16EE04}"/>
            </a:ext>
          </a:extLst>
        </xdr:cNvPr>
        <xdr:cNvSpPr txBox="1"/>
      </xdr:nvSpPr>
      <xdr:spPr>
        <a:xfrm>
          <a:off x="15266044" y="13783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0</xdr:row>
      <xdr:rowOff>38752</xdr:rowOff>
    </xdr:from>
    <xdr:ext cx="405111" cy="259045"/>
    <xdr:sp macro="" textlink="">
      <xdr:nvSpPr>
        <xdr:cNvPr id="674" name="n_2aveValue【児童館】&#10;有形固定資産減価償却率">
          <a:extLst>
            <a:ext uri="{FF2B5EF4-FFF2-40B4-BE49-F238E27FC236}">
              <a16:creationId xmlns:a16="http://schemas.microsoft.com/office/drawing/2014/main" id="{2D1B3DE6-3478-4BB0-8A60-4AFD5D7D4AB7}"/>
            </a:ext>
          </a:extLst>
        </xdr:cNvPr>
        <xdr:cNvSpPr txBox="1"/>
      </xdr:nvSpPr>
      <xdr:spPr>
        <a:xfrm>
          <a:off x="143897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162577</xdr:rowOff>
    </xdr:from>
    <xdr:ext cx="405111" cy="259045"/>
    <xdr:sp macro="" textlink="">
      <xdr:nvSpPr>
        <xdr:cNvPr id="675" name="n_3aveValue【児童館】&#10;有形固定資産減価償却率">
          <a:extLst>
            <a:ext uri="{FF2B5EF4-FFF2-40B4-BE49-F238E27FC236}">
              <a16:creationId xmlns:a16="http://schemas.microsoft.com/office/drawing/2014/main" id="{A94B1BBC-A330-41B9-9013-C40608256A29}"/>
            </a:ext>
          </a:extLst>
        </xdr:cNvPr>
        <xdr:cNvSpPr txBox="1"/>
      </xdr:nvSpPr>
      <xdr:spPr>
        <a:xfrm>
          <a:off x="13500744" y="13707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47338</xdr:rowOff>
    </xdr:from>
    <xdr:ext cx="405111" cy="259045"/>
    <xdr:sp macro="" textlink="">
      <xdr:nvSpPr>
        <xdr:cNvPr id="676" name="n_4aveValue【児童館】&#10;有形固定資産減価償却率">
          <a:extLst>
            <a:ext uri="{FF2B5EF4-FFF2-40B4-BE49-F238E27FC236}">
              <a16:creationId xmlns:a16="http://schemas.microsoft.com/office/drawing/2014/main" id="{AB0E7B66-8165-4FCE-979A-4DADFE5BBDB9}"/>
            </a:ext>
          </a:extLst>
        </xdr:cNvPr>
        <xdr:cNvSpPr txBox="1"/>
      </xdr:nvSpPr>
      <xdr:spPr>
        <a:xfrm>
          <a:off x="12611744" y="136918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9</xdr:col>
      <xdr:colOff>184227</xdr:colOff>
      <xdr:row>86</xdr:row>
      <xdr:rowOff>156227</xdr:rowOff>
    </xdr:from>
    <xdr:ext cx="469744" cy="259045"/>
    <xdr:sp macro="" textlink="">
      <xdr:nvSpPr>
        <xdr:cNvPr id="677" name="n_1mainValue【児童館】&#10;有形固定資産減価償却率">
          <a:extLst>
            <a:ext uri="{FF2B5EF4-FFF2-40B4-BE49-F238E27FC236}">
              <a16:creationId xmlns:a16="http://schemas.microsoft.com/office/drawing/2014/main" id="{6DE5A6FE-1EAC-4A49-B5B6-2BF176D311E1}"/>
            </a:ext>
          </a:extLst>
        </xdr:cNvPr>
        <xdr:cNvSpPr txBox="1"/>
      </xdr:nvSpPr>
      <xdr:spPr>
        <a:xfrm>
          <a:off x="152337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86</xdr:row>
      <xdr:rowOff>156227</xdr:rowOff>
    </xdr:from>
    <xdr:ext cx="469744" cy="259045"/>
    <xdr:sp macro="" textlink="">
      <xdr:nvSpPr>
        <xdr:cNvPr id="678" name="n_2mainValue【児童館】&#10;有形固定資産減価償却率">
          <a:extLst>
            <a:ext uri="{FF2B5EF4-FFF2-40B4-BE49-F238E27FC236}">
              <a16:creationId xmlns:a16="http://schemas.microsoft.com/office/drawing/2014/main" id="{D23E7ED4-8268-4656-AF92-FE04F64EAD10}"/>
            </a:ext>
          </a:extLst>
        </xdr:cNvPr>
        <xdr:cNvSpPr txBox="1"/>
      </xdr:nvSpPr>
      <xdr:spPr>
        <a:xfrm>
          <a:off x="14357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86</xdr:row>
      <xdr:rowOff>156227</xdr:rowOff>
    </xdr:from>
    <xdr:ext cx="469744" cy="259045"/>
    <xdr:sp macro="" textlink="">
      <xdr:nvSpPr>
        <xdr:cNvPr id="679" name="n_3mainValue【児童館】&#10;有形固定資産減価償却率">
          <a:extLst>
            <a:ext uri="{FF2B5EF4-FFF2-40B4-BE49-F238E27FC236}">
              <a16:creationId xmlns:a16="http://schemas.microsoft.com/office/drawing/2014/main" id="{A6207E2C-7BF3-4605-9676-F41D05C24A68}"/>
            </a:ext>
          </a:extLst>
        </xdr:cNvPr>
        <xdr:cNvSpPr txBox="1"/>
      </xdr:nvSpPr>
      <xdr:spPr>
        <a:xfrm>
          <a:off x="13468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6427</xdr:colOff>
      <xdr:row>86</xdr:row>
      <xdr:rowOff>156227</xdr:rowOff>
    </xdr:from>
    <xdr:ext cx="469744" cy="259045"/>
    <xdr:sp macro="" textlink="">
      <xdr:nvSpPr>
        <xdr:cNvPr id="680" name="n_4mainValue【児童館】&#10;有形固定資産減価償却率">
          <a:extLst>
            <a:ext uri="{FF2B5EF4-FFF2-40B4-BE49-F238E27FC236}">
              <a16:creationId xmlns:a16="http://schemas.microsoft.com/office/drawing/2014/main" id="{0478DE55-E468-4B93-A136-3CAFCE12A40C}"/>
            </a:ext>
          </a:extLst>
        </xdr:cNvPr>
        <xdr:cNvSpPr txBox="1"/>
      </xdr:nvSpPr>
      <xdr:spPr>
        <a:xfrm>
          <a:off x="12579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1" name="正方形/長方形 680">
          <a:extLst>
            <a:ext uri="{FF2B5EF4-FFF2-40B4-BE49-F238E27FC236}">
              <a16:creationId xmlns:a16="http://schemas.microsoft.com/office/drawing/2014/main" id="{4C849352-66E8-4790-8BC7-829FE46C2FC6}"/>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2" name="正方形/長方形 681">
          <a:extLst>
            <a:ext uri="{FF2B5EF4-FFF2-40B4-BE49-F238E27FC236}">
              <a16:creationId xmlns:a16="http://schemas.microsoft.com/office/drawing/2014/main" id="{5BC6F0F6-597C-44B1-B195-56042DC42389}"/>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3" name="正方形/長方形 682">
          <a:extLst>
            <a:ext uri="{FF2B5EF4-FFF2-40B4-BE49-F238E27FC236}">
              <a16:creationId xmlns:a16="http://schemas.microsoft.com/office/drawing/2014/main" id="{78B3CE56-F8CB-47CC-A712-84A41CF1604F}"/>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4" name="正方形/長方形 683">
          <a:extLst>
            <a:ext uri="{FF2B5EF4-FFF2-40B4-BE49-F238E27FC236}">
              <a16:creationId xmlns:a16="http://schemas.microsoft.com/office/drawing/2014/main" id="{039102D6-8BCE-4018-BF56-1C133C5A5545}"/>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5" name="正方形/長方形 684">
          <a:extLst>
            <a:ext uri="{FF2B5EF4-FFF2-40B4-BE49-F238E27FC236}">
              <a16:creationId xmlns:a16="http://schemas.microsoft.com/office/drawing/2014/main" id="{D4AA5009-B1EC-4CE3-9086-50FD74D94E53}"/>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6" name="正方形/長方形 685">
          <a:extLst>
            <a:ext uri="{FF2B5EF4-FFF2-40B4-BE49-F238E27FC236}">
              <a16:creationId xmlns:a16="http://schemas.microsoft.com/office/drawing/2014/main" id="{721E0026-6CD4-4969-A633-8526DDA8582F}"/>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7" name="正方形/長方形 686">
          <a:extLst>
            <a:ext uri="{FF2B5EF4-FFF2-40B4-BE49-F238E27FC236}">
              <a16:creationId xmlns:a16="http://schemas.microsoft.com/office/drawing/2014/main" id="{178BDDC5-34C7-4693-86DF-FED6F681D6CB}"/>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8" name="正方形/長方形 687">
          <a:extLst>
            <a:ext uri="{FF2B5EF4-FFF2-40B4-BE49-F238E27FC236}">
              <a16:creationId xmlns:a16="http://schemas.microsoft.com/office/drawing/2014/main" id="{BA9E72BF-EBDC-4595-9D3D-7A5B463F4C30}"/>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9" name="テキスト ボックス 688">
          <a:extLst>
            <a:ext uri="{FF2B5EF4-FFF2-40B4-BE49-F238E27FC236}">
              <a16:creationId xmlns:a16="http://schemas.microsoft.com/office/drawing/2014/main" id="{8470DE4F-58F5-4D32-9E03-5F5F5463BFF0}"/>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0" name="直線コネクタ 689">
          <a:extLst>
            <a:ext uri="{FF2B5EF4-FFF2-40B4-BE49-F238E27FC236}">
              <a16:creationId xmlns:a16="http://schemas.microsoft.com/office/drawing/2014/main" id="{B3C1828E-F638-4D12-AA09-7D295789751F}"/>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691" name="直線コネクタ 690">
          <a:extLst>
            <a:ext uri="{FF2B5EF4-FFF2-40B4-BE49-F238E27FC236}">
              <a16:creationId xmlns:a16="http://schemas.microsoft.com/office/drawing/2014/main" id="{F911E604-8524-4E46-A776-854FC1A527E7}"/>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692" name="テキスト ボックス 691">
          <a:extLst>
            <a:ext uri="{FF2B5EF4-FFF2-40B4-BE49-F238E27FC236}">
              <a16:creationId xmlns:a16="http://schemas.microsoft.com/office/drawing/2014/main" id="{2BE9BD93-E458-4AB2-AB59-6D080C9299D2}"/>
            </a:ext>
          </a:extLst>
        </xdr:cNvPr>
        <xdr:cNvSpPr txBox="1"/>
      </xdr:nvSpPr>
      <xdr:spPr>
        <a:xfrm>
          <a:off x="17820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693" name="直線コネクタ 692">
          <a:extLst>
            <a:ext uri="{FF2B5EF4-FFF2-40B4-BE49-F238E27FC236}">
              <a16:creationId xmlns:a16="http://schemas.microsoft.com/office/drawing/2014/main" id="{5E1F04AE-8815-4E93-BC39-9F08181A2D70}"/>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694" name="テキスト ボックス 693">
          <a:extLst>
            <a:ext uri="{FF2B5EF4-FFF2-40B4-BE49-F238E27FC236}">
              <a16:creationId xmlns:a16="http://schemas.microsoft.com/office/drawing/2014/main" id="{FD958DF2-B508-4310-AF87-A9DFB449A043}"/>
            </a:ext>
          </a:extLst>
        </xdr:cNvPr>
        <xdr:cNvSpPr txBox="1"/>
      </xdr:nvSpPr>
      <xdr:spPr>
        <a:xfrm>
          <a:off x="17820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695" name="直線コネクタ 694">
          <a:extLst>
            <a:ext uri="{FF2B5EF4-FFF2-40B4-BE49-F238E27FC236}">
              <a16:creationId xmlns:a16="http://schemas.microsoft.com/office/drawing/2014/main" id="{268AB693-1E1E-4E47-9E21-12B2F0A18B91}"/>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696" name="テキスト ボックス 695">
          <a:extLst>
            <a:ext uri="{FF2B5EF4-FFF2-40B4-BE49-F238E27FC236}">
              <a16:creationId xmlns:a16="http://schemas.microsoft.com/office/drawing/2014/main" id="{900B7F57-6A0D-44E4-81C2-137421E7C60E}"/>
            </a:ext>
          </a:extLst>
        </xdr:cNvPr>
        <xdr:cNvSpPr txBox="1"/>
      </xdr:nvSpPr>
      <xdr:spPr>
        <a:xfrm>
          <a:off x="17820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697" name="直線コネクタ 696">
          <a:extLst>
            <a:ext uri="{FF2B5EF4-FFF2-40B4-BE49-F238E27FC236}">
              <a16:creationId xmlns:a16="http://schemas.microsoft.com/office/drawing/2014/main" id="{F7779F64-EDEB-424E-BE39-493A318AA0CA}"/>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698" name="テキスト ボックス 697">
          <a:extLst>
            <a:ext uri="{FF2B5EF4-FFF2-40B4-BE49-F238E27FC236}">
              <a16:creationId xmlns:a16="http://schemas.microsoft.com/office/drawing/2014/main" id="{1574B2DD-E77C-4C1A-B8D0-42BA2B61C31C}"/>
            </a:ext>
          </a:extLst>
        </xdr:cNvPr>
        <xdr:cNvSpPr txBox="1"/>
      </xdr:nvSpPr>
      <xdr:spPr>
        <a:xfrm>
          <a:off x="17820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9" name="直線コネクタ 698">
          <a:extLst>
            <a:ext uri="{FF2B5EF4-FFF2-40B4-BE49-F238E27FC236}">
              <a16:creationId xmlns:a16="http://schemas.microsoft.com/office/drawing/2014/main" id="{2E8CC4D2-8C34-4243-832B-465A32D3C776}"/>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0" name="テキスト ボックス 699">
          <a:extLst>
            <a:ext uri="{FF2B5EF4-FFF2-40B4-BE49-F238E27FC236}">
              <a16:creationId xmlns:a16="http://schemas.microsoft.com/office/drawing/2014/main" id="{442854CF-9A31-4858-9C9C-B7A01EC0B2A7}"/>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1" name="【児童館】&#10;一人当たり面積グラフ枠">
          <a:extLst>
            <a:ext uri="{FF2B5EF4-FFF2-40B4-BE49-F238E27FC236}">
              <a16:creationId xmlns:a16="http://schemas.microsoft.com/office/drawing/2014/main" id="{5B3EF7A8-E029-4255-AD2F-812C43C7A27F}"/>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140970</xdr:rowOff>
    </xdr:from>
    <xdr:to>
      <xdr:col>116</xdr:col>
      <xdr:colOff>62864</xdr:colOff>
      <xdr:row>85</xdr:row>
      <xdr:rowOff>140970</xdr:rowOff>
    </xdr:to>
    <xdr:cxnSp macro="">
      <xdr:nvCxnSpPr>
        <xdr:cNvPr id="702" name="直線コネクタ 701">
          <a:extLst>
            <a:ext uri="{FF2B5EF4-FFF2-40B4-BE49-F238E27FC236}">
              <a16:creationId xmlns:a16="http://schemas.microsoft.com/office/drawing/2014/main" id="{99025852-CE2A-428B-A0F1-48BCDC1FDB51}"/>
            </a:ext>
          </a:extLst>
        </xdr:cNvPr>
        <xdr:cNvCxnSpPr/>
      </xdr:nvCxnSpPr>
      <xdr:spPr>
        <a:xfrm flipV="1">
          <a:off x="22160864" y="1334262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144797</xdr:rowOff>
    </xdr:from>
    <xdr:ext cx="469744" cy="259045"/>
    <xdr:sp macro="" textlink="">
      <xdr:nvSpPr>
        <xdr:cNvPr id="703" name="【児童館】&#10;一人当たり面積最小値テキスト">
          <a:extLst>
            <a:ext uri="{FF2B5EF4-FFF2-40B4-BE49-F238E27FC236}">
              <a16:creationId xmlns:a16="http://schemas.microsoft.com/office/drawing/2014/main" id="{FF8A9EED-5DF4-4A6A-89C7-FAEF8291D36B}"/>
            </a:ext>
          </a:extLst>
        </xdr:cNvPr>
        <xdr:cNvSpPr txBox="1"/>
      </xdr:nvSpPr>
      <xdr:spPr>
        <a:xfrm>
          <a:off x="22199600" y="14718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40970</xdr:rowOff>
    </xdr:from>
    <xdr:to>
      <xdr:col>116</xdr:col>
      <xdr:colOff>152400</xdr:colOff>
      <xdr:row>85</xdr:row>
      <xdr:rowOff>140970</xdr:rowOff>
    </xdr:to>
    <xdr:cxnSp macro="">
      <xdr:nvCxnSpPr>
        <xdr:cNvPr id="704" name="直線コネクタ 703">
          <a:extLst>
            <a:ext uri="{FF2B5EF4-FFF2-40B4-BE49-F238E27FC236}">
              <a16:creationId xmlns:a16="http://schemas.microsoft.com/office/drawing/2014/main" id="{E85F118E-40A5-449D-9DC1-A95DF0146EF8}"/>
            </a:ext>
          </a:extLst>
        </xdr:cNvPr>
        <xdr:cNvCxnSpPr/>
      </xdr:nvCxnSpPr>
      <xdr:spPr>
        <a:xfrm>
          <a:off x="22072600" y="14714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87647</xdr:rowOff>
    </xdr:from>
    <xdr:ext cx="469744" cy="259045"/>
    <xdr:sp macro="" textlink="">
      <xdr:nvSpPr>
        <xdr:cNvPr id="705" name="【児童館】&#10;一人当たり面積最大値テキスト">
          <a:extLst>
            <a:ext uri="{FF2B5EF4-FFF2-40B4-BE49-F238E27FC236}">
              <a16:creationId xmlns:a16="http://schemas.microsoft.com/office/drawing/2014/main" id="{9227C186-CB7A-49E4-AD78-A4741ED43418}"/>
            </a:ext>
          </a:extLst>
        </xdr:cNvPr>
        <xdr:cNvSpPr txBox="1"/>
      </xdr:nvSpPr>
      <xdr:spPr>
        <a:xfrm>
          <a:off x="22199600" y="13117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0970</xdr:rowOff>
    </xdr:from>
    <xdr:to>
      <xdr:col>116</xdr:col>
      <xdr:colOff>152400</xdr:colOff>
      <xdr:row>77</xdr:row>
      <xdr:rowOff>140970</xdr:rowOff>
    </xdr:to>
    <xdr:cxnSp macro="">
      <xdr:nvCxnSpPr>
        <xdr:cNvPr id="706" name="直線コネクタ 705">
          <a:extLst>
            <a:ext uri="{FF2B5EF4-FFF2-40B4-BE49-F238E27FC236}">
              <a16:creationId xmlns:a16="http://schemas.microsoft.com/office/drawing/2014/main" id="{ACEB01FA-93C4-4EFB-A590-0044794BE571}"/>
            </a:ext>
          </a:extLst>
        </xdr:cNvPr>
        <xdr:cNvCxnSpPr/>
      </xdr:nvCxnSpPr>
      <xdr:spPr>
        <a:xfrm>
          <a:off x="22072600" y="1334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68597</xdr:rowOff>
    </xdr:from>
    <xdr:ext cx="469744" cy="259045"/>
    <xdr:sp macro="" textlink="">
      <xdr:nvSpPr>
        <xdr:cNvPr id="707" name="【児童館】&#10;一人当たり面積平均値テキスト">
          <a:extLst>
            <a:ext uri="{FF2B5EF4-FFF2-40B4-BE49-F238E27FC236}">
              <a16:creationId xmlns:a16="http://schemas.microsoft.com/office/drawing/2014/main" id="{E731A8F0-9E97-49FE-932F-4C49BEDA76F3}"/>
            </a:ext>
          </a:extLst>
        </xdr:cNvPr>
        <xdr:cNvSpPr txBox="1"/>
      </xdr:nvSpPr>
      <xdr:spPr>
        <a:xfrm>
          <a:off x="22199600" y="14298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3</xdr:row>
      <xdr:rowOff>90170</xdr:rowOff>
    </xdr:from>
    <xdr:to>
      <xdr:col>116</xdr:col>
      <xdr:colOff>114300</xdr:colOff>
      <xdr:row>84</xdr:row>
      <xdr:rowOff>20320</xdr:rowOff>
    </xdr:to>
    <xdr:sp macro="" textlink="">
      <xdr:nvSpPr>
        <xdr:cNvPr id="708" name="フローチャート: 判断 707">
          <a:extLst>
            <a:ext uri="{FF2B5EF4-FFF2-40B4-BE49-F238E27FC236}">
              <a16:creationId xmlns:a16="http://schemas.microsoft.com/office/drawing/2014/main" id="{6DCCB90D-CB14-470C-BE7A-3CCD30BD827C}"/>
            </a:ext>
          </a:extLst>
        </xdr:cNvPr>
        <xdr:cNvSpPr/>
      </xdr:nvSpPr>
      <xdr:spPr>
        <a:xfrm>
          <a:off x="22110700" y="1432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58750</xdr:rowOff>
    </xdr:from>
    <xdr:to>
      <xdr:col>112</xdr:col>
      <xdr:colOff>38100</xdr:colOff>
      <xdr:row>84</xdr:row>
      <xdr:rowOff>88900</xdr:rowOff>
    </xdr:to>
    <xdr:sp macro="" textlink="">
      <xdr:nvSpPr>
        <xdr:cNvPr id="709" name="フローチャート: 判断 708">
          <a:extLst>
            <a:ext uri="{FF2B5EF4-FFF2-40B4-BE49-F238E27FC236}">
              <a16:creationId xmlns:a16="http://schemas.microsoft.com/office/drawing/2014/main" id="{C368D98C-74E2-4FD1-AB3B-2949E322726F}"/>
            </a:ext>
          </a:extLst>
        </xdr:cNvPr>
        <xdr:cNvSpPr/>
      </xdr:nvSpPr>
      <xdr:spPr>
        <a:xfrm>
          <a:off x="21272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3</xdr:row>
      <xdr:rowOff>135889</xdr:rowOff>
    </xdr:from>
    <xdr:to>
      <xdr:col>107</xdr:col>
      <xdr:colOff>101600</xdr:colOff>
      <xdr:row>84</xdr:row>
      <xdr:rowOff>66039</xdr:rowOff>
    </xdr:to>
    <xdr:sp macro="" textlink="">
      <xdr:nvSpPr>
        <xdr:cNvPr id="710" name="フローチャート: 判断 709">
          <a:extLst>
            <a:ext uri="{FF2B5EF4-FFF2-40B4-BE49-F238E27FC236}">
              <a16:creationId xmlns:a16="http://schemas.microsoft.com/office/drawing/2014/main" id="{0A606B5F-F6CC-433B-A9BE-6D49F8AFF519}"/>
            </a:ext>
          </a:extLst>
        </xdr:cNvPr>
        <xdr:cNvSpPr/>
      </xdr:nvSpPr>
      <xdr:spPr>
        <a:xfrm>
          <a:off x="203835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35889</xdr:rowOff>
    </xdr:from>
    <xdr:to>
      <xdr:col>102</xdr:col>
      <xdr:colOff>165100</xdr:colOff>
      <xdr:row>84</xdr:row>
      <xdr:rowOff>66039</xdr:rowOff>
    </xdr:to>
    <xdr:sp macro="" textlink="">
      <xdr:nvSpPr>
        <xdr:cNvPr id="711" name="フローチャート: 判断 710">
          <a:extLst>
            <a:ext uri="{FF2B5EF4-FFF2-40B4-BE49-F238E27FC236}">
              <a16:creationId xmlns:a16="http://schemas.microsoft.com/office/drawing/2014/main" id="{74624614-ADC1-4077-A1F3-0B8E91510293}"/>
            </a:ext>
          </a:extLst>
        </xdr:cNvPr>
        <xdr:cNvSpPr/>
      </xdr:nvSpPr>
      <xdr:spPr>
        <a:xfrm>
          <a:off x="19494500" y="14366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58750</xdr:rowOff>
    </xdr:from>
    <xdr:to>
      <xdr:col>98</xdr:col>
      <xdr:colOff>38100</xdr:colOff>
      <xdr:row>84</xdr:row>
      <xdr:rowOff>88900</xdr:rowOff>
    </xdr:to>
    <xdr:sp macro="" textlink="">
      <xdr:nvSpPr>
        <xdr:cNvPr id="712" name="フローチャート: 判断 711">
          <a:extLst>
            <a:ext uri="{FF2B5EF4-FFF2-40B4-BE49-F238E27FC236}">
              <a16:creationId xmlns:a16="http://schemas.microsoft.com/office/drawing/2014/main" id="{11820E49-586B-4F90-94BF-57D869ACF1B0}"/>
            </a:ext>
          </a:extLst>
        </xdr:cNvPr>
        <xdr:cNvSpPr/>
      </xdr:nvSpPr>
      <xdr:spPr>
        <a:xfrm>
          <a:off x="18605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3" name="テキスト ボックス 712">
          <a:extLst>
            <a:ext uri="{FF2B5EF4-FFF2-40B4-BE49-F238E27FC236}">
              <a16:creationId xmlns:a16="http://schemas.microsoft.com/office/drawing/2014/main" id="{333B64D2-17DE-427B-935B-406E6BACD601}"/>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4" name="テキスト ボックス 713">
          <a:extLst>
            <a:ext uri="{FF2B5EF4-FFF2-40B4-BE49-F238E27FC236}">
              <a16:creationId xmlns:a16="http://schemas.microsoft.com/office/drawing/2014/main" id="{13E8AC9E-837D-45AA-AA05-AEA392C49523}"/>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5" name="テキスト ボックス 714">
          <a:extLst>
            <a:ext uri="{FF2B5EF4-FFF2-40B4-BE49-F238E27FC236}">
              <a16:creationId xmlns:a16="http://schemas.microsoft.com/office/drawing/2014/main" id="{AD5584D5-77A4-4664-8703-BA4A1D021931}"/>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6" name="テキスト ボックス 715">
          <a:extLst>
            <a:ext uri="{FF2B5EF4-FFF2-40B4-BE49-F238E27FC236}">
              <a16:creationId xmlns:a16="http://schemas.microsoft.com/office/drawing/2014/main" id="{D77C2D40-7F1E-4134-A772-B269BB7598BD}"/>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7" name="テキスト ボックス 716">
          <a:extLst>
            <a:ext uri="{FF2B5EF4-FFF2-40B4-BE49-F238E27FC236}">
              <a16:creationId xmlns:a16="http://schemas.microsoft.com/office/drawing/2014/main" id="{BAACE84F-7EFF-4CE4-91B7-B5723D9EC427}"/>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2</xdr:row>
      <xdr:rowOff>101600</xdr:rowOff>
    </xdr:from>
    <xdr:to>
      <xdr:col>116</xdr:col>
      <xdr:colOff>114300</xdr:colOff>
      <xdr:row>83</xdr:row>
      <xdr:rowOff>31750</xdr:rowOff>
    </xdr:to>
    <xdr:sp macro="" textlink="">
      <xdr:nvSpPr>
        <xdr:cNvPr id="718" name="楕円 717">
          <a:extLst>
            <a:ext uri="{FF2B5EF4-FFF2-40B4-BE49-F238E27FC236}">
              <a16:creationId xmlns:a16="http://schemas.microsoft.com/office/drawing/2014/main" id="{490A52CD-4A5B-44E4-A76D-5D5E92D47457}"/>
            </a:ext>
          </a:extLst>
        </xdr:cNvPr>
        <xdr:cNvSpPr/>
      </xdr:nvSpPr>
      <xdr:spPr>
        <a:xfrm>
          <a:off x="22110700" y="14160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1</xdr:row>
      <xdr:rowOff>124477</xdr:rowOff>
    </xdr:from>
    <xdr:ext cx="469744" cy="259045"/>
    <xdr:sp macro="" textlink="">
      <xdr:nvSpPr>
        <xdr:cNvPr id="719" name="【児童館】&#10;一人当たり面積該当値テキスト">
          <a:extLst>
            <a:ext uri="{FF2B5EF4-FFF2-40B4-BE49-F238E27FC236}">
              <a16:creationId xmlns:a16="http://schemas.microsoft.com/office/drawing/2014/main" id="{A6AE2DA5-D766-4154-8E57-95203EA59718}"/>
            </a:ext>
          </a:extLst>
        </xdr:cNvPr>
        <xdr:cNvSpPr txBox="1"/>
      </xdr:nvSpPr>
      <xdr:spPr>
        <a:xfrm>
          <a:off x="22199600" y="1401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2</xdr:row>
      <xdr:rowOff>124461</xdr:rowOff>
    </xdr:from>
    <xdr:to>
      <xdr:col>112</xdr:col>
      <xdr:colOff>38100</xdr:colOff>
      <xdr:row>83</xdr:row>
      <xdr:rowOff>54611</xdr:rowOff>
    </xdr:to>
    <xdr:sp macro="" textlink="">
      <xdr:nvSpPr>
        <xdr:cNvPr id="720" name="楕円 719">
          <a:extLst>
            <a:ext uri="{FF2B5EF4-FFF2-40B4-BE49-F238E27FC236}">
              <a16:creationId xmlns:a16="http://schemas.microsoft.com/office/drawing/2014/main" id="{4DB1DD4B-5EBE-4B69-8332-8F11654F9347}"/>
            </a:ext>
          </a:extLst>
        </xdr:cNvPr>
        <xdr:cNvSpPr/>
      </xdr:nvSpPr>
      <xdr:spPr>
        <a:xfrm>
          <a:off x="21272500" y="1418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2</xdr:row>
      <xdr:rowOff>152400</xdr:rowOff>
    </xdr:from>
    <xdr:to>
      <xdr:col>116</xdr:col>
      <xdr:colOff>63500</xdr:colOff>
      <xdr:row>83</xdr:row>
      <xdr:rowOff>3811</xdr:rowOff>
    </xdr:to>
    <xdr:cxnSp macro="">
      <xdr:nvCxnSpPr>
        <xdr:cNvPr id="721" name="直線コネクタ 720">
          <a:extLst>
            <a:ext uri="{FF2B5EF4-FFF2-40B4-BE49-F238E27FC236}">
              <a16:creationId xmlns:a16="http://schemas.microsoft.com/office/drawing/2014/main" id="{4AD51EA8-5F1A-4191-83F6-B7ED028C48D0}"/>
            </a:ext>
          </a:extLst>
        </xdr:cNvPr>
        <xdr:cNvCxnSpPr/>
      </xdr:nvCxnSpPr>
      <xdr:spPr>
        <a:xfrm flipV="1">
          <a:off x="21323300" y="14211300"/>
          <a:ext cx="8382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2</xdr:row>
      <xdr:rowOff>124461</xdr:rowOff>
    </xdr:from>
    <xdr:to>
      <xdr:col>107</xdr:col>
      <xdr:colOff>101600</xdr:colOff>
      <xdr:row>83</xdr:row>
      <xdr:rowOff>54611</xdr:rowOff>
    </xdr:to>
    <xdr:sp macro="" textlink="">
      <xdr:nvSpPr>
        <xdr:cNvPr id="722" name="楕円 721">
          <a:extLst>
            <a:ext uri="{FF2B5EF4-FFF2-40B4-BE49-F238E27FC236}">
              <a16:creationId xmlns:a16="http://schemas.microsoft.com/office/drawing/2014/main" id="{4A078340-9469-472C-8AF2-4DA5C3CE4006}"/>
            </a:ext>
          </a:extLst>
        </xdr:cNvPr>
        <xdr:cNvSpPr/>
      </xdr:nvSpPr>
      <xdr:spPr>
        <a:xfrm>
          <a:off x="20383500" y="1418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3</xdr:row>
      <xdr:rowOff>3811</xdr:rowOff>
    </xdr:from>
    <xdr:to>
      <xdr:col>111</xdr:col>
      <xdr:colOff>177800</xdr:colOff>
      <xdr:row>83</xdr:row>
      <xdr:rowOff>3811</xdr:rowOff>
    </xdr:to>
    <xdr:cxnSp macro="">
      <xdr:nvCxnSpPr>
        <xdr:cNvPr id="723" name="直線コネクタ 722">
          <a:extLst>
            <a:ext uri="{FF2B5EF4-FFF2-40B4-BE49-F238E27FC236}">
              <a16:creationId xmlns:a16="http://schemas.microsoft.com/office/drawing/2014/main" id="{EFC07894-9B1B-4A45-953A-CDF6E2B3D2AA}"/>
            </a:ext>
          </a:extLst>
        </xdr:cNvPr>
        <xdr:cNvCxnSpPr/>
      </xdr:nvCxnSpPr>
      <xdr:spPr>
        <a:xfrm>
          <a:off x="20434300" y="142341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2</xdr:row>
      <xdr:rowOff>124461</xdr:rowOff>
    </xdr:from>
    <xdr:to>
      <xdr:col>102</xdr:col>
      <xdr:colOff>165100</xdr:colOff>
      <xdr:row>83</xdr:row>
      <xdr:rowOff>54611</xdr:rowOff>
    </xdr:to>
    <xdr:sp macro="" textlink="">
      <xdr:nvSpPr>
        <xdr:cNvPr id="724" name="楕円 723">
          <a:extLst>
            <a:ext uri="{FF2B5EF4-FFF2-40B4-BE49-F238E27FC236}">
              <a16:creationId xmlns:a16="http://schemas.microsoft.com/office/drawing/2014/main" id="{2DD3564D-7B63-4985-88CC-72D284871D06}"/>
            </a:ext>
          </a:extLst>
        </xdr:cNvPr>
        <xdr:cNvSpPr/>
      </xdr:nvSpPr>
      <xdr:spPr>
        <a:xfrm>
          <a:off x="19494500" y="1418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3</xdr:row>
      <xdr:rowOff>3811</xdr:rowOff>
    </xdr:from>
    <xdr:to>
      <xdr:col>107</xdr:col>
      <xdr:colOff>50800</xdr:colOff>
      <xdr:row>83</xdr:row>
      <xdr:rowOff>3811</xdr:rowOff>
    </xdr:to>
    <xdr:cxnSp macro="">
      <xdr:nvCxnSpPr>
        <xdr:cNvPr id="725" name="直線コネクタ 724">
          <a:extLst>
            <a:ext uri="{FF2B5EF4-FFF2-40B4-BE49-F238E27FC236}">
              <a16:creationId xmlns:a16="http://schemas.microsoft.com/office/drawing/2014/main" id="{53319F82-114C-4107-BECA-550337A44DF9}"/>
            </a:ext>
          </a:extLst>
        </xdr:cNvPr>
        <xdr:cNvCxnSpPr/>
      </xdr:nvCxnSpPr>
      <xdr:spPr>
        <a:xfrm>
          <a:off x="19545300" y="142341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2</xdr:row>
      <xdr:rowOff>124461</xdr:rowOff>
    </xdr:from>
    <xdr:to>
      <xdr:col>98</xdr:col>
      <xdr:colOff>38100</xdr:colOff>
      <xdr:row>83</xdr:row>
      <xdr:rowOff>54611</xdr:rowOff>
    </xdr:to>
    <xdr:sp macro="" textlink="">
      <xdr:nvSpPr>
        <xdr:cNvPr id="726" name="楕円 725">
          <a:extLst>
            <a:ext uri="{FF2B5EF4-FFF2-40B4-BE49-F238E27FC236}">
              <a16:creationId xmlns:a16="http://schemas.microsoft.com/office/drawing/2014/main" id="{FBC59835-0725-4214-A2F2-06A9968ED9BB}"/>
            </a:ext>
          </a:extLst>
        </xdr:cNvPr>
        <xdr:cNvSpPr/>
      </xdr:nvSpPr>
      <xdr:spPr>
        <a:xfrm>
          <a:off x="18605500" y="14183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3</xdr:row>
      <xdr:rowOff>3811</xdr:rowOff>
    </xdr:from>
    <xdr:to>
      <xdr:col>102</xdr:col>
      <xdr:colOff>114300</xdr:colOff>
      <xdr:row>83</xdr:row>
      <xdr:rowOff>3811</xdr:rowOff>
    </xdr:to>
    <xdr:cxnSp macro="">
      <xdr:nvCxnSpPr>
        <xdr:cNvPr id="727" name="直線コネクタ 726">
          <a:extLst>
            <a:ext uri="{FF2B5EF4-FFF2-40B4-BE49-F238E27FC236}">
              <a16:creationId xmlns:a16="http://schemas.microsoft.com/office/drawing/2014/main" id="{AB54A28F-2A05-4235-A029-5E16007A313C}"/>
            </a:ext>
          </a:extLst>
        </xdr:cNvPr>
        <xdr:cNvCxnSpPr/>
      </xdr:nvCxnSpPr>
      <xdr:spPr>
        <a:xfrm>
          <a:off x="18656300" y="142341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80027</xdr:rowOff>
    </xdr:from>
    <xdr:ext cx="469744" cy="259045"/>
    <xdr:sp macro="" textlink="">
      <xdr:nvSpPr>
        <xdr:cNvPr id="728" name="n_1aveValue【児童館】&#10;一人当たり面積">
          <a:extLst>
            <a:ext uri="{FF2B5EF4-FFF2-40B4-BE49-F238E27FC236}">
              <a16:creationId xmlns:a16="http://schemas.microsoft.com/office/drawing/2014/main" id="{E824BA2A-FCA5-4836-951E-7E7225E3A6AA}"/>
            </a:ext>
          </a:extLst>
        </xdr:cNvPr>
        <xdr:cNvSpPr txBox="1"/>
      </xdr:nvSpPr>
      <xdr:spPr>
        <a:xfrm>
          <a:off x="210757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57166</xdr:rowOff>
    </xdr:from>
    <xdr:ext cx="469744" cy="259045"/>
    <xdr:sp macro="" textlink="">
      <xdr:nvSpPr>
        <xdr:cNvPr id="729" name="n_2aveValue【児童館】&#10;一人当たり面積">
          <a:extLst>
            <a:ext uri="{FF2B5EF4-FFF2-40B4-BE49-F238E27FC236}">
              <a16:creationId xmlns:a16="http://schemas.microsoft.com/office/drawing/2014/main" id="{E97922AE-0463-4251-B883-394758D3B0EC}"/>
            </a:ext>
          </a:extLst>
        </xdr:cNvPr>
        <xdr:cNvSpPr txBox="1"/>
      </xdr:nvSpPr>
      <xdr:spPr>
        <a:xfrm>
          <a:off x="20199427" y="1445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57166</xdr:rowOff>
    </xdr:from>
    <xdr:ext cx="469744" cy="259045"/>
    <xdr:sp macro="" textlink="">
      <xdr:nvSpPr>
        <xdr:cNvPr id="730" name="n_3aveValue【児童館】&#10;一人当たり面積">
          <a:extLst>
            <a:ext uri="{FF2B5EF4-FFF2-40B4-BE49-F238E27FC236}">
              <a16:creationId xmlns:a16="http://schemas.microsoft.com/office/drawing/2014/main" id="{AC213A48-4A82-47EE-8C75-223AEAC2C804}"/>
            </a:ext>
          </a:extLst>
        </xdr:cNvPr>
        <xdr:cNvSpPr txBox="1"/>
      </xdr:nvSpPr>
      <xdr:spPr>
        <a:xfrm>
          <a:off x="19310427" y="1445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4</xdr:row>
      <xdr:rowOff>80027</xdr:rowOff>
    </xdr:from>
    <xdr:ext cx="469744" cy="259045"/>
    <xdr:sp macro="" textlink="">
      <xdr:nvSpPr>
        <xdr:cNvPr id="731" name="n_4aveValue【児童館】&#10;一人当たり面積">
          <a:extLst>
            <a:ext uri="{FF2B5EF4-FFF2-40B4-BE49-F238E27FC236}">
              <a16:creationId xmlns:a16="http://schemas.microsoft.com/office/drawing/2014/main" id="{B95B4858-9BB9-4810-BE17-C1EE6A4236D5}"/>
            </a:ext>
          </a:extLst>
        </xdr:cNvPr>
        <xdr:cNvSpPr txBox="1"/>
      </xdr:nvSpPr>
      <xdr:spPr>
        <a:xfrm>
          <a:off x="18421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1</xdr:row>
      <xdr:rowOff>71138</xdr:rowOff>
    </xdr:from>
    <xdr:ext cx="469744" cy="259045"/>
    <xdr:sp macro="" textlink="">
      <xdr:nvSpPr>
        <xdr:cNvPr id="732" name="n_1mainValue【児童館】&#10;一人当たり面積">
          <a:extLst>
            <a:ext uri="{FF2B5EF4-FFF2-40B4-BE49-F238E27FC236}">
              <a16:creationId xmlns:a16="http://schemas.microsoft.com/office/drawing/2014/main" id="{A6D76535-B7C3-4599-A11D-8C6DB67956B0}"/>
            </a:ext>
          </a:extLst>
        </xdr:cNvPr>
        <xdr:cNvSpPr txBox="1"/>
      </xdr:nvSpPr>
      <xdr:spPr>
        <a:xfrm>
          <a:off x="21075727" y="1395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1</xdr:row>
      <xdr:rowOff>71138</xdr:rowOff>
    </xdr:from>
    <xdr:ext cx="469744" cy="259045"/>
    <xdr:sp macro="" textlink="">
      <xdr:nvSpPr>
        <xdr:cNvPr id="733" name="n_2mainValue【児童館】&#10;一人当たり面積">
          <a:extLst>
            <a:ext uri="{FF2B5EF4-FFF2-40B4-BE49-F238E27FC236}">
              <a16:creationId xmlns:a16="http://schemas.microsoft.com/office/drawing/2014/main" id="{6D3A9A07-46C4-4698-9FA3-DFE27A7F4D60}"/>
            </a:ext>
          </a:extLst>
        </xdr:cNvPr>
        <xdr:cNvSpPr txBox="1"/>
      </xdr:nvSpPr>
      <xdr:spPr>
        <a:xfrm>
          <a:off x="20199427" y="1395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1</xdr:row>
      <xdr:rowOff>71138</xdr:rowOff>
    </xdr:from>
    <xdr:ext cx="469744" cy="259045"/>
    <xdr:sp macro="" textlink="">
      <xdr:nvSpPr>
        <xdr:cNvPr id="734" name="n_3mainValue【児童館】&#10;一人当たり面積">
          <a:extLst>
            <a:ext uri="{FF2B5EF4-FFF2-40B4-BE49-F238E27FC236}">
              <a16:creationId xmlns:a16="http://schemas.microsoft.com/office/drawing/2014/main" id="{55DDBF19-F452-4E09-B07C-E7280524A75F}"/>
            </a:ext>
          </a:extLst>
        </xdr:cNvPr>
        <xdr:cNvSpPr txBox="1"/>
      </xdr:nvSpPr>
      <xdr:spPr>
        <a:xfrm>
          <a:off x="19310427" y="1395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1</xdr:row>
      <xdr:rowOff>71138</xdr:rowOff>
    </xdr:from>
    <xdr:ext cx="469744" cy="259045"/>
    <xdr:sp macro="" textlink="">
      <xdr:nvSpPr>
        <xdr:cNvPr id="735" name="n_4mainValue【児童館】&#10;一人当たり面積">
          <a:extLst>
            <a:ext uri="{FF2B5EF4-FFF2-40B4-BE49-F238E27FC236}">
              <a16:creationId xmlns:a16="http://schemas.microsoft.com/office/drawing/2014/main" id="{2A5C3BCF-39BA-41AC-BF24-38ADDEAE33DC}"/>
            </a:ext>
          </a:extLst>
        </xdr:cNvPr>
        <xdr:cNvSpPr txBox="1"/>
      </xdr:nvSpPr>
      <xdr:spPr>
        <a:xfrm>
          <a:off x="18421427" y="139585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36" name="正方形/長方形 735">
          <a:extLst>
            <a:ext uri="{FF2B5EF4-FFF2-40B4-BE49-F238E27FC236}">
              <a16:creationId xmlns:a16="http://schemas.microsoft.com/office/drawing/2014/main" id="{998B9D7F-3422-44F1-9EB5-5CBB66E0BD72}"/>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37" name="正方形/長方形 736">
          <a:extLst>
            <a:ext uri="{FF2B5EF4-FFF2-40B4-BE49-F238E27FC236}">
              <a16:creationId xmlns:a16="http://schemas.microsoft.com/office/drawing/2014/main" id="{63257246-3D50-48E8-9E2E-4F150394C9D9}"/>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38" name="正方形/長方形 737">
          <a:extLst>
            <a:ext uri="{FF2B5EF4-FFF2-40B4-BE49-F238E27FC236}">
              <a16:creationId xmlns:a16="http://schemas.microsoft.com/office/drawing/2014/main" id="{642E2462-DAE1-46BF-8BE2-30E3ACDDF800}"/>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9" name="正方形/長方形 738">
          <a:extLst>
            <a:ext uri="{FF2B5EF4-FFF2-40B4-BE49-F238E27FC236}">
              <a16:creationId xmlns:a16="http://schemas.microsoft.com/office/drawing/2014/main" id="{D4002BF6-735E-4DED-BD86-909FCEA366F4}"/>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0" name="正方形/長方形 739">
          <a:extLst>
            <a:ext uri="{FF2B5EF4-FFF2-40B4-BE49-F238E27FC236}">
              <a16:creationId xmlns:a16="http://schemas.microsoft.com/office/drawing/2014/main" id="{AC42C795-0D10-45F8-B9FB-2F7EEFCD4A23}"/>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1" name="正方形/長方形 740">
          <a:extLst>
            <a:ext uri="{FF2B5EF4-FFF2-40B4-BE49-F238E27FC236}">
              <a16:creationId xmlns:a16="http://schemas.microsoft.com/office/drawing/2014/main" id="{BF9D7BCD-491B-4D8E-BBC6-802AA1731352}"/>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2" name="正方形/長方形 741">
          <a:extLst>
            <a:ext uri="{FF2B5EF4-FFF2-40B4-BE49-F238E27FC236}">
              <a16:creationId xmlns:a16="http://schemas.microsoft.com/office/drawing/2014/main" id="{FD330314-5468-49BC-84C4-D63E41477271}"/>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3" name="正方形/長方形 742">
          <a:extLst>
            <a:ext uri="{FF2B5EF4-FFF2-40B4-BE49-F238E27FC236}">
              <a16:creationId xmlns:a16="http://schemas.microsoft.com/office/drawing/2014/main" id="{F9A9DB19-3F10-44C0-8FD0-3E7B9D410B32}"/>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4" name="テキスト ボックス 743">
          <a:extLst>
            <a:ext uri="{FF2B5EF4-FFF2-40B4-BE49-F238E27FC236}">
              <a16:creationId xmlns:a16="http://schemas.microsoft.com/office/drawing/2014/main" id="{343A9AEF-D1CA-41A8-B479-043909BCA14A}"/>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45" name="直線コネクタ 744">
          <a:extLst>
            <a:ext uri="{FF2B5EF4-FFF2-40B4-BE49-F238E27FC236}">
              <a16:creationId xmlns:a16="http://schemas.microsoft.com/office/drawing/2014/main" id="{1557A2C8-F582-4D96-BE09-B4920F19BA68}"/>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46" name="テキスト ボックス 745">
          <a:extLst>
            <a:ext uri="{FF2B5EF4-FFF2-40B4-BE49-F238E27FC236}">
              <a16:creationId xmlns:a16="http://schemas.microsoft.com/office/drawing/2014/main" id="{2794F0C1-A036-46F7-935F-4BA65D670F52}"/>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47" name="直線コネクタ 746">
          <a:extLst>
            <a:ext uri="{FF2B5EF4-FFF2-40B4-BE49-F238E27FC236}">
              <a16:creationId xmlns:a16="http://schemas.microsoft.com/office/drawing/2014/main" id="{37CD5171-EDE1-4042-A608-09110A9EFF9D}"/>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48" name="テキスト ボックス 747">
          <a:extLst>
            <a:ext uri="{FF2B5EF4-FFF2-40B4-BE49-F238E27FC236}">
              <a16:creationId xmlns:a16="http://schemas.microsoft.com/office/drawing/2014/main" id="{FF4F46F9-E8DE-4E99-B6BB-40DD2DEE053E}"/>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49" name="直線コネクタ 748">
          <a:extLst>
            <a:ext uri="{FF2B5EF4-FFF2-40B4-BE49-F238E27FC236}">
              <a16:creationId xmlns:a16="http://schemas.microsoft.com/office/drawing/2014/main" id="{5933385F-984B-4C85-8613-EB887C588126}"/>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50" name="テキスト ボックス 749">
          <a:extLst>
            <a:ext uri="{FF2B5EF4-FFF2-40B4-BE49-F238E27FC236}">
              <a16:creationId xmlns:a16="http://schemas.microsoft.com/office/drawing/2014/main" id="{AA208A81-F0BC-4BF0-B4AC-534453DA2585}"/>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51" name="直線コネクタ 750">
          <a:extLst>
            <a:ext uri="{FF2B5EF4-FFF2-40B4-BE49-F238E27FC236}">
              <a16:creationId xmlns:a16="http://schemas.microsoft.com/office/drawing/2014/main" id="{D24CAA30-6D22-4C74-8C68-A0BE15788F08}"/>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52" name="テキスト ボックス 751">
          <a:extLst>
            <a:ext uri="{FF2B5EF4-FFF2-40B4-BE49-F238E27FC236}">
              <a16:creationId xmlns:a16="http://schemas.microsoft.com/office/drawing/2014/main" id="{1D9E80D9-99FD-403C-86B4-3772AEE85348}"/>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53" name="直線コネクタ 752">
          <a:extLst>
            <a:ext uri="{FF2B5EF4-FFF2-40B4-BE49-F238E27FC236}">
              <a16:creationId xmlns:a16="http://schemas.microsoft.com/office/drawing/2014/main" id="{F3FF91DF-C536-4EC6-B8AB-7863D4543B8D}"/>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54" name="テキスト ボックス 753">
          <a:extLst>
            <a:ext uri="{FF2B5EF4-FFF2-40B4-BE49-F238E27FC236}">
              <a16:creationId xmlns:a16="http://schemas.microsoft.com/office/drawing/2014/main" id="{4E505944-EDAE-4C89-B363-876B0D2EEB94}"/>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55" name="直線コネクタ 754">
          <a:extLst>
            <a:ext uri="{FF2B5EF4-FFF2-40B4-BE49-F238E27FC236}">
              <a16:creationId xmlns:a16="http://schemas.microsoft.com/office/drawing/2014/main" id="{BBBB9BB4-EB8E-4B43-96D9-03666D688C1F}"/>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56" name="テキスト ボックス 755">
          <a:extLst>
            <a:ext uri="{FF2B5EF4-FFF2-40B4-BE49-F238E27FC236}">
              <a16:creationId xmlns:a16="http://schemas.microsoft.com/office/drawing/2014/main" id="{84BC6AB3-DECF-40D9-862F-A33B68255BEC}"/>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57" name="直線コネクタ 756">
          <a:extLst>
            <a:ext uri="{FF2B5EF4-FFF2-40B4-BE49-F238E27FC236}">
              <a16:creationId xmlns:a16="http://schemas.microsoft.com/office/drawing/2014/main" id="{8E3B6B5C-03C3-431A-8D94-219B9D00264D}"/>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58" name="テキスト ボックス 757">
          <a:extLst>
            <a:ext uri="{FF2B5EF4-FFF2-40B4-BE49-F238E27FC236}">
              <a16:creationId xmlns:a16="http://schemas.microsoft.com/office/drawing/2014/main" id="{B7DCAADF-D97C-4F76-B611-2194EEBD8931}"/>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59" name="【公民館】&#10;有形固定資産減価償却率グラフ枠">
          <a:extLst>
            <a:ext uri="{FF2B5EF4-FFF2-40B4-BE49-F238E27FC236}">
              <a16:creationId xmlns:a16="http://schemas.microsoft.com/office/drawing/2014/main" id="{5A272B94-6B00-4E5B-8011-8661034B2002}"/>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95250</xdr:rowOff>
    </xdr:from>
    <xdr:to>
      <xdr:col>85</xdr:col>
      <xdr:colOff>126364</xdr:colOff>
      <xdr:row>107</xdr:row>
      <xdr:rowOff>133350</xdr:rowOff>
    </xdr:to>
    <xdr:cxnSp macro="">
      <xdr:nvCxnSpPr>
        <xdr:cNvPr id="760" name="直線コネクタ 759">
          <a:extLst>
            <a:ext uri="{FF2B5EF4-FFF2-40B4-BE49-F238E27FC236}">
              <a16:creationId xmlns:a16="http://schemas.microsoft.com/office/drawing/2014/main" id="{EB558BFB-0D46-4CD9-8E63-AF56FB7B90E9}"/>
            </a:ext>
          </a:extLst>
        </xdr:cNvPr>
        <xdr:cNvCxnSpPr/>
      </xdr:nvCxnSpPr>
      <xdr:spPr>
        <a:xfrm flipV="1">
          <a:off x="16318864" y="170688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37177</xdr:rowOff>
    </xdr:from>
    <xdr:ext cx="405111" cy="259045"/>
    <xdr:sp macro="" textlink="">
      <xdr:nvSpPr>
        <xdr:cNvPr id="761" name="【公民館】&#10;有形固定資産減価償却率最小値テキスト">
          <a:extLst>
            <a:ext uri="{FF2B5EF4-FFF2-40B4-BE49-F238E27FC236}">
              <a16:creationId xmlns:a16="http://schemas.microsoft.com/office/drawing/2014/main" id="{9576DB5D-3975-451F-8A96-F034B7472C32}"/>
            </a:ext>
          </a:extLst>
        </xdr:cNvPr>
        <xdr:cNvSpPr txBox="1"/>
      </xdr:nvSpPr>
      <xdr:spPr>
        <a:xfrm>
          <a:off x="16357600" y="1848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33350</xdr:rowOff>
    </xdr:from>
    <xdr:to>
      <xdr:col>86</xdr:col>
      <xdr:colOff>25400</xdr:colOff>
      <xdr:row>107</xdr:row>
      <xdr:rowOff>133350</xdr:rowOff>
    </xdr:to>
    <xdr:cxnSp macro="">
      <xdr:nvCxnSpPr>
        <xdr:cNvPr id="762" name="直線コネクタ 761">
          <a:extLst>
            <a:ext uri="{FF2B5EF4-FFF2-40B4-BE49-F238E27FC236}">
              <a16:creationId xmlns:a16="http://schemas.microsoft.com/office/drawing/2014/main" id="{9FC965A8-D2ED-4A5A-829F-675A54BB2155}"/>
            </a:ext>
          </a:extLst>
        </xdr:cNvPr>
        <xdr:cNvCxnSpPr/>
      </xdr:nvCxnSpPr>
      <xdr:spPr>
        <a:xfrm>
          <a:off x="16230600" y="1847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41927</xdr:rowOff>
    </xdr:from>
    <xdr:ext cx="405111" cy="259045"/>
    <xdr:sp macro="" textlink="">
      <xdr:nvSpPr>
        <xdr:cNvPr id="763" name="【公民館】&#10;有形固定資産減価償却率最大値テキスト">
          <a:extLst>
            <a:ext uri="{FF2B5EF4-FFF2-40B4-BE49-F238E27FC236}">
              <a16:creationId xmlns:a16="http://schemas.microsoft.com/office/drawing/2014/main" id="{0F9BF570-6700-4B41-91AF-33E239D365C7}"/>
            </a:ext>
          </a:extLst>
        </xdr:cNvPr>
        <xdr:cNvSpPr txBox="1"/>
      </xdr:nvSpPr>
      <xdr:spPr>
        <a:xfrm>
          <a:off x="16357600" y="1684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250</xdr:rowOff>
    </xdr:from>
    <xdr:to>
      <xdr:col>86</xdr:col>
      <xdr:colOff>25400</xdr:colOff>
      <xdr:row>99</xdr:row>
      <xdr:rowOff>95250</xdr:rowOff>
    </xdr:to>
    <xdr:cxnSp macro="">
      <xdr:nvCxnSpPr>
        <xdr:cNvPr id="764" name="直線コネクタ 763">
          <a:extLst>
            <a:ext uri="{FF2B5EF4-FFF2-40B4-BE49-F238E27FC236}">
              <a16:creationId xmlns:a16="http://schemas.microsoft.com/office/drawing/2014/main" id="{B42AE690-D03E-46AE-A6C0-C7F0CCA2E9B8}"/>
            </a:ext>
          </a:extLst>
        </xdr:cNvPr>
        <xdr:cNvCxnSpPr/>
      </xdr:nvCxnSpPr>
      <xdr:spPr>
        <a:xfrm>
          <a:off x="16230600" y="1706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53991</xdr:rowOff>
    </xdr:from>
    <xdr:ext cx="405111" cy="259045"/>
    <xdr:sp macro="" textlink="">
      <xdr:nvSpPr>
        <xdr:cNvPr id="765" name="【公民館】&#10;有形固定資産減価償却率平均値テキスト">
          <a:extLst>
            <a:ext uri="{FF2B5EF4-FFF2-40B4-BE49-F238E27FC236}">
              <a16:creationId xmlns:a16="http://schemas.microsoft.com/office/drawing/2014/main" id="{E3632507-4210-4C8A-BFA9-046E134E7E84}"/>
            </a:ext>
          </a:extLst>
        </xdr:cNvPr>
        <xdr:cNvSpPr txBox="1"/>
      </xdr:nvSpPr>
      <xdr:spPr>
        <a:xfrm>
          <a:off x="16357600" y="177133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31114</xdr:rowOff>
    </xdr:from>
    <xdr:to>
      <xdr:col>85</xdr:col>
      <xdr:colOff>177800</xdr:colOff>
      <xdr:row>104</xdr:row>
      <xdr:rowOff>132714</xdr:rowOff>
    </xdr:to>
    <xdr:sp macro="" textlink="">
      <xdr:nvSpPr>
        <xdr:cNvPr id="766" name="フローチャート: 判断 765">
          <a:extLst>
            <a:ext uri="{FF2B5EF4-FFF2-40B4-BE49-F238E27FC236}">
              <a16:creationId xmlns:a16="http://schemas.microsoft.com/office/drawing/2014/main" id="{B7FE24F4-8654-43C1-AAC2-45169F9C413C}"/>
            </a:ext>
          </a:extLst>
        </xdr:cNvPr>
        <xdr:cNvSpPr/>
      </xdr:nvSpPr>
      <xdr:spPr>
        <a:xfrm>
          <a:off x="16268700" y="17861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3</xdr:row>
      <xdr:rowOff>149225</xdr:rowOff>
    </xdr:from>
    <xdr:to>
      <xdr:col>81</xdr:col>
      <xdr:colOff>101600</xdr:colOff>
      <xdr:row>104</xdr:row>
      <xdr:rowOff>79375</xdr:rowOff>
    </xdr:to>
    <xdr:sp macro="" textlink="">
      <xdr:nvSpPr>
        <xdr:cNvPr id="767" name="フローチャート: 判断 766">
          <a:extLst>
            <a:ext uri="{FF2B5EF4-FFF2-40B4-BE49-F238E27FC236}">
              <a16:creationId xmlns:a16="http://schemas.microsoft.com/office/drawing/2014/main" id="{EC525CF8-F6C1-4A2B-AFDB-E9BB102D0312}"/>
            </a:ext>
          </a:extLst>
        </xdr:cNvPr>
        <xdr:cNvSpPr/>
      </xdr:nvSpPr>
      <xdr:spPr>
        <a:xfrm>
          <a:off x="15430500" y="17808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3</xdr:row>
      <xdr:rowOff>137795</xdr:rowOff>
    </xdr:from>
    <xdr:to>
      <xdr:col>76</xdr:col>
      <xdr:colOff>165100</xdr:colOff>
      <xdr:row>104</xdr:row>
      <xdr:rowOff>67945</xdr:rowOff>
    </xdr:to>
    <xdr:sp macro="" textlink="">
      <xdr:nvSpPr>
        <xdr:cNvPr id="768" name="フローチャート: 判断 767">
          <a:extLst>
            <a:ext uri="{FF2B5EF4-FFF2-40B4-BE49-F238E27FC236}">
              <a16:creationId xmlns:a16="http://schemas.microsoft.com/office/drawing/2014/main" id="{BA3CAC68-D086-4295-B9E1-564F733FDC5A}"/>
            </a:ext>
          </a:extLst>
        </xdr:cNvPr>
        <xdr:cNvSpPr/>
      </xdr:nvSpPr>
      <xdr:spPr>
        <a:xfrm>
          <a:off x="14541500" y="177971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07314</xdr:rowOff>
    </xdr:from>
    <xdr:to>
      <xdr:col>72</xdr:col>
      <xdr:colOff>38100</xdr:colOff>
      <xdr:row>104</xdr:row>
      <xdr:rowOff>37464</xdr:rowOff>
    </xdr:to>
    <xdr:sp macro="" textlink="">
      <xdr:nvSpPr>
        <xdr:cNvPr id="769" name="フローチャート: 判断 768">
          <a:extLst>
            <a:ext uri="{FF2B5EF4-FFF2-40B4-BE49-F238E27FC236}">
              <a16:creationId xmlns:a16="http://schemas.microsoft.com/office/drawing/2014/main" id="{73597B5A-A34B-427D-993A-EF7CC4B780CF}"/>
            </a:ext>
          </a:extLst>
        </xdr:cNvPr>
        <xdr:cNvSpPr/>
      </xdr:nvSpPr>
      <xdr:spPr>
        <a:xfrm>
          <a:off x="13652500" y="17766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24461</xdr:rowOff>
    </xdr:from>
    <xdr:to>
      <xdr:col>67</xdr:col>
      <xdr:colOff>101600</xdr:colOff>
      <xdr:row>104</xdr:row>
      <xdr:rowOff>54611</xdr:rowOff>
    </xdr:to>
    <xdr:sp macro="" textlink="">
      <xdr:nvSpPr>
        <xdr:cNvPr id="770" name="フローチャート: 判断 769">
          <a:extLst>
            <a:ext uri="{FF2B5EF4-FFF2-40B4-BE49-F238E27FC236}">
              <a16:creationId xmlns:a16="http://schemas.microsoft.com/office/drawing/2014/main" id="{05DDF372-20F1-4706-B4F0-D2310CC9ABAC}"/>
            </a:ext>
          </a:extLst>
        </xdr:cNvPr>
        <xdr:cNvSpPr/>
      </xdr:nvSpPr>
      <xdr:spPr>
        <a:xfrm>
          <a:off x="12763500" y="17783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1" name="テキスト ボックス 770">
          <a:extLst>
            <a:ext uri="{FF2B5EF4-FFF2-40B4-BE49-F238E27FC236}">
              <a16:creationId xmlns:a16="http://schemas.microsoft.com/office/drawing/2014/main" id="{7B2979EC-BC84-413D-966F-959F60AB8E60}"/>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2" name="テキスト ボックス 771">
          <a:extLst>
            <a:ext uri="{FF2B5EF4-FFF2-40B4-BE49-F238E27FC236}">
              <a16:creationId xmlns:a16="http://schemas.microsoft.com/office/drawing/2014/main" id="{1A1A187B-F503-4345-A117-6C2023601889}"/>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3" name="テキスト ボックス 772">
          <a:extLst>
            <a:ext uri="{FF2B5EF4-FFF2-40B4-BE49-F238E27FC236}">
              <a16:creationId xmlns:a16="http://schemas.microsoft.com/office/drawing/2014/main" id="{DC81A1BC-295A-4437-8968-32080A86E02F}"/>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74" name="テキスト ボックス 773">
          <a:extLst>
            <a:ext uri="{FF2B5EF4-FFF2-40B4-BE49-F238E27FC236}">
              <a16:creationId xmlns:a16="http://schemas.microsoft.com/office/drawing/2014/main" id="{AF6E4C79-FFED-4AC4-BEF5-F5CB98B69453}"/>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75" name="テキスト ボックス 774">
          <a:extLst>
            <a:ext uri="{FF2B5EF4-FFF2-40B4-BE49-F238E27FC236}">
              <a16:creationId xmlns:a16="http://schemas.microsoft.com/office/drawing/2014/main" id="{A47F399D-A5D2-40F9-ABFD-3E58EECB001E}"/>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11125</xdr:rowOff>
    </xdr:from>
    <xdr:to>
      <xdr:col>85</xdr:col>
      <xdr:colOff>177800</xdr:colOff>
      <xdr:row>105</xdr:row>
      <xdr:rowOff>41275</xdr:rowOff>
    </xdr:to>
    <xdr:sp macro="" textlink="">
      <xdr:nvSpPr>
        <xdr:cNvPr id="776" name="楕円 775">
          <a:extLst>
            <a:ext uri="{FF2B5EF4-FFF2-40B4-BE49-F238E27FC236}">
              <a16:creationId xmlns:a16="http://schemas.microsoft.com/office/drawing/2014/main" id="{240D51AA-A4F3-4CD0-BD77-53369FC1F07E}"/>
            </a:ext>
          </a:extLst>
        </xdr:cNvPr>
        <xdr:cNvSpPr/>
      </xdr:nvSpPr>
      <xdr:spPr>
        <a:xfrm>
          <a:off x="16268700" y="179419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4</xdr:row>
      <xdr:rowOff>89552</xdr:rowOff>
    </xdr:from>
    <xdr:ext cx="405111" cy="259045"/>
    <xdr:sp macro="" textlink="">
      <xdr:nvSpPr>
        <xdr:cNvPr id="777" name="【公民館】&#10;有形固定資産減価償却率該当値テキスト">
          <a:extLst>
            <a:ext uri="{FF2B5EF4-FFF2-40B4-BE49-F238E27FC236}">
              <a16:creationId xmlns:a16="http://schemas.microsoft.com/office/drawing/2014/main" id="{667EBEF8-6058-4750-8807-39BD6162EDF1}"/>
            </a:ext>
          </a:extLst>
        </xdr:cNvPr>
        <xdr:cNvSpPr txBox="1"/>
      </xdr:nvSpPr>
      <xdr:spPr>
        <a:xfrm>
          <a:off x="16357600" y="179203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4</xdr:row>
      <xdr:rowOff>73025</xdr:rowOff>
    </xdr:from>
    <xdr:to>
      <xdr:col>81</xdr:col>
      <xdr:colOff>101600</xdr:colOff>
      <xdr:row>105</xdr:row>
      <xdr:rowOff>3175</xdr:rowOff>
    </xdr:to>
    <xdr:sp macro="" textlink="">
      <xdr:nvSpPr>
        <xdr:cNvPr id="778" name="楕円 777">
          <a:extLst>
            <a:ext uri="{FF2B5EF4-FFF2-40B4-BE49-F238E27FC236}">
              <a16:creationId xmlns:a16="http://schemas.microsoft.com/office/drawing/2014/main" id="{22F14046-D92F-45C1-B768-A834835B7452}"/>
            </a:ext>
          </a:extLst>
        </xdr:cNvPr>
        <xdr:cNvSpPr/>
      </xdr:nvSpPr>
      <xdr:spPr>
        <a:xfrm>
          <a:off x="15430500" y="1790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4</xdr:row>
      <xdr:rowOff>123825</xdr:rowOff>
    </xdr:from>
    <xdr:to>
      <xdr:col>85</xdr:col>
      <xdr:colOff>127000</xdr:colOff>
      <xdr:row>104</xdr:row>
      <xdr:rowOff>161925</xdr:rowOff>
    </xdr:to>
    <xdr:cxnSp macro="">
      <xdr:nvCxnSpPr>
        <xdr:cNvPr id="779" name="直線コネクタ 778">
          <a:extLst>
            <a:ext uri="{FF2B5EF4-FFF2-40B4-BE49-F238E27FC236}">
              <a16:creationId xmlns:a16="http://schemas.microsoft.com/office/drawing/2014/main" id="{A994DCC2-75B8-4256-A481-43D3254EE245}"/>
            </a:ext>
          </a:extLst>
        </xdr:cNvPr>
        <xdr:cNvCxnSpPr/>
      </xdr:nvCxnSpPr>
      <xdr:spPr>
        <a:xfrm>
          <a:off x="15481300" y="17954625"/>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4</xdr:row>
      <xdr:rowOff>40639</xdr:rowOff>
    </xdr:from>
    <xdr:to>
      <xdr:col>76</xdr:col>
      <xdr:colOff>165100</xdr:colOff>
      <xdr:row>104</xdr:row>
      <xdr:rowOff>142239</xdr:rowOff>
    </xdr:to>
    <xdr:sp macro="" textlink="">
      <xdr:nvSpPr>
        <xdr:cNvPr id="780" name="楕円 779">
          <a:extLst>
            <a:ext uri="{FF2B5EF4-FFF2-40B4-BE49-F238E27FC236}">
              <a16:creationId xmlns:a16="http://schemas.microsoft.com/office/drawing/2014/main" id="{C51D8ABA-5EB9-451B-92CD-2EA26D9DF9BC}"/>
            </a:ext>
          </a:extLst>
        </xdr:cNvPr>
        <xdr:cNvSpPr/>
      </xdr:nvSpPr>
      <xdr:spPr>
        <a:xfrm>
          <a:off x="14541500" y="17871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4</xdr:row>
      <xdr:rowOff>91439</xdr:rowOff>
    </xdr:from>
    <xdr:to>
      <xdr:col>81</xdr:col>
      <xdr:colOff>50800</xdr:colOff>
      <xdr:row>104</xdr:row>
      <xdr:rowOff>123825</xdr:rowOff>
    </xdr:to>
    <xdr:cxnSp macro="">
      <xdr:nvCxnSpPr>
        <xdr:cNvPr id="781" name="直線コネクタ 780">
          <a:extLst>
            <a:ext uri="{FF2B5EF4-FFF2-40B4-BE49-F238E27FC236}">
              <a16:creationId xmlns:a16="http://schemas.microsoft.com/office/drawing/2014/main" id="{A20DB289-DC0F-4410-B123-F9C9A3C33A47}"/>
            </a:ext>
          </a:extLst>
        </xdr:cNvPr>
        <xdr:cNvCxnSpPr/>
      </xdr:nvCxnSpPr>
      <xdr:spPr>
        <a:xfrm>
          <a:off x="14592300" y="17922239"/>
          <a:ext cx="88900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3970</xdr:rowOff>
    </xdr:from>
    <xdr:to>
      <xdr:col>72</xdr:col>
      <xdr:colOff>38100</xdr:colOff>
      <xdr:row>104</xdr:row>
      <xdr:rowOff>115570</xdr:rowOff>
    </xdr:to>
    <xdr:sp macro="" textlink="">
      <xdr:nvSpPr>
        <xdr:cNvPr id="782" name="楕円 781">
          <a:extLst>
            <a:ext uri="{FF2B5EF4-FFF2-40B4-BE49-F238E27FC236}">
              <a16:creationId xmlns:a16="http://schemas.microsoft.com/office/drawing/2014/main" id="{BE992D27-62E1-4323-A1C8-AD37281FE541}"/>
            </a:ext>
          </a:extLst>
        </xdr:cNvPr>
        <xdr:cNvSpPr/>
      </xdr:nvSpPr>
      <xdr:spPr>
        <a:xfrm>
          <a:off x="13652500" y="1784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4</xdr:row>
      <xdr:rowOff>64770</xdr:rowOff>
    </xdr:from>
    <xdr:to>
      <xdr:col>76</xdr:col>
      <xdr:colOff>114300</xdr:colOff>
      <xdr:row>104</xdr:row>
      <xdr:rowOff>91439</xdr:rowOff>
    </xdr:to>
    <xdr:cxnSp macro="">
      <xdr:nvCxnSpPr>
        <xdr:cNvPr id="783" name="直線コネクタ 782">
          <a:extLst>
            <a:ext uri="{FF2B5EF4-FFF2-40B4-BE49-F238E27FC236}">
              <a16:creationId xmlns:a16="http://schemas.microsoft.com/office/drawing/2014/main" id="{D17B1D98-C9A1-4187-B338-9C4B38149DEE}"/>
            </a:ext>
          </a:extLst>
        </xdr:cNvPr>
        <xdr:cNvCxnSpPr/>
      </xdr:nvCxnSpPr>
      <xdr:spPr>
        <a:xfrm>
          <a:off x="13703300" y="17895570"/>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3</xdr:row>
      <xdr:rowOff>147320</xdr:rowOff>
    </xdr:from>
    <xdr:to>
      <xdr:col>67</xdr:col>
      <xdr:colOff>101600</xdr:colOff>
      <xdr:row>104</xdr:row>
      <xdr:rowOff>77470</xdr:rowOff>
    </xdr:to>
    <xdr:sp macro="" textlink="">
      <xdr:nvSpPr>
        <xdr:cNvPr id="784" name="楕円 783">
          <a:extLst>
            <a:ext uri="{FF2B5EF4-FFF2-40B4-BE49-F238E27FC236}">
              <a16:creationId xmlns:a16="http://schemas.microsoft.com/office/drawing/2014/main" id="{7F83B51E-353F-4FE0-BB9B-C930366D1437}"/>
            </a:ext>
          </a:extLst>
        </xdr:cNvPr>
        <xdr:cNvSpPr/>
      </xdr:nvSpPr>
      <xdr:spPr>
        <a:xfrm>
          <a:off x="12763500" y="1780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4</xdr:row>
      <xdr:rowOff>26670</xdr:rowOff>
    </xdr:from>
    <xdr:to>
      <xdr:col>71</xdr:col>
      <xdr:colOff>177800</xdr:colOff>
      <xdr:row>104</xdr:row>
      <xdr:rowOff>64770</xdr:rowOff>
    </xdr:to>
    <xdr:cxnSp macro="">
      <xdr:nvCxnSpPr>
        <xdr:cNvPr id="785" name="直線コネクタ 784">
          <a:extLst>
            <a:ext uri="{FF2B5EF4-FFF2-40B4-BE49-F238E27FC236}">
              <a16:creationId xmlns:a16="http://schemas.microsoft.com/office/drawing/2014/main" id="{2C0CAD02-10D0-4E25-8AC7-FD6961416962}"/>
            </a:ext>
          </a:extLst>
        </xdr:cNvPr>
        <xdr:cNvCxnSpPr/>
      </xdr:nvCxnSpPr>
      <xdr:spPr>
        <a:xfrm>
          <a:off x="12814300" y="1785747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95902</xdr:rowOff>
    </xdr:from>
    <xdr:ext cx="405111" cy="259045"/>
    <xdr:sp macro="" textlink="">
      <xdr:nvSpPr>
        <xdr:cNvPr id="786" name="n_1aveValue【公民館】&#10;有形固定資産減価償却率">
          <a:extLst>
            <a:ext uri="{FF2B5EF4-FFF2-40B4-BE49-F238E27FC236}">
              <a16:creationId xmlns:a16="http://schemas.microsoft.com/office/drawing/2014/main" id="{4A662DC8-7472-42F8-9821-B01EA71EA579}"/>
            </a:ext>
          </a:extLst>
        </xdr:cNvPr>
        <xdr:cNvSpPr txBox="1"/>
      </xdr:nvSpPr>
      <xdr:spPr>
        <a:xfrm>
          <a:off x="15266044" y="17583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84472</xdr:rowOff>
    </xdr:from>
    <xdr:ext cx="405111" cy="259045"/>
    <xdr:sp macro="" textlink="">
      <xdr:nvSpPr>
        <xdr:cNvPr id="787" name="n_2aveValue【公民館】&#10;有形固定資産減価償却率">
          <a:extLst>
            <a:ext uri="{FF2B5EF4-FFF2-40B4-BE49-F238E27FC236}">
              <a16:creationId xmlns:a16="http://schemas.microsoft.com/office/drawing/2014/main" id="{F7C09CA7-8E53-4A1E-88F3-F7C8FEC482A6}"/>
            </a:ext>
          </a:extLst>
        </xdr:cNvPr>
        <xdr:cNvSpPr txBox="1"/>
      </xdr:nvSpPr>
      <xdr:spPr>
        <a:xfrm>
          <a:off x="14389744" y="17572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53991</xdr:rowOff>
    </xdr:from>
    <xdr:ext cx="405111" cy="259045"/>
    <xdr:sp macro="" textlink="">
      <xdr:nvSpPr>
        <xdr:cNvPr id="788" name="n_3aveValue【公民館】&#10;有形固定資産減価償却率">
          <a:extLst>
            <a:ext uri="{FF2B5EF4-FFF2-40B4-BE49-F238E27FC236}">
              <a16:creationId xmlns:a16="http://schemas.microsoft.com/office/drawing/2014/main" id="{AE12C450-6AE7-4EA7-BC5E-E3ACBE5467FB}"/>
            </a:ext>
          </a:extLst>
        </xdr:cNvPr>
        <xdr:cNvSpPr txBox="1"/>
      </xdr:nvSpPr>
      <xdr:spPr>
        <a:xfrm>
          <a:off x="13500744" y="175418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71138</xdr:rowOff>
    </xdr:from>
    <xdr:ext cx="405111" cy="259045"/>
    <xdr:sp macro="" textlink="">
      <xdr:nvSpPr>
        <xdr:cNvPr id="789" name="n_4aveValue【公民館】&#10;有形固定資産減価償却率">
          <a:extLst>
            <a:ext uri="{FF2B5EF4-FFF2-40B4-BE49-F238E27FC236}">
              <a16:creationId xmlns:a16="http://schemas.microsoft.com/office/drawing/2014/main" id="{A1B10287-FF41-4527-8355-6A5E259FC559}"/>
            </a:ext>
          </a:extLst>
        </xdr:cNvPr>
        <xdr:cNvSpPr txBox="1"/>
      </xdr:nvSpPr>
      <xdr:spPr>
        <a:xfrm>
          <a:off x="12611744" y="17559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4</xdr:row>
      <xdr:rowOff>165752</xdr:rowOff>
    </xdr:from>
    <xdr:ext cx="405111" cy="259045"/>
    <xdr:sp macro="" textlink="">
      <xdr:nvSpPr>
        <xdr:cNvPr id="790" name="n_1mainValue【公民館】&#10;有形固定資産減価償却率">
          <a:extLst>
            <a:ext uri="{FF2B5EF4-FFF2-40B4-BE49-F238E27FC236}">
              <a16:creationId xmlns:a16="http://schemas.microsoft.com/office/drawing/2014/main" id="{60FED62D-646A-4CFC-A845-A23CB51B02CF}"/>
            </a:ext>
          </a:extLst>
        </xdr:cNvPr>
        <xdr:cNvSpPr txBox="1"/>
      </xdr:nvSpPr>
      <xdr:spPr>
        <a:xfrm>
          <a:off x="15266044" y="179965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33366</xdr:rowOff>
    </xdr:from>
    <xdr:ext cx="405111" cy="259045"/>
    <xdr:sp macro="" textlink="">
      <xdr:nvSpPr>
        <xdr:cNvPr id="791" name="n_2mainValue【公民館】&#10;有形固定資産減価償却率">
          <a:extLst>
            <a:ext uri="{FF2B5EF4-FFF2-40B4-BE49-F238E27FC236}">
              <a16:creationId xmlns:a16="http://schemas.microsoft.com/office/drawing/2014/main" id="{BC9CD3B7-CEA7-49C6-AB69-FB7FC63D7C4B}"/>
            </a:ext>
          </a:extLst>
        </xdr:cNvPr>
        <xdr:cNvSpPr txBox="1"/>
      </xdr:nvSpPr>
      <xdr:spPr>
        <a:xfrm>
          <a:off x="14389744" y="179641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106697</xdr:rowOff>
    </xdr:from>
    <xdr:ext cx="405111" cy="259045"/>
    <xdr:sp macro="" textlink="">
      <xdr:nvSpPr>
        <xdr:cNvPr id="792" name="n_3mainValue【公民館】&#10;有形固定資産減価償却率">
          <a:extLst>
            <a:ext uri="{FF2B5EF4-FFF2-40B4-BE49-F238E27FC236}">
              <a16:creationId xmlns:a16="http://schemas.microsoft.com/office/drawing/2014/main" id="{F903842F-0217-467D-97DC-AD8B4D35CF70}"/>
            </a:ext>
          </a:extLst>
        </xdr:cNvPr>
        <xdr:cNvSpPr txBox="1"/>
      </xdr:nvSpPr>
      <xdr:spPr>
        <a:xfrm>
          <a:off x="13500744" y="179374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4</xdr:row>
      <xdr:rowOff>68597</xdr:rowOff>
    </xdr:from>
    <xdr:ext cx="405111" cy="259045"/>
    <xdr:sp macro="" textlink="">
      <xdr:nvSpPr>
        <xdr:cNvPr id="793" name="n_4mainValue【公民館】&#10;有形固定資産減価償却率">
          <a:extLst>
            <a:ext uri="{FF2B5EF4-FFF2-40B4-BE49-F238E27FC236}">
              <a16:creationId xmlns:a16="http://schemas.microsoft.com/office/drawing/2014/main" id="{4DA4BB91-2A0B-43B9-900E-B8579CC180D5}"/>
            </a:ext>
          </a:extLst>
        </xdr:cNvPr>
        <xdr:cNvSpPr txBox="1"/>
      </xdr:nvSpPr>
      <xdr:spPr>
        <a:xfrm>
          <a:off x="12611744" y="17899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94" name="正方形/長方形 793">
          <a:extLst>
            <a:ext uri="{FF2B5EF4-FFF2-40B4-BE49-F238E27FC236}">
              <a16:creationId xmlns:a16="http://schemas.microsoft.com/office/drawing/2014/main" id="{21990936-7040-4A0F-B92D-9BAD555BAB9A}"/>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95" name="正方形/長方形 794">
          <a:extLst>
            <a:ext uri="{FF2B5EF4-FFF2-40B4-BE49-F238E27FC236}">
              <a16:creationId xmlns:a16="http://schemas.microsoft.com/office/drawing/2014/main" id="{528EAFE1-A52E-404B-AB10-8647EECEFD2C}"/>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96" name="正方形/長方形 795">
          <a:extLst>
            <a:ext uri="{FF2B5EF4-FFF2-40B4-BE49-F238E27FC236}">
              <a16:creationId xmlns:a16="http://schemas.microsoft.com/office/drawing/2014/main" id="{0E1316FB-3B2B-40D9-B4D1-9F8F726B714D}"/>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97" name="正方形/長方形 796">
          <a:extLst>
            <a:ext uri="{FF2B5EF4-FFF2-40B4-BE49-F238E27FC236}">
              <a16:creationId xmlns:a16="http://schemas.microsoft.com/office/drawing/2014/main" id="{DB0963EB-D490-4B2C-8327-7348A819C9CC}"/>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98" name="正方形/長方形 797">
          <a:extLst>
            <a:ext uri="{FF2B5EF4-FFF2-40B4-BE49-F238E27FC236}">
              <a16:creationId xmlns:a16="http://schemas.microsoft.com/office/drawing/2014/main" id="{10A5A458-7005-4CCB-A123-DE0C1CECE66B}"/>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99" name="正方形/長方形 798">
          <a:extLst>
            <a:ext uri="{FF2B5EF4-FFF2-40B4-BE49-F238E27FC236}">
              <a16:creationId xmlns:a16="http://schemas.microsoft.com/office/drawing/2014/main" id="{0672641E-077F-450D-9903-11735A9F6EC6}"/>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0" name="正方形/長方形 799">
          <a:extLst>
            <a:ext uri="{FF2B5EF4-FFF2-40B4-BE49-F238E27FC236}">
              <a16:creationId xmlns:a16="http://schemas.microsoft.com/office/drawing/2014/main" id="{2B96EC14-D695-497F-8258-AE5D0B5E09B6}"/>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1" name="正方形/長方形 800">
          <a:extLst>
            <a:ext uri="{FF2B5EF4-FFF2-40B4-BE49-F238E27FC236}">
              <a16:creationId xmlns:a16="http://schemas.microsoft.com/office/drawing/2014/main" id="{97022CD1-119C-4374-9146-EA08B8E6A90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2" name="テキスト ボックス 801">
          <a:extLst>
            <a:ext uri="{FF2B5EF4-FFF2-40B4-BE49-F238E27FC236}">
              <a16:creationId xmlns:a16="http://schemas.microsoft.com/office/drawing/2014/main" id="{AACB7BD3-9F1B-4C0A-B97E-1770E2429AB8}"/>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3" name="直線コネクタ 802">
          <a:extLst>
            <a:ext uri="{FF2B5EF4-FFF2-40B4-BE49-F238E27FC236}">
              <a16:creationId xmlns:a16="http://schemas.microsoft.com/office/drawing/2014/main" id="{678F12B6-3E1B-4E5E-8CB6-7E6B1806907E}"/>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04" name="直線コネクタ 803">
          <a:extLst>
            <a:ext uri="{FF2B5EF4-FFF2-40B4-BE49-F238E27FC236}">
              <a16:creationId xmlns:a16="http://schemas.microsoft.com/office/drawing/2014/main" id="{A5DC887A-B105-4C38-A54E-3F67CA20AB3A}"/>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05" name="テキスト ボックス 804">
          <a:extLst>
            <a:ext uri="{FF2B5EF4-FFF2-40B4-BE49-F238E27FC236}">
              <a16:creationId xmlns:a16="http://schemas.microsoft.com/office/drawing/2014/main" id="{4E405785-378C-40D9-A035-713F2A054407}"/>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06" name="直線コネクタ 805">
          <a:extLst>
            <a:ext uri="{FF2B5EF4-FFF2-40B4-BE49-F238E27FC236}">
              <a16:creationId xmlns:a16="http://schemas.microsoft.com/office/drawing/2014/main" id="{DD06417E-56BA-44B4-8B56-365D0CE767BC}"/>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07" name="テキスト ボックス 806">
          <a:extLst>
            <a:ext uri="{FF2B5EF4-FFF2-40B4-BE49-F238E27FC236}">
              <a16:creationId xmlns:a16="http://schemas.microsoft.com/office/drawing/2014/main" id="{7D4536BE-EF9E-408B-983B-4DB64A5F7CF2}"/>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08" name="直線コネクタ 807">
          <a:extLst>
            <a:ext uri="{FF2B5EF4-FFF2-40B4-BE49-F238E27FC236}">
              <a16:creationId xmlns:a16="http://schemas.microsoft.com/office/drawing/2014/main" id="{C29E3690-F866-4B11-B754-C48AEF139C79}"/>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09" name="テキスト ボックス 808">
          <a:extLst>
            <a:ext uri="{FF2B5EF4-FFF2-40B4-BE49-F238E27FC236}">
              <a16:creationId xmlns:a16="http://schemas.microsoft.com/office/drawing/2014/main" id="{F90DD818-7C21-4D2D-874E-413AD75522B9}"/>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0" name="直線コネクタ 809">
          <a:extLst>
            <a:ext uri="{FF2B5EF4-FFF2-40B4-BE49-F238E27FC236}">
              <a16:creationId xmlns:a16="http://schemas.microsoft.com/office/drawing/2014/main" id="{BAAFFF23-41FE-43B1-94E0-A7E4352DDD89}"/>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1" name="テキスト ボックス 810">
          <a:extLst>
            <a:ext uri="{FF2B5EF4-FFF2-40B4-BE49-F238E27FC236}">
              <a16:creationId xmlns:a16="http://schemas.microsoft.com/office/drawing/2014/main" id="{F42C7595-0C53-488F-AE77-B0BA6B4E4B94}"/>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2" name="直線コネクタ 811">
          <a:extLst>
            <a:ext uri="{FF2B5EF4-FFF2-40B4-BE49-F238E27FC236}">
              <a16:creationId xmlns:a16="http://schemas.microsoft.com/office/drawing/2014/main" id="{1464AE99-0EF1-49DA-984A-FEA530CD8FE5}"/>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3" name="テキスト ボックス 812">
          <a:extLst>
            <a:ext uri="{FF2B5EF4-FFF2-40B4-BE49-F238E27FC236}">
              <a16:creationId xmlns:a16="http://schemas.microsoft.com/office/drawing/2014/main" id="{20090346-1892-4A23-B78F-B2632D1D240C}"/>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14" name="直線コネクタ 813">
          <a:extLst>
            <a:ext uri="{FF2B5EF4-FFF2-40B4-BE49-F238E27FC236}">
              <a16:creationId xmlns:a16="http://schemas.microsoft.com/office/drawing/2014/main" id="{B27B871D-461F-4665-97BE-91EA8679168F}"/>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15" name="テキスト ボックス 814">
          <a:extLst>
            <a:ext uri="{FF2B5EF4-FFF2-40B4-BE49-F238E27FC236}">
              <a16:creationId xmlns:a16="http://schemas.microsoft.com/office/drawing/2014/main" id="{689D7AAF-120F-4522-AE7B-F7A96CFC6B67}"/>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16" name="【公民館】&#10;一人当たり面積グラフ枠">
          <a:extLst>
            <a:ext uri="{FF2B5EF4-FFF2-40B4-BE49-F238E27FC236}">
              <a16:creationId xmlns:a16="http://schemas.microsoft.com/office/drawing/2014/main" id="{47881715-94EE-47BE-8D88-E82CF502E5FD}"/>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49530</xdr:rowOff>
    </xdr:from>
    <xdr:to>
      <xdr:col>116</xdr:col>
      <xdr:colOff>62864</xdr:colOff>
      <xdr:row>108</xdr:row>
      <xdr:rowOff>114300</xdr:rowOff>
    </xdr:to>
    <xdr:cxnSp macro="">
      <xdr:nvCxnSpPr>
        <xdr:cNvPr id="817" name="直線コネクタ 816">
          <a:extLst>
            <a:ext uri="{FF2B5EF4-FFF2-40B4-BE49-F238E27FC236}">
              <a16:creationId xmlns:a16="http://schemas.microsoft.com/office/drawing/2014/main" id="{30B643EF-B673-4990-A387-737F11C6BCEB}"/>
            </a:ext>
          </a:extLst>
        </xdr:cNvPr>
        <xdr:cNvCxnSpPr/>
      </xdr:nvCxnSpPr>
      <xdr:spPr>
        <a:xfrm flipV="1">
          <a:off x="22160864" y="17365980"/>
          <a:ext cx="0" cy="12649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18127</xdr:rowOff>
    </xdr:from>
    <xdr:ext cx="469744" cy="259045"/>
    <xdr:sp macro="" textlink="">
      <xdr:nvSpPr>
        <xdr:cNvPr id="818" name="【公民館】&#10;一人当たり面積最小値テキスト">
          <a:extLst>
            <a:ext uri="{FF2B5EF4-FFF2-40B4-BE49-F238E27FC236}">
              <a16:creationId xmlns:a16="http://schemas.microsoft.com/office/drawing/2014/main" id="{4DA42D2A-A0C5-4C18-ABB4-745D88617862}"/>
            </a:ext>
          </a:extLst>
        </xdr:cNvPr>
        <xdr:cNvSpPr txBox="1"/>
      </xdr:nvSpPr>
      <xdr:spPr>
        <a:xfrm>
          <a:off x="22199600" y="1863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14300</xdr:rowOff>
    </xdr:from>
    <xdr:to>
      <xdr:col>116</xdr:col>
      <xdr:colOff>152400</xdr:colOff>
      <xdr:row>108</xdr:row>
      <xdr:rowOff>114300</xdr:rowOff>
    </xdr:to>
    <xdr:cxnSp macro="">
      <xdr:nvCxnSpPr>
        <xdr:cNvPr id="819" name="直線コネクタ 818">
          <a:extLst>
            <a:ext uri="{FF2B5EF4-FFF2-40B4-BE49-F238E27FC236}">
              <a16:creationId xmlns:a16="http://schemas.microsoft.com/office/drawing/2014/main" id="{8E017709-F812-4F22-B24D-24DF4F94C37F}"/>
            </a:ext>
          </a:extLst>
        </xdr:cNvPr>
        <xdr:cNvCxnSpPr/>
      </xdr:nvCxnSpPr>
      <xdr:spPr>
        <a:xfrm>
          <a:off x="22072600" y="1863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67657</xdr:rowOff>
    </xdr:from>
    <xdr:ext cx="469744" cy="259045"/>
    <xdr:sp macro="" textlink="">
      <xdr:nvSpPr>
        <xdr:cNvPr id="820" name="【公民館】&#10;一人当たり面積最大値テキスト">
          <a:extLst>
            <a:ext uri="{FF2B5EF4-FFF2-40B4-BE49-F238E27FC236}">
              <a16:creationId xmlns:a16="http://schemas.microsoft.com/office/drawing/2014/main" id="{F598747E-C934-4B65-8C1B-9D60CC065C65}"/>
            </a:ext>
          </a:extLst>
        </xdr:cNvPr>
        <xdr:cNvSpPr txBox="1"/>
      </xdr:nvSpPr>
      <xdr:spPr>
        <a:xfrm>
          <a:off x="22199600" y="171412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49530</xdr:rowOff>
    </xdr:from>
    <xdr:to>
      <xdr:col>116</xdr:col>
      <xdr:colOff>152400</xdr:colOff>
      <xdr:row>101</xdr:row>
      <xdr:rowOff>49530</xdr:rowOff>
    </xdr:to>
    <xdr:cxnSp macro="">
      <xdr:nvCxnSpPr>
        <xdr:cNvPr id="821" name="直線コネクタ 820">
          <a:extLst>
            <a:ext uri="{FF2B5EF4-FFF2-40B4-BE49-F238E27FC236}">
              <a16:creationId xmlns:a16="http://schemas.microsoft.com/office/drawing/2014/main" id="{430265A5-22BA-46F5-878F-F170B9521CFB}"/>
            </a:ext>
          </a:extLst>
        </xdr:cNvPr>
        <xdr:cNvCxnSpPr/>
      </xdr:nvCxnSpPr>
      <xdr:spPr>
        <a:xfrm>
          <a:off x="22072600" y="173659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68597</xdr:rowOff>
    </xdr:from>
    <xdr:ext cx="469744" cy="259045"/>
    <xdr:sp macro="" textlink="">
      <xdr:nvSpPr>
        <xdr:cNvPr id="822" name="【公民館】&#10;一人当たり面積平均値テキスト">
          <a:extLst>
            <a:ext uri="{FF2B5EF4-FFF2-40B4-BE49-F238E27FC236}">
              <a16:creationId xmlns:a16="http://schemas.microsoft.com/office/drawing/2014/main" id="{6269C1CD-2BA8-4160-A3F1-D48F2AADE771}"/>
            </a:ext>
          </a:extLst>
        </xdr:cNvPr>
        <xdr:cNvSpPr txBox="1"/>
      </xdr:nvSpPr>
      <xdr:spPr>
        <a:xfrm>
          <a:off x="22199600" y="180708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90170</xdr:rowOff>
    </xdr:from>
    <xdr:to>
      <xdr:col>116</xdr:col>
      <xdr:colOff>114300</xdr:colOff>
      <xdr:row>106</xdr:row>
      <xdr:rowOff>20320</xdr:rowOff>
    </xdr:to>
    <xdr:sp macro="" textlink="">
      <xdr:nvSpPr>
        <xdr:cNvPr id="823" name="フローチャート: 判断 822">
          <a:extLst>
            <a:ext uri="{FF2B5EF4-FFF2-40B4-BE49-F238E27FC236}">
              <a16:creationId xmlns:a16="http://schemas.microsoft.com/office/drawing/2014/main" id="{BA468D78-3E5B-45D5-8A5E-811BD7FD4E8F}"/>
            </a:ext>
          </a:extLst>
        </xdr:cNvPr>
        <xdr:cNvSpPr/>
      </xdr:nvSpPr>
      <xdr:spPr>
        <a:xfrm>
          <a:off x="22110700" y="18092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36830</xdr:rowOff>
    </xdr:from>
    <xdr:to>
      <xdr:col>112</xdr:col>
      <xdr:colOff>38100</xdr:colOff>
      <xdr:row>105</xdr:row>
      <xdr:rowOff>138430</xdr:rowOff>
    </xdr:to>
    <xdr:sp macro="" textlink="">
      <xdr:nvSpPr>
        <xdr:cNvPr id="824" name="フローチャート: 判断 823">
          <a:extLst>
            <a:ext uri="{FF2B5EF4-FFF2-40B4-BE49-F238E27FC236}">
              <a16:creationId xmlns:a16="http://schemas.microsoft.com/office/drawing/2014/main" id="{F6C24A59-9967-4658-8AB9-AA84BAFF902A}"/>
            </a:ext>
          </a:extLst>
        </xdr:cNvPr>
        <xdr:cNvSpPr/>
      </xdr:nvSpPr>
      <xdr:spPr>
        <a:xfrm>
          <a:off x="21272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67311</xdr:rowOff>
    </xdr:from>
    <xdr:to>
      <xdr:col>107</xdr:col>
      <xdr:colOff>101600</xdr:colOff>
      <xdr:row>105</xdr:row>
      <xdr:rowOff>168911</xdr:rowOff>
    </xdr:to>
    <xdr:sp macro="" textlink="">
      <xdr:nvSpPr>
        <xdr:cNvPr id="825" name="フローチャート: 判断 824">
          <a:extLst>
            <a:ext uri="{FF2B5EF4-FFF2-40B4-BE49-F238E27FC236}">
              <a16:creationId xmlns:a16="http://schemas.microsoft.com/office/drawing/2014/main" id="{DA4198F3-F9B5-4ACA-B555-76F145C5BDD1}"/>
            </a:ext>
          </a:extLst>
        </xdr:cNvPr>
        <xdr:cNvSpPr/>
      </xdr:nvSpPr>
      <xdr:spPr>
        <a:xfrm>
          <a:off x="203835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7789</xdr:rowOff>
    </xdr:from>
    <xdr:to>
      <xdr:col>102</xdr:col>
      <xdr:colOff>165100</xdr:colOff>
      <xdr:row>106</xdr:row>
      <xdr:rowOff>27939</xdr:rowOff>
    </xdr:to>
    <xdr:sp macro="" textlink="">
      <xdr:nvSpPr>
        <xdr:cNvPr id="826" name="フローチャート: 判断 825">
          <a:extLst>
            <a:ext uri="{FF2B5EF4-FFF2-40B4-BE49-F238E27FC236}">
              <a16:creationId xmlns:a16="http://schemas.microsoft.com/office/drawing/2014/main" id="{3BBA262E-20B3-4F44-BA6F-8EA9CA6F3820}"/>
            </a:ext>
          </a:extLst>
        </xdr:cNvPr>
        <xdr:cNvSpPr/>
      </xdr:nvSpPr>
      <xdr:spPr>
        <a:xfrm>
          <a:off x="19494500" y="18100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74930</xdr:rowOff>
    </xdr:from>
    <xdr:to>
      <xdr:col>98</xdr:col>
      <xdr:colOff>38100</xdr:colOff>
      <xdr:row>106</xdr:row>
      <xdr:rowOff>5080</xdr:rowOff>
    </xdr:to>
    <xdr:sp macro="" textlink="">
      <xdr:nvSpPr>
        <xdr:cNvPr id="827" name="フローチャート: 判断 826">
          <a:extLst>
            <a:ext uri="{FF2B5EF4-FFF2-40B4-BE49-F238E27FC236}">
              <a16:creationId xmlns:a16="http://schemas.microsoft.com/office/drawing/2014/main" id="{827B3DE0-EEE1-4A27-82F0-097C4BFA9899}"/>
            </a:ext>
          </a:extLst>
        </xdr:cNvPr>
        <xdr:cNvSpPr/>
      </xdr:nvSpPr>
      <xdr:spPr>
        <a:xfrm>
          <a:off x="18605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28" name="テキスト ボックス 827">
          <a:extLst>
            <a:ext uri="{FF2B5EF4-FFF2-40B4-BE49-F238E27FC236}">
              <a16:creationId xmlns:a16="http://schemas.microsoft.com/office/drawing/2014/main" id="{84160C4C-9DA4-4F50-AEE5-1925A7F92F35}"/>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29" name="テキスト ボックス 828">
          <a:extLst>
            <a:ext uri="{FF2B5EF4-FFF2-40B4-BE49-F238E27FC236}">
              <a16:creationId xmlns:a16="http://schemas.microsoft.com/office/drawing/2014/main" id="{3E67CB7F-21DB-4A6B-8EC8-2EB40D56E056}"/>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0" name="テキスト ボックス 829">
          <a:extLst>
            <a:ext uri="{FF2B5EF4-FFF2-40B4-BE49-F238E27FC236}">
              <a16:creationId xmlns:a16="http://schemas.microsoft.com/office/drawing/2014/main" id="{31683CD5-9C9F-4A05-A4F5-870058F90284}"/>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1" name="テキスト ボックス 830">
          <a:extLst>
            <a:ext uri="{FF2B5EF4-FFF2-40B4-BE49-F238E27FC236}">
              <a16:creationId xmlns:a16="http://schemas.microsoft.com/office/drawing/2014/main" id="{605DD551-B3E8-40E9-BC26-A81B1D637B47}"/>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2" name="テキスト ボックス 831">
          <a:extLst>
            <a:ext uri="{FF2B5EF4-FFF2-40B4-BE49-F238E27FC236}">
              <a16:creationId xmlns:a16="http://schemas.microsoft.com/office/drawing/2014/main" id="{5BCE8C6B-6E51-4F36-92FE-1A2F748FFB1E}"/>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44450</xdr:rowOff>
    </xdr:from>
    <xdr:to>
      <xdr:col>116</xdr:col>
      <xdr:colOff>114300</xdr:colOff>
      <xdr:row>105</xdr:row>
      <xdr:rowOff>146050</xdr:rowOff>
    </xdr:to>
    <xdr:sp macro="" textlink="">
      <xdr:nvSpPr>
        <xdr:cNvPr id="833" name="楕円 832">
          <a:extLst>
            <a:ext uri="{FF2B5EF4-FFF2-40B4-BE49-F238E27FC236}">
              <a16:creationId xmlns:a16="http://schemas.microsoft.com/office/drawing/2014/main" id="{16FDF0EA-9CBC-4167-A8D9-CDA1A6083511}"/>
            </a:ext>
          </a:extLst>
        </xdr:cNvPr>
        <xdr:cNvSpPr/>
      </xdr:nvSpPr>
      <xdr:spPr>
        <a:xfrm>
          <a:off x="22110700" y="1804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4</xdr:row>
      <xdr:rowOff>67327</xdr:rowOff>
    </xdr:from>
    <xdr:ext cx="469744" cy="259045"/>
    <xdr:sp macro="" textlink="">
      <xdr:nvSpPr>
        <xdr:cNvPr id="834" name="【公民館】&#10;一人当たり面積該当値テキスト">
          <a:extLst>
            <a:ext uri="{FF2B5EF4-FFF2-40B4-BE49-F238E27FC236}">
              <a16:creationId xmlns:a16="http://schemas.microsoft.com/office/drawing/2014/main" id="{DA2DED5F-4DA7-45D4-8A1A-C0C721C227D1}"/>
            </a:ext>
          </a:extLst>
        </xdr:cNvPr>
        <xdr:cNvSpPr txBox="1"/>
      </xdr:nvSpPr>
      <xdr:spPr>
        <a:xfrm>
          <a:off x="22199600" y="17898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44450</xdr:rowOff>
    </xdr:from>
    <xdr:to>
      <xdr:col>112</xdr:col>
      <xdr:colOff>38100</xdr:colOff>
      <xdr:row>105</xdr:row>
      <xdr:rowOff>146050</xdr:rowOff>
    </xdr:to>
    <xdr:sp macro="" textlink="">
      <xdr:nvSpPr>
        <xdr:cNvPr id="835" name="楕円 834">
          <a:extLst>
            <a:ext uri="{FF2B5EF4-FFF2-40B4-BE49-F238E27FC236}">
              <a16:creationId xmlns:a16="http://schemas.microsoft.com/office/drawing/2014/main" id="{D1C6FCA5-5D97-4040-9111-CDFE20CFBAE4}"/>
            </a:ext>
          </a:extLst>
        </xdr:cNvPr>
        <xdr:cNvSpPr/>
      </xdr:nvSpPr>
      <xdr:spPr>
        <a:xfrm>
          <a:off x="21272500" y="1804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5</xdr:row>
      <xdr:rowOff>95250</xdr:rowOff>
    </xdr:from>
    <xdr:to>
      <xdr:col>116</xdr:col>
      <xdr:colOff>63500</xdr:colOff>
      <xdr:row>105</xdr:row>
      <xdr:rowOff>95250</xdr:rowOff>
    </xdr:to>
    <xdr:cxnSp macro="">
      <xdr:nvCxnSpPr>
        <xdr:cNvPr id="836" name="直線コネクタ 835">
          <a:extLst>
            <a:ext uri="{FF2B5EF4-FFF2-40B4-BE49-F238E27FC236}">
              <a16:creationId xmlns:a16="http://schemas.microsoft.com/office/drawing/2014/main" id="{852576FB-65AD-4AA9-9917-BDEB71DC8B4A}"/>
            </a:ext>
          </a:extLst>
        </xdr:cNvPr>
        <xdr:cNvCxnSpPr/>
      </xdr:nvCxnSpPr>
      <xdr:spPr>
        <a:xfrm>
          <a:off x="21323300" y="18097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52070</xdr:rowOff>
    </xdr:from>
    <xdr:to>
      <xdr:col>107</xdr:col>
      <xdr:colOff>101600</xdr:colOff>
      <xdr:row>105</xdr:row>
      <xdr:rowOff>153670</xdr:rowOff>
    </xdr:to>
    <xdr:sp macro="" textlink="">
      <xdr:nvSpPr>
        <xdr:cNvPr id="837" name="楕円 836">
          <a:extLst>
            <a:ext uri="{FF2B5EF4-FFF2-40B4-BE49-F238E27FC236}">
              <a16:creationId xmlns:a16="http://schemas.microsoft.com/office/drawing/2014/main" id="{8E2CB454-861F-4850-89BA-5F58C4F8BF6F}"/>
            </a:ext>
          </a:extLst>
        </xdr:cNvPr>
        <xdr:cNvSpPr/>
      </xdr:nvSpPr>
      <xdr:spPr>
        <a:xfrm>
          <a:off x="20383500" y="18054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5</xdr:row>
      <xdr:rowOff>95250</xdr:rowOff>
    </xdr:from>
    <xdr:to>
      <xdr:col>111</xdr:col>
      <xdr:colOff>177800</xdr:colOff>
      <xdr:row>105</xdr:row>
      <xdr:rowOff>102870</xdr:rowOff>
    </xdr:to>
    <xdr:cxnSp macro="">
      <xdr:nvCxnSpPr>
        <xdr:cNvPr id="838" name="直線コネクタ 837">
          <a:extLst>
            <a:ext uri="{FF2B5EF4-FFF2-40B4-BE49-F238E27FC236}">
              <a16:creationId xmlns:a16="http://schemas.microsoft.com/office/drawing/2014/main" id="{47F324E0-0323-48FB-9E08-681EDA22CDF5}"/>
            </a:ext>
          </a:extLst>
        </xdr:cNvPr>
        <xdr:cNvCxnSpPr/>
      </xdr:nvCxnSpPr>
      <xdr:spPr>
        <a:xfrm flipV="1">
          <a:off x="20434300" y="1809750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5</xdr:row>
      <xdr:rowOff>67311</xdr:rowOff>
    </xdr:from>
    <xdr:to>
      <xdr:col>102</xdr:col>
      <xdr:colOff>165100</xdr:colOff>
      <xdr:row>105</xdr:row>
      <xdr:rowOff>168911</xdr:rowOff>
    </xdr:to>
    <xdr:sp macro="" textlink="">
      <xdr:nvSpPr>
        <xdr:cNvPr id="839" name="楕円 838">
          <a:extLst>
            <a:ext uri="{FF2B5EF4-FFF2-40B4-BE49-F238E27FC236}">
              <a16:creationId xmlns:a16="http://schemas.microsoft.com/office/drawing/2014/main" id="{F64CCACE-E721-4A67-B09D-0B614A5044C5}"/>
            </a:ext>
          </a:extLst>
        </xdr:cNvPr>
        <xdr:cNvSpPr/>
      </xdr:nvSpPr>
      <xdr:spPr>
        <a:xfrm>
          <a:off x="19494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5</xdr:row>
      <xdr:rowOff>102870</xdr:rowOff>
    </xdr:from>
    <xdr:to>
      <xdr:col>107</xdr:col>
      <xdr:colOff>50800</xdr:colOff>
      <xdr:row>105</xdr:row>
      <xdr:rowOff>118111</xdr:rowOff>
    </xdr:to>
    <xdr:cxnSp macro="">
      <xdr:nvCxnSpPr>
        <xdr:cNvPr id="840" name="直線コネクタ 839">
          <a:extLst>
            <a:ext uri="{FF2B5EF4-FFF2-40B4-BE49-F238E27FC236}">
              <a16:creationId xmlns:a16="http://schemas.microsoft.com/office/drawing/2014/main" id="{1823A46D-D33D-4A15-8FF3-6B840BDDC57C}"/>
            </a:ext>
          </a:extLst>
        </xdr:cNvPr>
        <xdr:cNvCxnSpPr/>
      </xdr:nvCxnSpPr>
      <xdr:spPr>
        <a:xfrm flipV="1">
          <a:off x="19545300" y="18105120"/>
          <a:ext cx="889000" cy="152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5</xdr:row>
      <xdr:rowOff>67311</xdr:rowOff>
    </xdr:from>
    <xdr:to>
      <xdr:col>98</xdr:col>
      <xdr:colOff>38100</xdr:colOff>
      <xdr:row>105</xdr:row>
      <xdr:rowOff>168911</xdr:rowOff>
    </xdr:to>
    <xdr:sp macro="" textlink="">
      <xdr:nvSpPr>
        <xdr:cNvPr id="841" name="楕円 840">
          <a:extLst>
            <a:ext uri="{FF2B5EF4-FFF2-40B4-BE49-F238E27FC236}">
              <a16:creationId xmlns:a16="http://schemas.microsoft.com/office/drawing/2014/main" id="{7CD3C612-8C75-49E9-B8EC-ACFCC21613CC}"/>
            </a:ext>
          </a:extLst>
        </xdr:cNvPr>
        <xdr:cNvSpPr/>
      </xdr:nvSpPr>
      <xdr:spPr>
        <a:xfrm>
          <a:off x="18605500" y="18069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5</xdr:row>
      <xdr:rowOff>118111</xdr:rowOff>
    </xdr:from>
    <xdr:to>
      <xdr:col>102</xdr:col>
      <xdr:colOff>114300</xdr:colOff>
      <xdr:row>105</xdr:row>
      <xdr:rowOff>118111</xdr:rowOff>
    </xdr:to>
    <xdr:cxnSp macro="">
      <xdr:nvCxnSpPr>
        <xdr:cNvPr id="842" name="直線コネクタ 841">
          <a:extLst>
            <a:ext uri="{FF2B5EF4-FFF2-40B4-BE49-F238E27FC236}">
              <a16:creationId xmlns:a16="http://schemas.microsoft.com/office/drawing/2014/main" id="{CE090CD6-6B85-4E44-986C-86D78E33E32B}"/>
            </a:ext>
          </a:extLst>
        </xdr:cNvPr>
        <xdr:cNvCxnSpPr/>
      </xdr:nvCxnSpPr>
      <xdr:spPr>
        <a:xfrm>
          <a:off x="18656300" y="181203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54957</xdr:rowOff>
    </xdr:from>
    <xdr:ext cx="469744" cy="259045"/>
    <xdr:sp macro="" textlink="">
      <xdr:nvSpPr>
        <xdr:cNvPr id="843" name="n_1aveValue【公民館】&#10;一人当たり面積">
          <a:extLst>
            <a:ext uri="{FF2B5EF4-FFF2-40B4-BE49-F238E27FC236}">
              <a16:creationId xmlns:a16="http://schemas.microsoft.com/office/drawing/2014/main" id="{363C4CAF-FF17-4156-80A6-0E17D7950DFD}"/>
            </a:ext>
          </a:extLst>
        </xdr:cNvPr>
        <xdr:cNvSpPr txBox="1"/>
      </xdr:nvSpPr>
      <xdr:spPr>
        <a:xfrm>
          <a:off x="210757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5</xdr:row>
      <xdr:rowOff>160038</xdr:rowOff>
    </xdr:from>
    <xdr:ext cx="469744" cy="259045"/>
    <xdr:sp macro="" textlink="">
      <xdr:nvSpPr>
        <xdr:cNvPr id="844" name="n_2aveValue【公民館】&#10;一人当たり面積">
          <a:extLst>
            <a:ext uri="{FF2B5EF4-FFF2-40B4-BE49-F238E27FC236}">
              <a16:creationId xmlns:a16="http://schemas.microsoft.com/office/drawing/2014/main" id="{3D4986F5-B25A-4311-A2F4-AA97209DFAF1}"/>
            </a:ext>
          </a:extLst>
        </xdr:cNvPr>
        <xdr:cNvSpPr txBox="1"/>
      </xdr:nvSpPr>
      <xdr:spPr>
        <a:xfrm>
          <a:off x="20199427" y="18162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9066</xdr:rowOff>
    </xdr:from>
    <xdr:ext cx="469744" cy="259045"/>
    <xdr:sp macro="" textlink="">
      <xdr:nvSpPr>
        <xdr:cNvPr id="845" name="n_3aveValue【公民館】&#10;一人当たり面積">
          <a:extLst>
            <a:ext uri="{FF2B5EF4-FFF2-40B4-BE49-F238E27FC236}">
              <a16:creationId xmlns:a16="http://schemas.microsoft.com/office/drawing/2014/main" id="{2B05E6AD-6BF0-44A3-A68C-09A481DF6A42}"/>
            </a:ext>
          </a:extLst>
        </xdr:cNvPr>
        <xdr:cNvSpPr txBox="1"/>
      </xdr:nvSpPr>
      <xdr:spPr>
        <a:xfrm>
          <a:off x="19310427" y="18192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5</xdr:row>
      <xdr:rowOff>167657</xdr:rowOff>
    </xdr:from>
    <xdr:ext cx="469744" cy="259045"/>
    <xdr:sp macro="" textlink="">
      <xdr:nvSpPr>
        <xdr:cNvPr id="846" name="n_4aveValue【公民館】&#10;一人当たり面積">
          <a:extLst>
            <a:ext uri="{FF2B5EF4-FFF2-40B4-BE49-F238E27FC236}">
              <a16:creationId xmlns:a16="http://schemas.microsoft.com/office/drawing/2014/main" id="{05693C2F-FD7A-4875-B862-A36E135C1E3A}"/>
            </a:ext>
          </a:extLst>
        </xdr:cNvPr>
        <xdr:cNvSpPr txBox="1"/>
      </xdr:nvSpPr>
      <xdr:spPr>
        <a:xfrm>
          <a:off x="18421427" y="18169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5</xdr:row>
      <xdr:rowOff>137177</xdr:rowOff>
    </xdr:from>
    <xdr:ext cx="469744" cy="259045"/>
    <xdr:sp macro="" textlink="">
      <xdr:nvSpPr>
        <xdr:cNvPr id="847" name="n_1mainValue【公民館】&#10;一人当たり面積">
          <a:extLst>
            <a:ext uri="{FF2B5EF4-FFF2-40B4-BE49-F238E27FC236}">
              <a16:creationId xmlns:a16="http://schemas.microsoft.com/office/drawing/2014/main" id="{87697214-2A5F-431F-8891-2A28314F5410}"/>
            </a:ext>
          </a:extLst>
        </xdr:cNvPr>
        <xdr:cNvSpPr txBox="1"/>
      </xdr:nvSpPr>
      <xdr:spPr>
        <a:xfrm>
          <a:off x="21075727" y="1813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70197</xdr:rowOff>
    </xdr:from>
    <xdr:ext cx="469744" cy="259045"/>
    <xdr:sp macro="" textlink="">
      <xdr:nvSpPr>
        <xdr:cNvPr id="848" name="n_2mainValue【公民館】&#10;一人当たり面積">
          <a:extLst>
            <a:ext uri="{FF2B5EF4-FFF2-40B4-BE49-F238E27FC236}">
              <a16:creationId xmlns:a16="http://schemas.microsoft.com/office/drawing/2014/main" id="{1EA0E9A5-1A00-458E-B18C-8BBDAAD50C3E}"/>
            </a:ext>
          </a:extLst>
        </xdr:cNvPr>
        <xdr:cNvSpPr txBox="1"/>
      </xdr:nvSpPr>
      <xdr:spPr>
        <a:xfrm>
          <a:off x="20199427" y="178295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3988</xdr:rowOff>
    </xdr:from>
    <xdr:ext cx="469744" cy="259045"/>
    <xdr:sp macro="" textlink="">
      <xdr:nvSpPr>
        <xdr:cNvPr id="849" name="n_3mainValue【公民館】&#10;一人当たり面積">
          <a:extLst>
            <a:ext uri="{FF2B5EF4-FFF2-40B4-BE49-F238E27FC236}">
              <a16:creationId xmlns:a16="http://schemas.microsoft.com/office/drawing/2014/main" id="{7EF3357D-16F4-414A-93C5-E1194670DCBC}"/>
            </a:ext>
          </a:extLst>
        </xdr:cNvPr>
        <xdr:cNvSpPr txBox="1"/>
      </xdr:nvSpPr>
      <xdr:spPr>
        <a:xfrm>
          <a:off x="19310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3988</xdr:rowOff>
    </xdr:from>
    <xdr:ext cx="469744" cy="259045"/>
    <xdr:sp macro="" textlink="">
      <xdr:nvSpPr>
        <xdr:cNvPr id="850" name="n_4mainValue【公民館】&#10;一人当たり面積">
          <a:extLst>
            <a:ext uri="{FF2B5EF4-FFF2-40B4-BE49-F238E27FC236}">
              <a16:creationId xmlns:a16="http://schemas.microsoft.com/office/drawing/2014/main" id="{A9CD0EBA-1442-44C2-974C-478477A1796A}"/>
            </a:ext>
          </a:extLst>
        </xdr:cNvPr>
        <xdr:cNvSpPr txBox="1"/>
      </xdr:nvSpPr>
      <xdr:spPr>
        <a:xfrm>
          <a:off x="18421427" y="178447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1" name="正方形/長方形 850">
          <a:extLst>
            <a:ext uri="{FF2B5EF4-FFF2-40B4-BE49-F238E27FC236}">
              <a16:creationId xmlns:a16="http://schemas.microsoft.com/office/drawing/2014/main" id="{4685E69A-E373-42DC-A274-F06F84BEBF21}"/>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2" name="正方形/長方形 851">
          <a:extLst>
            <a:ext uri="{FF2B5EF4-FFF2-40B4-BE49-F238E27FC236}">
              <a16:creationId xmlns:a16="http://schemas.microsoft.com/office/drawing/2014/main" id="{DAAAF58C-BC60-4ED1-AAFB-8ED1242C9E95}"/>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3" name="テキスト ボックス 852">
          <a:extLst>
            <a:ext uri="{FF2B5EF4-FFF2-40B4-BE49-F238E27FC236}">
              <a16:creationId xmlns:a16="http://schemas.microsoft.com/office/drawing/2014/main" id="{D176A354-34C9-42EA-A631-9426B1679A5C}"/>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有形固定資産減価償却率は、橋りょう・トンネル、公営住宅については類似団体の平均を下回っているが、その他の施設類型については類似団体の平均を上回っており、特に道路・児童館が高くなっている。</a:t>
          </a:r>
          <a:endParaRPr lang="ja-JP" altLang="ja-JP" sz="1400">
            <a:effectLst/>
          </a:endParaRPr>
        </a:p>
        <a:p>
          <a:r>
            <a:rPr kumimoji="1" lang="ja-JP" altLang="ja-JP" sz="1100">
              <a:solidFill>
                <a:schemeClr val="dk1"/>
              </a:solidFill>
              <a:effectLst/>
              <a:latin typeface="+mn-lt"/>
              <a:ea typeface="+mn-ea"/>
              <a:cs typeface="+mn-cs"/>
            </a:rPr>
            <a:t>道路については、既存道路の計画的な修繕や更新を行い、比率の低下に努める。児童館は地元との調整を行いながら周辺小中学校への機能移転や廃止等施設のあり方を検討し、指標の改善を図る。小中学校施設については、令和３年度に個別施設計画を策定しており、同計画に基づいて施設の長寿命化や他の施設との複合化等を進めていく。その他公共施設についても、「公共施設等総合管理計画」に基づき、老朽化対策等の取組を進めていく。</a:t>
          </a:r>
          <a:endParaRPr lang="ja-JP" altLang="ja-JP" sz="1400">
            <a:effectLst/>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1377C5DA-5692-436B-8DA5-9CF8D53623A3}"/>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id="{6F5D3F76-6A5E-4531-9C08-909FD408DE9E}"/>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id="{BB862DAC-3588-47AF-A321-EC7E9587E290}"/>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id="{626300AA-AF47-42EC-99D1-F120EE0C9E81}"/>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9CE9CEDF-C3C3-46C8-B11A-6B121F291B8B}"/>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1E3C3D36-5C96-4D1C-B525-2A9059FBA756}"/>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BED76988-FE0C-4F10-AB28-8B61E4D25CC5}"/>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10BFF475-5034-4203-8623-E71510F30441}"/>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DD57E2B9-971D-4DE9-A633-812E8A766EFB}"/>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id="{F8B5970B-26D8-4200-97FA-AFB0BA8B7F68}"/>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795
97,298
55.56
38,593,373
36,101,492
2,440,297
20,871,660
22,402,6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E7F5525F-7DBA-4DF1-B559-9A837381B32C}"/>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1CC4F94F-BAE0-4EDC-99D2-0EEC3D0143A8}"/>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A7C180AB-CF55-47E4-B72C-F648DB1ED5A6}"/>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D9B31DF2-C4EA-4830-8085-539D8BB0778C}"/>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E5B535E9-CB30-4962-BC69-4B0D1198AEA3}"/>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id="{518C29D9-BC88-4AAF-9CC6-21CD9C834ED0}"/>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id="{10254F31-5564-4905-8E26-6F0E040376B7}"/>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id="{A3287FD1-B4C6-4ED4-A3B0-BA2D47F9B099}"/>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id="{AEEE01CB-D5EE-4DFA-95BF-B36AE2A13AE8}"/>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BEAA5059-5FD1-48F8-8FA7-5A87694E192E}"/>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id="{AA188803-1576-4A43-A4CB-082F8230312C}"/>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id="{008D98D9-399E-47E0-B64D-8615C93DF144}"/>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id="{0800ABC4-8FF0-406B-A43D-4D35F5946442}"/>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id="{D4F577FF-9BE9-48A2-9A4A-E23C3EECB3DB}"/>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4C1F014E-97B9-4369-B637-700ADF0A28A6}"/>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id="{006ACE29-6D71-4B33-A592-61A66F84A367}"/>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E89B1B74-7AFE-41F7-93E9-3D381FD0D43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id="{A565C1FE-EB39-4D14-AE32-F346C25332EA}"/>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id="{C43AAA9E-3D83-457E-92AD-A23DDD847BA1}"/>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id="{7FCA0543-149A-44CF-958B-55D6D871B1C8}"/>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id="{1D8CF76A-17DA-4901-84FE-72213FC2947F}"/>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id="{E901E2AF-B96E-4FA0-A516-FA2D54152E45}"/>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id="{564C586E-4F11-4DDC-BE9C-EFC38B0DA686}"/>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id="{43A1CBB2-FEE4-4300-9E36-2B58F8AE452D}"/>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id="{46D5D779-7106-4389-B885-9252B7F232A4}"/>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id="{F5E03259-2552-4C69-8729-A6B8914CF73E}"/>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id="{ADEB2E4C-C9BE-4AE7-BDD2-FB68E2329D83}"/>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id="{569A4D22-03D8-4D36-AF7E-75A16B05DECF}"/>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id="{DDA10C38-1599-4B92-AB88-3F3D2474C898}"/>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id="{A537A4A8-0F24-4069-B576-FD3908901C58}"/>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id="{85929FAC-163B-4E98-8137-F61A270E1D19}"/>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id="{8132C3D2-277E-43FE-9A3B-0BCE7A981538}"/>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id="{681DDFA0-BD13-4FEE-8BE5-382342BF29EA}"/>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id="{E9DED739-B664-46D0-8EA3-00A02F7F09AD}"/>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id="{6306D714-BCDE-4C73-A5F0-F026A9011926}"/>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id="{952E1E7C-C813-44FA-8E81-5BC76A8D9AB7}"/>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id="{02F678F5-548B-4DB9-8FB0-F2221DB31FA7}"/>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id="{B075A6D5-27DC-47BB-BF96-A539BF9D3948}"/>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id="{D7E90451-8A2F-48B6-B704-32539054D044}"/>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id="{EE5F25DD-52FD-4C74-B465-B9DDF09ED202}"/>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id="{26D9E223-E19C-4162-B62D-4FE0BBADECE2}"/>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id="{0A98FE6B-D70E-4D2F-A3E9-00A6D6AB4DD0}"/>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id="{45BE8385-18EE-47EA-B356-B6647950645D}"/>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id="{94723F7A-1184-4CD2-871A-1771ACA33057}"/>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id="{6C0DFE39-044C-4271-AF9E-2E710A5DCB94}"/>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id="{ECB86554-ECA7-4E24-B921-E5EC830149A3}"/>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21920</xdr:rowOff>
    </xdr:from>
    <xdr:to>
      <xdr:col>24</xdr:col>
      <xdr:colOff>62865</xdr:colOff>
      <xdr:row>42</xdr:row>
      <xdr:rowOff>12519</xdr:rowOff>
    </xdr:to>
    <xdr:cxnSp macro="">
      <xdr:nvCxnSpPr>
        <xdr:cNvPr id="58" name="直線コネクタ 57">
          <a:extLst>
            <a:ext uri="{FF2B5EF4-FFF2-40B4-BE49-F238E27FC236}">
              <a16:creationId xmlns:a16="http://schemas.microsoft.com/office/drawing/2014/main" id="{41C1AC89-6F14-47AC-B9CB-5E1312607824}"/>
            </a:ext>
          </a:extLst>
        </xdr:cNvPr>
        <xdr:cNvCxnSpPr/>
      </xdr:nvCxnSpPr>
      <xdr:spPr>
        <a:xfrm flipV="1">
          <a:off x="4634865" y="5779770"/>
          <a:ext cx="0" cy="14336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6346</xdr:rowOff>
    </xdr:from>
    <xdr:ext cx="405111" cy="259045"/>
    <xdr:sp macro="" textlink="">
      <xdr:nvSpPr>
        <xdr:cNvPr id="59" name="【図書館】&#10;有形固定資産減価償却率最小値テキスト">
          <a:extLst>
            <a:ext uri="{FF2B5EF4-FFF2-40B4-BE49-F238E27FC236}">
              <a16:creationId xmlns:a16="http://schemas.microsoft.com/office/drawing/2014/main" id="{8F31FE8E-9B51-4086-B68C-4443DA9C2E98}"/>
            </a:ext>
          </a:extLst>
        </xdr:cNvPr>
        <xdr:cNvSpPr txBox="1"/>
      </xdr:nvSpPr>
      <xdr:spPr>
        <a:xfrm>
          <a:off x="4673600" y="7217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12519</xdr:rowOff>
    </xdr:from>
    <xdr:to>
      <xdr:col>24</xdr:col>
      <xdr:colOff>152400</xdr:colOff>
      <xdr:row>42</xdr:row>
      <xdr:rowOff>12519</xdr:rowOff>
    </xdr:to>
    <xdr:cxnSp macro="">
      <xdr:nvCxnSpPr>
        <xdr:cNvPr id="60" name="直線コネクタ 59">
          <a:extLst>
            <a:ext uri="{FF2B5EF4-FFF2-40B4-BE49-F238E27FC236}">
              <a16:creationId xmlns:a16="http://schemas.microsoft.com/office/drawing/2014/main" id="{4D1235C7-DB38-434B-86E8-5609D9D5963F}"/>
            </a:ext>
          </a:extLst>
        </xdr:cNvPr>
        <xdr:cNvCxnSpPr/>
      </xdr:nvCxnSpPr>
      <xdr:spPr>
        <a:xfrm>
          <a:off x="4546600" y="7213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68597</xdr:rowOff>
    </xdr:from>
    <xdr:ext cx="340478" cy="259045"/>
    <xdr:sp macro="" textlink="">
      <xdr:nvSpPr>
        <xdr:cNvPr id="61" name="【図書館】&#10;有形固定資産減価償却率最大値テキスト">
          <a:extLst>
            <a:ext uri="{FF2B5EF4-FFF2-40B4-BE49-F238E27FC236}">
              <a16:creationId xmlns:a16="http://schemas.microsoft.com/office/drawing/2014/main" id="{33B03E31-DA12-4E83-9A79-A65385A780CF}"/>
            </a:ext>
          </a:extLst>
        </xdr:cNvPr>
        <xdr:cNvSpPr txBox="1"/>
      </xdr:nvSpPr>
      <xdr:spPr>
        <a:xfrm>
          <a:off x="4673600" y="555499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21920</xdr:rowOff>
    </xdr:from>
    <xdr:to>
      <xdr:col>24</xdr:col>
      <xdr:colOff>152400</xdr:colOff>
      <xdr:row>33</xdr:row>
      <xdr:rowOff>121920</xdr:rowOff>
    </xdr:to>
    <xdr:cxnSp macro="">
      <xdr:nvCxnSpPr>
        <xdr:cNvPr id="62" name="直線コネクタ 61">
          <a:extLst>
            <a:ext uri="{FF2B5EF4-FFF2-40B4-BE49-F238E27FC236}">
              <a16:creationId xmlns:a16="http://schemas.microsoft.com/office/drawing/2014/main" id="{BFDD2E7E-710E-4E21-8E1B-82FF9EAEDB68}"/>
            </a:ext>
          </a:extLst>
        </xdr:cNvPr>
        <xdr:cNvCxnSpPr/>
      </xdr:nvCxnSpPr>
      <xdr:spPr>
        <a:xfrm>
          <a:off x="4546600" y="5779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115224</xdr:rowOff>
    </xdr:from>
    <xdr:ext cx="405111" cy="259045"/>
    <xdr:sp macro="" textlink="">
      <xdr:nvSpPr>
        <xdr:cNvPr id="63" name="【図書館】&#10;有形固定資産減価償却率平均値テキスト">
          <a:extLst>
            <a:ext uri="{FF2B5EF4-FFF2-40B4-BE49-F238E27FC236}">
              <a16:creationId xmlns:a16="http://schemas.microsoft.com/office/drawing/2014/main" id="{D7B0471E-3428-4AE3-8B55-921856DFC2EA}"/>
            </a:ext>
          </a:extLst>
        </xdr:cNvPr>
        <xdr:cNvSpPr txBox="1"/>
      </xdr:nvSpPr>
      <xdr:spPr>
        <a:xfrm>
          <a:off x="4673600" y="628742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2347</xdr:rowOff>
    </xdr:from>
    <xdr:to>
      <xdr:col>24</xdr:col>
      <xdr:colOff>114300</xdr:colOff>
      <xdr:row>38</xdr:row>
      <xdr:rowOff>22497</xdr:rowOff>
    </xdr:to>
    <xdr:sp macro="" textlink="">
      <xdr:nvSpPr>
        <xdr:cNvPr id="64" name="フローチャート: 判断 63">
          <a:extLst>
            <a:ext uri="{FF2B5EF4-FFF2-40B4-BE49-F238E27FC236}">
              <a16:creationId xmlns:a16="http://schemas.microsoft.com/office/drawing/2014/main" id="{39163D8D-A5BA-4DC8-BEF7-C6D7531109F3}"/>
            </a:ext>
          </a:extLst>
        </xdr:cNvPr>
        <xdr:cNvSpPr/>
      </xdr:nvSpPr>
      <xdr:spPr>
        <a:xfrm>
          <a:off x="4584700" y="64359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66222</xdr:rowOff>
    </xdr:from>
    <xdr:to>
      <xdr:col>20</xdr:col>
      <xdr:colOff>38100</xdr:colOff>
      <xdr:row>37</xdr:row>
      <xdr:rowOff>167822</xdr:rowOff>
    </xdr:to>
    <xdr:sp macro="" textlink="">
      <xdr:nvSpPr>
        <xdr:cNvPr id="65" name="フローチャート: 判断 64">
          <a:extLst>
            <a:ext uri="{FF2B5EF4-FFF2-40B4-BE49-F238E27FC236}">
              <a16:creationId xmlns:a16="http://schemas.microsoft.com/office/drawing/2014/main" id="{86C07884-95DD-4853-802E-B34014001573}"/>
            </a:ext>
          </a:extLst>
        </xdr:cNvPr>
        <xdr:cNvSpPr/>
      </xdr:nvSpPr>
      <xdr:spPr>
        <a:xfrm>
          <a:off x="3746500" y="6409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704</xdr:rowOff>
    </xdr:from>
    <xdr:to>
      <xdr:col>15</xdr:col>
      <xdr:colOff>101600</xdr:colOff>
      <xdr:row>37</xdr:row>
      <xdr:rowOff>112304</xdr:rowOff>
    </xdr:to>
    <xdr:sp macro="" textlink="">
      <xdr:nvSpPr>
        <xdr:cNvPr id="66" name="フローチャート: 判断 65">
          <a:extLst>
            <a:ext uri="{FF2B5EF4-FFF2-40B4-BE49-F238E27FC236}">
              <a16:creationId xmlns:a16="http://schemas.microsoft.com/office/drawing/2014/main" id="{33158E24-398A-4DE4-A8D3-4CE0F25DABCF}"/>
            </a:ext>
          </a:extLst>
        </xdr:cNvPr>
        <xdr:cNvSpPr/>
      </xdr:nvSpPr>
      <xdr:spPr>
        <a:xfrm>
          <a:off x="2857500" y="63543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22134</xdr:rowOff>
    </xdr:from>
    <xdr:to>
      <xdr:col>10</xdr:col>
      <xdr:colOff>165100</xdr:colOff>
      <xdr:row>37</xdr:row>
      <xdr:rowOff>123734</xdr:rowOff>
    </xdr:to>
    <xdr:sp macro="" textlink="">
      <xdr:nvSpPr>
        <xdr:cNvPr id="67" name="フローチャート: 判断 66">
          <a:extLst>
            <a:ext uri="{FF2B5EF4-FFF2-40B4-BE49-F238E27FC236}">
              <a16:creationId xmlns:a16="http://schemas.microsoft.com/office/drawing/2014/main" id="{A8D09D79-3AF5-40C8-80ED-DF8308E9F277}"/>
            </a:ext>
          </a:extLst>
        </xdr:cNvPr>
        <xdr:cNvSpPr/>
      </xdr:nvSpPr>
      <xdr:spPr>
        <a:xfrm>
          <a:off x="1968500" y="6365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51130</xdr:rowOff>
    </xdr:from>
    <xdr:to>
      <xdr:col>6</xdr:col>
      <xdr:colOff>38100</xdr:colOff>
      <xdr:row>37</xdr:row>
      <xdr:rowOff>81280</xdr:rowOff>
    </xdr:to>
    <xdr:sp macro="" textlink="">
      <xdr:nvSpPr>
        <xdr:cNvPr id="68" name="フローチャート: 判断 67">
          <a:extLst>
            <a:ext uri="{FF2B5EF4-FFF2-40B4-BE49-F238E27FC236}">
              <a16:creationId xmlns:a16="http://schemas.microsoft.com/office/drawing/2014/main" id="{E45F42C3-1C6F-4D51-B811-95A565D67F45}"/>
            </a:ext>
          </a:extLst>
        </xdr:cNvPr>
        <xdr:cNvSpPr/>
      </xdr:nvSpPr>
      <xdr:spPr>
        <a:xfrm>
          <a:off x="1079500" y="6323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id="{3D269C8C-EB1F-499F-A318-24D760AB1C0D}"/>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id="{90DDAD5C-AABF-4D89-BA64-D41DE8261912}"/>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id="{36339CC9-78CA-4998-93EE-6E90D961CF20}"/>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id="{A94D436F-1C4C-447B-877D-A73A9A1BD1CE}"/>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id="{D3FF55F8-32C7-424B-9246-2EFEC347B0BC}"/>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65826</xdr:rowOff>
    </xdr:from>
    <xdr:to>
      <xdr:col>24</xdr:col>
      <xdr:colOff>114300</xdr:colOff>
      <xdr:row>39</xdr:row>
      <xdr:rowOff>95976</xdr:rowOff>
    </xdr:to>
    <xdr:sp macro="" textlink="">
      <xdr:nvSpPr>
        <xdr:cNvPr id="74" name="楕円 73">
          <a:extLst>
            <a:ext uri="{FF2B5EF4-FFF2-40B4-BE49-F238E27FC236}">
              <a16:creationId xmlns:a16="http://schemas.microsoft.com/office/drawing/2014/main" id="{1E961986-B29A-48E3-9BF4-E7607E68F430}"/>
            </a:ext>
          </a:extLst>
        </xdr:cNvPr>
        <xdr:cNvSpPr/>
      </xdr:nvSpPr>
      <xdr:spPr>
        <a:xfrm>
          <a:off x="4584700" y="668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144253</xdr:rowOff>
    </xdr:from>
    <xdr:ext cx="405111" cy="259045"/>
    <xdr:sp macro="" textlink="">
      <xdr:nvSpPr>
        <xdr:cNvPr id="75" name="【図書館】&#10;有形固定資産減価償却率該当値テキスト">
          <a:extLst>
            <a:ext uri="{FF2B5EF4-FFF2-40B4-BE49-F238E27FC236}">
              <a16:creationId xmlns:a16="http://schemas.microsoft.com/office/drawing/2014/main" id="{4C8EBE9E-2491-460E-BF57-115E8BBFA573}"/>
            </a:ext>
          </a:extLst>
        </xdr:cNvPr>
        <xdr:cNvSpPr txBox="1"/>
      </xdr:nvSpPr>
      <xdr:spPr>
        <a:xfrm>
          <a:off x="4673600" y="6659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31535</xdr:rowOff>
    </xdr:from>
    <xdr:to>
      <xdr:col>20</xdr:col>
      <xdr:colOff>38100</xdr:colOff>
      <xdr:row>39</xdr:row>
      <xdr:rowOff>61685</xdr:rowOff>
    </xdr:to>
    <xdr:sp macro="" textlink="">
      <xdr:nvSpPr>
        <xdr:cNvPr id="76" name="楕円 75">
          <a:extLst>
            <a:ext uri="{FF2B5EF4-FFF2-40B4-BE49-F238E27FC236}">
              <a16:creationId xmlns:a16="http://schemas.microsoft.com/office/drawing/2014/main" id="{4CB345D4-D457-4376-85DA-2DD9399CEC37}"/>
            </a:ext>
          </a:extLst>
        </xdr:cNvPr>
        <xdr:cNvSpPr/>
      </xdr:nvSpPr>
      <xdr:spPr>
        <a:xfrm>
          <a:off x="3746500" y="6646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9</xdr:row>
      <xdr:rowOff>10885</xdr:rowOff>
    </xdr:from>
    <xdr:to>
      <xdr:col>24</xdr:col>
      <xdr:colOff>63500</xdr:colOff>
      <xdr:row>39</xdr:row>
      <xdr:rowOff>45176</xdr:rowOff>
    </xdr:to>
    <xdr:cxnSp macro="">
      <xdr:nvCxnSpPr>
        <xdr:cNvPr id="77" name="直線コネクタ 76">
          <a:extLst>
            <a:ext uri="{FF2B5EF4-FFF2-40B4-BE49-F238E27FC236}">
              <a16:creationId xmlns:a16="http://schemas.microsoft.com/office/drawing/2014/main" id="{AD1CF85A-F073-4781-AAAD-4ED3EFB240E3}"/>
            </a:ext>
          </a:extLst>
        </xdr:cNvPr>
        <xdr:cNvCxnSpPr/>
      </xdr:nvCxnSpPr>
      <xdr:spPr>
        <a:xfrm>
          <a:off x="3797300" y="6697435"/>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95613</xdr:rowOff>
    </xdr:from>
    <xdr:to>
      <xdr:col>15</xdr:col>
      <xdr:colOff>101600</xdr:colOff>
      <xdr:row>39</xdr:row>
      <xdr:rowOff>25763</xdr:rowOff>
    </xdr:to>
    <xdr:sp macro="" textlink="">
      <xdr:nvSpPr>
        <xdr:cNvPr id="78" name="楕円 77">
          <a:extLst>
            <a:ext uri="{FF2B5EF4-FFF2-40B4-BE49-F238E27FC236}">
              <a16:creationId xmlns:a16="http://schemas.microsoft.com/office/drawing/2014/main" id="{BAE9659F-773A-422E-A1B9-D6A50EAE6702}"/>
            </a:ext>
          </a:extLst>
        </xdr:cNvPr>
        <xdr:cNvSpPr/>
      </xdr:nvSpPr>
      <xdr:spPr>
        <a:xfrm>
          <a:off x="2857500" y="6610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146413</xdr:rowOff>
    </xdr:from>
    <xdr:to>
      <xdr:col>19</xdr:col>
      <xdr:colOff>177800</xdr:colOff>
      <xdr:row>39</xdr:row>
      <xdr:rowOff>10885</xdr:rowOff>
    </xdr:to>
    <xdr:cxnSp macro="">
      <xdr:nvCxnSpPr>
        <xdr:cNvPr id="79" name="直線コネクタ 78">
          <a:extLst>
            <a:ext uri="{FF2B5EF4-FFF2-40B4-BE49-F238E27FC236}">
              <a16:creationId xmlns:a16="http://schemas.microsoft.com/office/drawing/2014/main" id="{2552AB18-6706-4304-95E4-79C559BAD878}"/>
            </a:ext>
          </a:extLst>
        </xdr:cNvPr>
        <xdr:cNvCxnSpPr/>
      </xdr:nvCxnSpPr>
      <xdr:spPr>
        <a:xfrm>
          <a:off x="2908300" y="6661513"/>
          <a:ext cx="889000" cy="35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61323</xdr:rowOff>
    </xdr:from>
    <xdr:to>
      <xdr:col>10</xdr:col>
      <xdr:colOff>165100</xdr:colOff>
      <xdr:row>38</xdr:row>
      <xdr:rowOff>162923</xdr:rowOff>
    </xdr:to>
    <xdr:sp macro="" textlink="">
      <xdr:nvSpPr>
        <xdr:cNvPr id="80" name="楕円 79">
          <a:extLst>
            <a:ext uri="{FF2B5EF4-FFF2-40B4-BE49-F238E27FC236}">
              <a16:creationId xmlns:a16="http://schemas.microsoft.com/office/drawing/2014/main" id="{527D91BA-634B-493F-A9C3-401D565EE3C4}"/>
            </a:ext>
          </a:extLst>
        </xdr:cNvPr>
        <xdr:cNvSpPr/>
      </xdr:nvSpPr>
      <xdr:spPr>
        <a:xfrm>
          <a:off x="1968500" y="65764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112123</xdr:rowOff>
    </xdr:from>
    <xdr:to>
      <xdr:col>15</xdr:col>
      <xdr:colOff>50800</xdr:colOff>
      <xdr:row>38</xdr:row>
      <xdr:rowOff>146413</xdr:rowOff>
    </xdr:to>
    <xdr:cxnSp macro="">
      <xdr:nvCxnSpPr>
        <xdr:cNvPr id="81" name="直線コネクタ 80">
          <a:extLst>
            <a:ext uri="{FF2B5EF4-FFF2-40B4-BE49-F238E27FC236}">
              <a16:creationId xmlns:a16="http://schemas.microsoft.com/office/drawing/2014/main" id="{85F0DBE0-C286-45B8-B90C-F6BCBA846016}"/>
            </a:ext>
          </a:extLst>
        </xdr:cNvPr>
        <xdr:cNvCxnSpPr/>
      </xdr:nvCxnSpPr>
      <xdr:spPr>
        <a:xfrm>
          <a:off x="2019300" y="6627223"/>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8</xdr:row>
      <xdr:rowOff>27033</xdr:rowOff>
    </xdr:from>
    <xdr:to>
      <xdr:col>6</xdr:col>
      <xdr:colOff>38100</xdr:colOff>
      <xdr:row>38</xdr:row>
      <xdr:rowOff>128633</xdr:rowOff>
    </xdr:to>
    <xdr:sp macro="" textlink="">
      <xdr:nvSpPr>
        <xdr:cNvPr id="82" name="楕円 81">
          <a:extLst>
            <a:ext uri="{FF2B5EF4-FFF2-40B4-BE49-F238E27FC236}">
              <a16:creationId xmlns:a16="http://schemas.microsoft.com/office/drawing/2014/main" id="{BA6D1AAC-5034-4722-BF5E-096FDA4076AD}"/>
            </a:ext>
          </a:extLst>
        </xdr:cNvPr>
        <xdr:cNvSpPr/>
      </xdr:nvSpPr>
      <xdr:spPr>
        <a:xfrm>
          <a:off x="1079500" y="6542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77833</xdr:rowOff>
    </xdr:from>
    <xdr:to>
      <xdr:col>10</xdr:col>
      <xdr:colOff>114300</xdr:colOff>
      <xdr:row>38</xdr:row>
      <xdr:rowOff>112123</xdr:rowOff>
    </xdr:to>
    <xdr:cxnSp macro="">
      <xdr:nvCxnSpPr>
        <xdr:cNvPr id="83" name="直線コネクタ 82">
          <a:extLst>
            <a:ext uri="{FF2B5EF4-FFF2-40B4-BE49-F238E27FC236}">
              <a16:creationId xmlns:a16="http://schemas.microsoft.com/office/drawing/2014/main" id="{0AD00F05-A657-4B8C-AA15-B857EC687F2A}"/>
            </a:ext>
          </a:extLst>
        </xdr:cNvPr>
        <xdr:cNvCxnSpPr/>
      </xdr:nvCxnSpPr>
      <xdr:spPr>
        <a:xfrm>
          <a:off x="1130300" y="6592933"/>
          <a:ext cx="889000" cy="342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12899</xdr:rowOff>
    </xdr:from>
    <xdr:ext cx="405111" cy="259045"/>
    <xdr:sp macro="" textlink="">
      <xdr:nvSpPr>
        <xdr:cNvPr id="84" name="n_1aveValue【図書館】&#10;有形固定資産減価償却率">
          <a:extLst>
            <a:ext uri="{FF2B5EF4-FFF2-40B4-BE49-F238E27FC236}">
              <a16:creationId xmlns:a16="http://schemas.microsoft.com/office/drawing/2014/main" id="{5F48379B-6F52-4DFE-84D4-6CEE0822DE4E}"/>
            </a:ext>
          </a:extLst>
        </xdr:cNvPr>
        <xdr:cNvSpPr txBox="1"/>
      </xdr:nvSpPr>
      <xdr:spPr>
        <a:xfrm>
          <a:off x="3582044" y="6185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28831</xdr:rowOff>
    </xdr:from>
    <xdr:ext cx="405111" cy="259045"/>
    <xdr:sp macro="" textlink="">
      <xdr:nvSpPr>
        <xdr:cNvPr id="85" name="n_2aveValue【図書館】&#10;有形固定資産減価償却率">
          <a:extLst>
            <a:ext uri="{FF2B5EF4-FFF2-40B4-BE49-F238E27FC236}">
              <a16:creationId xmlns:a16="http://schemas.microsoft.com/office/drawing/2014/main" id="{BDAD9BD7-AC63-4562-8387-9E08603E6C80}"/>
            </a:ext>
          </a:extLst>
        </xdr:cNvPr>
        <xdr:cNvSpPr txBox="1"/>
      </xdr:nvSpPr>
      <xdr:spPr>
        <a:xfrm>
          <a:off x="2705744" y="61295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40261</xdr:rowOff>
    </xdr:from>
    <xdr:ext cx="405111" cy="259045"/>
    <xdr:sp macro="" textlink="">
      <xdr:nvSpPr>
        <xdr:cNvPr id="86" name="n_3aveValue【図書館】&#10;有形固定資産減価償却率">
          <a:extLst>
            <a:ext uri="{FF2B5EF4-FFF2-40B4-BE49-F238E27FC236}">
              <a16:creationId xmlns:a16="http://schemas.microsoft.com/office/drawing/2014/main" id="{38817F89-E11E-4712-8B3D-2BAA3901A3F5}"/>
            </a:ext>
          </a:extLst>
        </xdr:cNvPr>
        <xdr:cNvSpPr txBox="1"/>
      </xdr:nvSpPr>
      <xdr:spPr>
        <a:xfrm>
          <a:off x="1816744" y="61410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97807</xdr:rowOff>
    </xdr:from>
    <xdr:ext cx="405111" cy="259045"/>
    <xdr:sp macro="" textlink="">
      <xdr:nvSpPr>
        <xdr:cNvPr id="87" name="n_4aveValue【図書館】&#10;有形固定資産減価償却率">
          <a:extLst>
            <a:ext uri="{FF2B5EF4-FFF2-40B4-BE49-F238E27FC236}">
              <a16:creationId xmlns:a16="http://schemas.microsoft.com/office/drawing/2014/main" id="{7F489B90-DC7A-4B33-9C78-4A354101EDC1}"/>
            </a:ext>
          </a:extLst>
        </xdr:cNvPr>
        <xdr:cNvSpPr txBox="1"/>
      </xdr:nvSpPr>
      <xdr:spPr>
        <a:xfrm>
          <a:off x="927744" y="60985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9</xdr:row>
      <xdr:rowOff>52812</xdr:rowOff>
    </xdr:from>
    <xdr:ext cx="405111" cy="259045"/>
    <xdr:sp macro="" textlink="">
      <xdr:nvSpPr>
        <xdr:cNvPr id="88" name="n_1mainValue【図書館】&#10;有形固定資産減価償却率">
          <a:extLst>
            <a:ext uri="{FF2B5EF4-FFF2-40B4-BE49-F238E27FC236}">
              <a16:creationId xmlns:a16="http://schemas.microsoft.com/office/drawing/2014/main" id="{BADFB797-1129-4114-ABCD-C77AB3423AF5}"/>
            </a:ext>
          </a:extLst>
        </xdr:cNvPr>
        <xdr:cNvSpPr txBox="1"/>
      </xdr:nvSpPr>
      <xdr:spPr>
        <a:xfrm>
          <a:off x="3582044" y="6739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16890</xdr:rowOff>
    </xdr:from>
    <xdr:ext cx="405111" cy="259045"/>
    <xdr:sp macro="" textlink="">
      <xdr:nvSpPr>
        <xdr:cNvPr id="89" name="n_2mainValue【図書館】&#10;有形固定資産減価償却率">
          <a:extLst>
            <a:ext uri="{FF2B5EF4-FFF2-40B4-BE49-F238E27FC236}">
              <a16:creationId xmlns:a16="http://schemas.microsoft.com/office/drawing/2014/main" id="{FFC3D69F-79A6-44E6-B84F-58005AC572C2}"/>
            </a:ext>
          </a:extLst>
        </xdr:cNvPr>
        <xdr:cNvSpPr txBox="1"/>
      </xdr:nvSpPr>
      <xdr:spPr>
        <a:xfrm>
          <a:off x="2705744" y="67034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54050</xdr:rowOff>
    </xdr:from>
    <xdr:ext cx="405111" cy="259045"/>
    <xdr:sp macro="" textlink="">
      <xdr:nvSpPr>
        <xdr:cNvPr id="90" name="n_3mainValue【図書館】&#10;有形固定資産減価償却率">
          <a:extLst>
            <a:ext uri="{FF2B5EF4-FFF2-40B4-BE49-F238E27FC236}">
              <a16:creationId xmlns:a16="http://schemas.microsoft.com/office/drawing/2014/main" id="{AE50E561-680D-4C50-89BD-99DE75269FA0}"/>
            </a:ext>
          </a:extLst>
        </xdr:cNvPr>
        <xdr:cNvSpPr txBox="1"/>
      </xdr:nvSpPr>
      <xdr:spPr>
        <a:xfrm>
          <a:off x="1816744" y="666915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19760</xdr:rowOff>
    </xdr:from>
    <xdr:ext cx="405111" cy="259045"/>
    <xdr:sp macro="" textlink="">
      <xdr:nvSpPr>
        <xdr:cNvPr id="91" name="n_4mainValue【図書館】&#10;有形固定資産減価償却率">
          <a:extLst>
            <a:ext uri="{FF2B5EF4-FFF2-40B4-BE49-F238E27FC236}">
              <a16:creationId xmlns:a16="http://schemas.microsoft.com/office/drawing/2014/main" id="{9B52E9EC-645E-47BD-81E7-382BCA3B2DF2}"/>
            </a:ext>
          </a:extLst>
        </xdr:cNvPr>
        <xdr:cNvSpPr txBox="1"/>
      </xdr:nvSpPr>
      <xdr:spPr>
        <a:xfrm>
          <a:off x="927744" y="66348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id="{95C85195-E7B6-49D1-9159-577658E60AD9}"/>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id="{E45940ED-9893-4895-AC2D-2ABE5FC16944}"/>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id="{6B1BC6B2-E254-440B-8DF1-D7A95454F709}"/>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id="{20805E9F-A2F0-4FB2-8B76-7AEC45DCD647}"/>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id="{A29282D5-FFA4-45A8-9AC7-67275D300EA3}"/>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id="{B1033C1D-CA7F-4156-A70B-A559F3568CC5}"/>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id="{4FE40089-1999-48DC-B764-C3CE958FBCDA}"/>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id="{2811FF4F-66D5-4A35-8195-0ADF0DFBDB01}"/>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id="{643C27A3-3BA5-4F88-AA8F-85EDFCF04B40}"/>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id="{18534F01-7D26-4FB9-9221-FCE77667FA3D}"/>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a:extLst>
            <a:ext uri="{FF2B5EF4-FFF2-40B4-BE49-F238E27FC236}">
              <a16:creationId xmlns:a16="http://schemas.microsoft.com/office/drawing/2014/main" id="{33F68418-AFE1-4531-B434-39A59F779E33}"/>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a:extLst>
            <a:ext uri="{FF2B5EF4-FFF2-40B4-BE49-F238E27FC236}">
              <a16:creationId xmlns:a16="http://schemas.microsoft.com/office/drawing/2014/main" id="{B1134316-19E1-4C59-957C-11CF4A1A4F11}"/>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a:extLst>
            <a:ext uri="{FF2B5EF4-FFF2-40B4-BE49-F238E27FC236}">
              <a16:creationId xmlns:a16="http://schemas.microsoft.com/office/drawing/2014/main" id="{B2B2D759-A40D-4C70-9E26-ADBE8074D720}"/>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a:extLst>
            <a:ext uri="{FF2B5EF4-FFF2-40B4-BE49-F238E27FC236}">
              <a16:creationId xmlns:a16="http://schemas.microsoft.com/office/drawing/2014/main" id="{ADEE96D6-80C2-4737-A5B6-377FCCB74807}"/>
            </a:ext>
          </a:extLst>
        </xdr:cNvPr>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a:extLst>
            <a:ext uri="{FF2B5EF4-FFF2-40B4-BE49-F238E27FC236}">
              <a16:creationId xmlns:a16="http://schemas.microsoft.com/office/drawing/2014/main" id="{019B68A9-7DB2-481E-9DED-18D606BFC961}"/>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a:extLst>
            <a:ext uri="{FF2B5EF4-FFF2-40B4-BE49-F238E27FC236}">
              <a16:creationId xmlns:a16="http://schemas.microsoft.com/office/drawing/2014/main" id="{748C4A84-4750-4B2C-9639-B7A0C0A90655}"/>
            </a:ext>
          </a:extLst>
        </xdr:cNvPr>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a:extLst>
            <a:ext uri="{FF2B5EF4-FFF2-40B4-BE49-F238E27FC236}">
              <a16:creationId xmlns:a16="http://schemas.microsoft.com/office/drawing/2014/main" id="{6513D74F-97DF-4830-9C63-7D2F657D4EDD}"/>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a:extLst>
            <a:ext uri="{FF2B5EF4-FFF2-40B4-BE49-F238E27FC236}">
              <a16:creationId xmlns:a16="http://schemas.microsoft.com/office/drawing/2014/main" id="{526D0ECA-CD01-4E71-8B2B-6388DE0D9B11}"/>
            </a:ext>
          </a:extLst>
        </xdr:cNvPr>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a:extLst>
            <a:ext uri="{FF2B5EF4-FFF2-40B4-BE49-F238E27FC236}">
              <a16:creationId xmlns:a16="http://schemas.microsoft.com/office/drawing/2014/main" id="{BF411CAB-9B3C-4BCE-B828-74F55049D4E3}"/>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a:extLst>
            <a:ext uri="{FF2B5EF4-FFF2-40B4-BE49-F238E27FC236}">
              <a16:creationId xmlns:a16="http://schemas.microsoft.com/office/drawing/2014/main" id="{13FC48B2-0A36-495C-B878-D2D05589AD61}"/>
            </a:ext>
          </a:extLst>
        </xdr:cNvPr>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a:extLst>
            <a:ext uri="{FF2B5EF4-FFF2-40B4-BE49-F238E27FC236}">
              <a16:creationId xmlns:a16="http://schemas.microsoft.com/office/drawing/2014/main" id="{0EEAD86E-B6FA-4363-8766-E6B8A558838F}"/>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a:extLst>
            <a:ext uri="{FF2B5EF4-FFF2-40B4-BE49-F238E27FC236}">
              <a16:creationId xmlns:a16="http://schemas.microsoft.com/office/drawing/2014/main" id="{89102B9A-B92C-41A5-8BB8-5B11FF757826}"/>
            </a:ext>
          </a:extLst>
        </xdr:cNvPr>
        <xdr:cNvSpPr txBox="1"/>
      </xdr:nvSpPr>
      <xdr:spPr>
        <a:xfrm>
          <a:off x="6136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a:extLst>
            <a:ext uri="{FF2B5EF4-FFF2-40B4-BE49-F238E27FC236}">
              <a16:creationId xmlns:a16="http://schemas.microsoft.com/office/drawing/2014/main" id="{6837FB60-73C0-4D89-AA7A-3F1A360C9FAA}"/>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a:extLst>
            <a:ext uri="{FF2B5EF4-FFF2-40B4-BE49-F238E27FC236}">
              <a16:creationId xmlns:a16="http://schemas.microsoft.com/office/drawing/2014/main" id="{5AD31BE4-AB59-485A-9FB7-0618EF1E2584}"/>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a:extLst>
            <a:ext uri="{FF2B5EF4-FFF2-40B4-BE49-F238E27FC236}">
              <a16:creationId xmlns:a16="http://schemas.microsoft.com/office/drawing/2014/main" id="{586BEF0A-AC85-4DE0-B8FD-1E9C82D15EDA}"/>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27214</xdr:rowOff>
    </xdr:from>
    <xdr:to>
      <xdr:col>54</xdr:col>
      <xdr:colOff>189865</xdr:colOff>
      <xdr:row>42</xdr:row>
      <xdr:rowOff>48985</xdr:rowOff>
    </xdr:to>
    <xdr:cxnSp macro="">
      <xdr:nvCxnSpPr>
        <xdr:cNvPr id="117" name="直線コネクタ 116">
          <a:extLst>
            <a:ext uri="{FF2B5EF4-FFF2-40B4-BE49-F238E27FC236}">
              <a16:creationId xmlns:a16="http://schemas.microsoft.com/office/drawing/2014/main" id="{6F86D400-DC80-4D4D-8EDF-2B30A0DF9963}"/>
            </a:ext>
          </a:extLst>
        </xdr:cNvPr>
        <xdr:cNvCxnSpPr/>
      </xdr:nvCxnSpPr>
      <xdr:spPr>
        <a:xfrm flipV="1">
          <a:off x="10476865" y="5856514"/>
          <a:ext cx="0" cy="13933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52812</xdr:rowOff>
    </xdr:from>
    <xdr:ext cx="469744" cy="259045"/>
    <xdr:sp macro="" textlink="">
      <xdr:nvSpPr>
        <xdr:cNvPr id="118" name="【図書館】&#10;一人当たり面積最小値テキスト">
          <a:extLst>
            <a:ext uri="{FF2B5EF4-FFF2-40B4-BE49-F238E27FC236}">
              <a16:creationId xmlns:a16="http://schemas.microsoft.com/office/drawing/2014/main" id="{CEE57A64-F41C-4047-B8AB-10F0CD7BAAFD}"/>
            </a:ext>
          </a:extLst>
        </xdr:cNvPr>
        <xdr:cNvSpPr txBox="1"/>
      </xdr:nvSpPr>
      <xdr:spPr>
        <a:xfrm>
          <a:off x="10515600" y="72537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48985</xdr:rowOff>
    </xdr:from>
    <xdr:to>
      <xdr:col>55</xdr:col>
      <xdr:colOff>88900</xdr:colOff>
      <xdr:row>42</xdr:row>
      <xdr:rowOff>48985</xdr:rowOff>
    </xdr:to>
    <xdr:cxnSp macro="">
      <xdr:nvCxnSpPr>
        <xdr:cNvPr id="119" name="直線コネクタ 118">
          <a:extLst>
            <a:ext uri="{FF2B5EF4-FFF2-40B4-BE49-F238E27FC236}">
              <a16:creationId xmlns:a16="http://schemas.microsoft.com/office/drawing/2014/main" id="{A4D22DF8-2071-4E4A-A6F5-4F66C7A7E142}"/>
            </a:ext>
          </a:extLst>
        </xdr:cNvPr>
        <xdr:cNvCxnSpPr/>
      </xdr:nvCxnSpPr>
      <xdr:spPr>
        <a:xfrm>
          <a:off x="10388600" y="7249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45341</xdr:rowOff>
    </xdr:from>
    <xdr:ext cx="469744" cy="259045"/>
    <xdr:sp macro="" textlink="">
      <xdr:nvSpPr>
        <xdr:cNvPr id="120" name="【図書館】&#10;一人当たり面積最大値テキスト">
          <a:extLst>
            <a:ext uri="{FF2B5EF4-FFF2-40B4-BE49-F238E27FC236}">
              <a16:creationId xmlns:a16="http://schemas.microsoft.com/office/drawing/2014/main" id="{6A30857F-F4B1-4840-8965-309DCA1CD91E}"/>
            </a:ext>
          </a:extLst>
        </xdr:cNvPr>
        <xdr:cNvSpPr txBox="1"/>
      </xdr:nvSpPr>
      <xdr:spPr>
        <a:xfrm>
          <a:off x="10515600" y="5631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27214</xdr:rowOff>
    </xdr:from>
    <xdr:to>
      <xdr:col>55</xdr:col>
      <xdr:colOff>88900</xdr:colOff>
      <xdr:row>34</xdr:row>
      <xdr:rowOff>27214</xdr:rowOff>
    </xdr:to>
    <xdr:cxnSp macro="">
      <xdr:nvCxnSpPr>
        <xdr:cNvPr id="121" name="直線コネクタ 120">
          <a:extLst>
            <a:ext uri="{FF2B5EF4-FFF2-40B4-BE49-F238E27FC236}">
              <a16:creationId xmlns:a16="http://schemas.microsoft.com/office/drawing/2014/main" id="{6BF09F91-B0EC-4C31-9EFC-D9B33939C10B}"/>
            </a:ext>
          </a:extLst>
        </xdr:cNvPr>
        <xdr:cNvCxnSpPr/>
      </xdr:nvCxnSpPr>
      <xdr:spPr>
        <a:xfrm>
          <a:off x="10388600" y="58565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42620</xdr:rowOff>
    </xdr:from>
    <xdr:ext cx="469744" cy="259045"/>
    <xdr:sp macro="" textlink="">
      <xdr:nvSpPr>
        <xdr:cNvPr id="122" name="【図書館】&#10;一人当たり面積平均値テキスト">
          <a:extLst>
            <a:ext uri="{FF2B5EF4-FFF2-40B4-BE49-F238E27FC236}">
              <a16:creationId xmlns:a16="http://schemas.microsoft.com/office/drawing/2014/main" id="{138CC97B-929B-4A29-92F9-B90D63CC3FE0}"/>
            </a:ext>
          </a:extLst>
        </xdr:cNvPr>
        <xdr:cNvSpPr txBox="1"/>
      </xdr:nvSpPr>
      <xdr:spPr>
        <a:xfrm>
          <a:off x="10515600" y="68291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64193</xdr:rowOff>
    </xdr:from>
    <xdr:to>
      <xdr:col>55</xdr:col>
      <xdr:colOff>50800</xdr:colOff>
      <xdr:row>40</xdr:row>
      <xdr:rowOff>94343</xdr:rowOff>
    </xdr:to>
    <xdr:sp macro="" textlink="">
      <xdr:nvSpPr>
        <xdr:cNvPr id="123" name="フローチャート: 判断 122">
          <a:extLst>
            <a:ext uri="{FF2B5EF4-FFF2-40B4-BE49-F238E27FC236}">
              <a16:creationId xmlns:a16="http://schemas.microsoft.com/office/drawing/2014/main" id="{1C32D3F9-88B4-482B-BCEA-8629B3D4AA9E}"/>
            </a:ext>
          </a:extLst>
        </xdr:cNvPr>
        <xdr:cNvSpPr/>
      </xdr:nvSpPr>
      <xdr:spPr>
        <a:xfrm>
          <a:off x="104267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4515</xdr:rowOff>
    </xdr:from>
    <xdr:to>
      <xdr:col>50</xdr:col>
      <xdr:colOff>165100</xdr:colOff>
      <xdr:row>40</xdr:row>
      <xdr:rowOff>116115</xdr:rowOff>
    </xdr:to>
    <xdr:sp macro="" textlink="">
      <xdr:nvSpPr>
        <xdr:cNvPr id="124" name="フローチャート: 判断 123">
          <a:extLst>
            <a:ext uri="{FF2B5EF4-FFF2-40B4-BE49-F238E27FC236}">
              <a16:creationId xmlns:a16="http://schemas.microsoft.com/office/drawing/2014/main" id="{D5032C58-74DE-4617-A0DE-E5E5B6067A12}"/>
            </a:ext>
          </a:extLst>
        </xdr:cNvPr>
        <xdr:cNvSpPr/>
      </xdr:nvSpPr>
      <xdr:spPr>
        <a:xfrm>
          <a:off x="9588500" y="687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53307</xdr:rowOff>
    </xdr:from>
    <xdr:to>
      <xdr:col>46</xdr:col>
      <xdr:colOff>38100</xdr:colOff>
      <xdr:row>40</xdr:row>
      <xdr:rowOff>83457</xdr:rowOff>
    </xdr:to>
    <xdr:sp macro="" textlink="">
      <xdr:nvSpPr>
        <xdr:cNvPr id="125" name="フローチャート: 判断 124">
          <a:extLst>
            <a:ext uri="{FF2B5EF4-FFF2-40B4-BE49-F238E27FC236}">
              <a16:creationId xmlns:a16="http://schemas.microsoft.com/office/drawing/2014/main" id="{C9F63A37-F907-471E-8851-D32C50350CB4}"/>
            </a:ext>
          </a:extLst>
        </xdr:cNvPr>
        <xdr:cNvSpPr/>
      </xdr:nvSpPr>
      <xdr:spPr>
        <a:xfrm>
          <a:off x="8699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164193</xdr:rowOff>
    </xdr:from>
    <xdr:to>
      <xdr:col>41</xdr:col>
      <xdr:colOff>101600</xdr:colOff>
      <xdr:row>40</xdr:row>
      <xdr:rowOff>94343</xdr:rowOff>
    </xdr:to>
    <xdr:sp macro="" textlink="">
      <xdr:nvSpPr>
        <xdr:cNvPr id="126" name="フローチャート: 判断 125">
          <a:extLst>
            <a:ext uri="{FF2B5EF4-FFF2-40B4-BE49-F238E27FC236}">
              <a16:creationId xmlns:a16="http://schemas.microsoft.com/office/drawing/2014/main" id="{92A8030C-81D5-4234-B91E-F3CF0174AA15}"/>
            </a:ext>
          </a:extLst>
        </xdr:cNvPr>
        <xdr:cNvSpPr/>
      </xdr:nvSpPr>
      <xdr:spPr>
        <a:xfrm>
          <a:off x="7810500" y="685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3628</xdr:rowOff>
    </xdr:from>
    <xdr:to>
      <xdr:col>36</xdr:col>
      <xdr:colOff>165100</xdr:colOff>
      <xdr:row>40</xdr:row>
      <xdr:rowOff>105228</xdr:rowOff>
    </xdr:to>
    <xdr:sp macro="" textlink="">
      <xdr:nvSpPr>
        <xdr:cNvPr id="127" name="フローチャート: 判断 126">
          <a:extLst>
            <a:ext uri="{FF2B5EF4-FFF2-40B4-BE49-F238E27FC236}">
              <a16:creationId xmlns:a16="http://schemas.microsoft.com/office/drawing/2014/main" id="{0CFD886A-9BA2-4DEB-839A-D1FF834F0002}"/>
            </a:ext>
          </a:extLst>
        </xdr:cNvPr>
        <xdr:cNvSpPr/>
      </xdr:nvSpPr>
      <xdr:spPr>
        <a:xfrm>
          <a:off x="6921500" y="686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a:extLst>
            <a:ext uri="{FF2B5EF4-FFF2-40B4-BE49-F238E27FC236}">
              <a16:creationId xmlns:a16="http://schemas.microsoft.com/office/drawing/2014/main" id="{1493B92F-D035-44D6-985B-D78D2A8D0CB4}"/>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id="{FB4E36BE-D4BF-4B0F-B20D-7093226E2791}"/>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id="{C52129AA-1226-4FA6-A745-EF23061719F0}"/>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id="{A8BFC414-9F0A-4093-A6E2-321478F57241}"/>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a:extLst>
            <a:ext uri="{FF2B5EF4-FFF2-40B4-BE49-F238E27FC236}">
              <a16:creationId xmlns:a16="http://schemas.microsoft.com/office/drawing/2014/main" id="{02EB9C8A-0004-4737-AC44-A6E8C61892CE}"/>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7236</xdr:rowOff>
    </xdr:from>
    <xdr:to>
      <xdr:col>55</xdr:col>
      <xdr:colOff>50800</xdr:colOff>
      <xdr:row>37</xdr:row>
      <xdr:rowOff>118836</xdr:rowOff>
    </xdr:to>
    <xdr:sp macro="" textlink="">
      <xdr:nvSpPr>
        <xdr:cNvPr id="133" name="楕円 132">
          <a:extLst>
            <a:ext uri="{FF2B5EF4-FFF2-40B4-BE49-F238E27FC236}">
              <a16:creationId xmlns:a16="http://schemas.microsoft.com/office/drawing/2014/main" id="{439447ED-9DA2-46D0-B857-78067A7BAA22}"/>
            </a:ext>
          </a:extLst>
        </xdr:cNvPr>
        <xdr:cNvSpPr/>
      </xdr:nvSpPr>
      <xdr:spPr>
        <a:xfrm>
          <a:off x="10426700" y="6360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6</xdr:row>
      <xdr:rowOff>40113</xdr:rowOff>
    </xdr:from>
    <xdr:ext cx="469744" cy="259045"/>
    <xdr:sp macro="" textlink="">
      <xdr:nvSpPr>
        <xdr:cNvPr id="134" name="【図書館】&#10;一人当たり面積該当値テキスト">
          <a:extLst>
            <a:ext uri="{FF2B5EF4-FFF2-40B4-BE49-F238E27FC236}">
              <a16:creationId xmlns:a16="http://schemas.microsoft.com/office/drawing/2014/main" id="{94A042CF-B6ED-4FBE-8689-F9DD2060ACCF}"/>
            </a:ext>
          </a:extLst>
        </xdr:cNvPr>
        <xdr:cNvSpPr txBox="1"/>
      </xdr:nvSpPr>
      <xdr:spPr>
        <a:xfrm>
          <a:off x="10515600" y="6212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28122</xdr:rowOff>
    </xdr:from>
    <xdr:to>
      <xdr:col>50</xdr:col>
      <xdr:colOff>165100</xdr:colOff>
      <xdr:row>37</xdr:row>
      <xdr:rowOff>129722</xdr:rowOff>
    </xdr:to>
    <xdr:sp macro="" textlink="">
      <xdr:nvSpPr>
        <xdr:cNvPr id="135" name="楕円 134">
          <a:extLst>
            <a:ext uri="{FF2B5EF4-FFF2-40B4-BE49-F238E27FC236}">
              <a16:creationId xmlns:a16="http://schemas.microsoft.com/office/drawing/2014/main" id="{BC7675BF-F02A-4662-9D9F-16D7573F6526}"/>
            </a:ext>
          </a:extLst>
        </xdr:cNvPr>
        <xdr:cNvSpPr/>
      </xdr:nvSpPr>
      <xdr:spPr>
        <a:xfrm>
          <a:off x="9588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7</xdr:row>
      <xdr:rowOff>68036</xdr:rowOff>
    </xdr:from>
    <xdr:to>
      <xdr:col>55</xdr:col>
      <xdr:colOff>0</xdr:colOff>
      <xdr:row>37</xdr:row>
      <xdr:rowOff>78922</xdr:rowOff>
    </xdr:to>
    <xdr:cxnSp macro="">
      <xdr:nvCxnSpPr>
        <xdr:cNvPr id="136" name="直線コネクタ 135">
          <a:extLst>
            <a:ext uri="{FF2B5EF4-FFF2-40B4-BE49-F238E27FC236}">
              <a16:creationId xmlns:a16="http://schemas.microsoft.com/office/drawing/2014/main" id="{DB7FF945-1C47-4696-8A14-4701D60331B1}"/>
            </a:ext>
          </a:extLst>
        </xdr:cNvPr>
        <xdr:cNvCxnSpPr/>
      </xdr:nvCxnSpPr>
      <xdr:spPr>
        <a:xfrm flipV="1">
          <a:off x="9639300" y="6411686"/>
          <a:ext cx="8382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8122</xdr:rowOff>
    </xdr:from>
    <xdr:to>
      <xdr:col>46</xdr:col>
      <xdr:colOff>38100</xdr:colOff>
      <xdr:row>37</xdr:row>
      <xdr:rowOff>129722</xdr:rowOff>
    </xdr:to>
    <xdr:sp macro="" textlink="">
      <xdr:nvSpPr>
        <xdr:cNvPr id="137" name="楕円 136">
          <a:extLst>
            <a:ext uri="{FF2B5EF4-FFF2-40B4-BE49-F238E27FC236}">
              <a16:creationId xmlns:a16="http://schemas.microsoft.com/office/drawing/2014/main" id="{47806686-4DEA-4ED9-AFB0-383907E6A0EC}"/>
            </a:ext>
          </a:extLst>
        </xdr:cNvPr>
        <xdr:cNvSpPr/>
      </xdr:nvSpPr>
      <xdr:spPr>
        <a:xfrm>
          <a:off x="8699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78922</xdr:rowOff>
    </xdr:from>
    <xdr:to>
      <xdr:col>50</xdr:col>
      <xdr:colOff>114300</xdr:colOff>
      <xdr:row>37</xdr:row>
      <xdr:rowOff>78922</xdr:rowOff>
    </xdr:to>
    <xdr:cxnSp macro="">
      <xdr:nvCxnSpPr>
        <xdr:cNvPr id="138" name="直線コネクタ 137">
          <a:extLst>
            <a:ext uri="{FF2B5EF4-FFF2-40B4-BE49-F238E27FC236}">
              <a16:creationId xmlns:a16="http://schemas.microsoft.com/office/drawing/2014/main" id="{1AD37978-895D-4FA1-BEF6-6AF675EEC4BD}"/>
            </a:ext>
          </a:extLst>
        </xdr:cNvPr>
        <xdr:cNvCxnSpPr/>
      </xdr:nvCxnSpPr>
      <xdr:spPr>
        <a:xfrm>
          <a:off x="8750300" y="64225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28122</xdr:rowOff>
    </xdr:from>
    <xdr:to>
      <xdr:col>41</xdr:col>
      <xdr:colOff>101600</xdr:colOff>
      <xdr:row>37</xdr:row>
      <xdr:rowOff>129722</xdr:rowOff>
    </xdr:to>
    <xdr:sp macro="" textlink="">
      <xdr:nvSpPr>
        <xdr:cNvPr id="139" name="楕円 138">
          <a:extLst>
            <a:ext uri="{FF2B5EF4-FFF2-40B4-BE49-F238E27FC236}">
              <a16:creationId xmlns:a16="http://schemas.microsoft.com/office/drawing/2014/main" id="{CEE860EB-9D1B-465F-9017-95F1A922A25A}"/>
            </a:ext>
          </a:extLst>
        </xdr:cNvPr>
        <xdr:cNvSpPr/>
      </xdr:nvSpPr>
      <xdr:spPr>
        <a:xfrm>
          <a:off x="7810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37</xdr:row>
      <xdr:rowOff>78922</xdr:rowOff>
    </xdr:from>
    <xdr:to>
      <xdr:col>45</xdr:col>
      <xdr:colOff>177800</xdr:colOff>
      <xdr:row>37</xdr:row>
      <xdr:rowOff>78922</xdr:rowOff>
    </xdr:to>
    <xdr:cxnSp macro="">
      <xdr:nvCxnSpPr>
        <xdr:cNvPr id="140" name="直線コネクタ 139">
          <a:extLst>
            <a:ext uri="{FF2B5EF4-FFF2-40B4-BE49-F238E27FC236}">
              <a16:creationId xmlns:a16="http://schemas.microsoft.com/office/drawing/2014/main" id="{AF4A7739-679E-4145-B813-F6C47C3FFDC8}"/>
            </a:ext>
          </a:extLst>
        </xdr:cNvPr>
        <xdr:cNvCxnSpPr/>
      </xdr:nvCxnSpPr>
      <xdr:spPr>
        <a:xfrm>
          <a:off x="7861300" y="64225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7</xdr:row>
      <xdr:rowOff>28122</xdr:rowOff>
    </xdr:from>
    <xdr:to>
      <xdr:col>36</xdr:col>
      <xdr:colOff>165100</xdr:colOff>
      <xdr:row>37</xdr:row>
      <xdr:rowOff>129722</xdr:rowOff>
    </xdr:to>
    <xdr:sp macro="" textlink="">
      <xdr:nvSpPr>
        <xdr:cNvPr id="141" name="楕円 140">
          <a:extLst>
            <a:ext uri="{FF2B5EF4-FFF2-40B4-BE49-F238E27FC236}">
              <a16:creationId xmlns:a16="http://schemas.microsoft.com/office/drawing/2014/main" id="{A747A528-A472-443F-8A5B-0BA70A861F35}"/>
            </a:ext>
          </a:extLst>
        </xdr:cNvPr>
        <xdr:cNvSpPr/>
      </xdr:nvSpPr>
      <xdr:spPr>
        <a:xfrm>
          <a:off x="6921500" y="6371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37</xdr:row>
      <xdr:rowOff>78922</xdr:rowOff>
    </xdr:from>
    <xdr:to>
      <xdr:col>41</xdr:col>
      <xdr:colOff>50800</xdr:colOff>
      <xdr:row>37</xdr:row>
      <xdr:rowOff>78922</xdr:rowOff>
    </xdr:to>
    <xdr:cxnSp macro="">
      <xdr:nvCxnSpPr>
        <xdr:cNvPr id="142" name="直線コネクタ 141">
          <a:extLst>
            <a:ext uri="{FF2B5EF4-FFF2-40B4-BE49-F238E27FC236}">
              <a16:creationId xmlns:a16="http://schemas.microsoft.com/office/drawing/2014/main" id="{BD06A87D-D069-42F0-95E7-15A070651CAD}"/>
            </a:ext>
          </a:extLst>
        </xdr:cNvPr>
        <xdr:cNvCxnSpPr/>
      </xdr:nvCxnSpPr>
      <xdr:spPr>
        <a:xfrm>
          <a:off x="6972300" y="6422572"/>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0</xdr:row>
      <xdr:rowOff>107242</xdr:rowOff>
    </xdr:from>
    <xdr:ext cx="469744" cy="259045"/>
    <xdr:sp macro="" textlink="">
      <xdr:nvSpPr>
        <xdr:cNvPr id="143" name="n_1aveValue【図書館】&#10;一人当たり面積">
          <a:extLst>
            <a:ext uri="{FF2B5EF4-FFF2-40B4-BE49-F238E27FC236}">
              <a16:creationId xmlns:a16="http://schemas.microsoft.com/office/drawing/2014/main" id="{1599BFAC-FFE6-4EA4-B55A-0F2A837D430D}"/>
            </a:ext>
          </a:extLst>
        </xdr:cNvPr>
        <xdr:cNvSpPr txBox="1"/>
      </xdr:nvSpPr>
      <xdr:spPr>
        <a:xfrm>
          <a:off x="9391727" y="696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74584</xdr:rowOff>
    </xdr:from>
    <xdr:ext cx="469744" cy="259045"/>
    <xdr:sp macro="" textlink="">
      <xdr:nvSpPr>
        <xdr:cNvPr id="144" name="n_2aveValue【図書館】&#10;一人当たり面積">
          <a:extLst>
            <a:ext uri="{FF2B5EF4-FFF2-40B4-BE49-F238E27FC236}">
              <a16:creationId xmlns:a16="http://schemas.microsoft.com/office/drawing/2014/main" id="{221C3E14-4812-4D40-B7D7-25482CB70389}"/>
            </a:ext>
          </a:extLst>
        </xdr:cNvPr>
        <xdr:cNvSpPr txBox="1"/>
      </xdr:nvSpPr>
      <xdr:spPr>
        <a:xfrm>
          <a:off x="8515427" y="69325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85470</xdr:rowOff>
    </xdr:from>
    <xdr:ext cx="469744" cy="259045"/>
    <xdr:sp macro="" textlink="">
      <xdr:nvSpPr>
        <xdr:cNvPr id="145" name="n_3aveValue【図書館】&#10;一人当たり面積">
          <a:extLst>
            <a:ext uri="{FF2B5EF4-FFF2-40B4-BE49-F238E27FC236}">
              <a16:creationId xmlns:a16="http://schemas.microsoft.com/office/drawing/2014/main" id="{F95927B9-B5A5-47B4-9A1D-A7DFF6074483}"/>
            </a:ext>
          </a:extLst>
        </xdr:cNvPr>
        <xdr:cNvSpPr txBox="1"/>
      </xdr:nvSpPr>
      <xdr:spPr>
        <a:xfrm>
          <a:off x="7626427" y="69434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96355</xdr:rowOff>
    </xdr:from>
    <xdr:ext cx="469744" cy="259045"/>
    <xdr:sp macro="" textlink="">
      <xdr:nvSpPr>
        <xdr:cNvPr id="146" name="n_4aveValue【図書館】&#10;一人当たり面積">
          <a:extLst>
            <a:ext uri="{FF2B5EF4-FFF2-40B4-BE49-F238E27FC236}">
              <a16:creationId xmlns:a16="http://schemas.microsoft.com/office/drawing/2014/main" id="{ACF18474-644C-44D3-A808-20FE15318A8C}"/>
            </a:ext>
          </a:extLst>
        </xdr:cNvPr>
        <xdr:cNvSpPr txBox="1"/>
      </xdr:nvSpPr>
      <xdr:spPr>
        <a:xfrm>
          <a:off x="6737427" y="695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5</xdr:row>
      <xdr:rowOff>146249</xdr:rowOff>
    </xdr:from>
    <xdr:ext cx="469744" cy="259045"/>
    <xdr:sp macro="" textlink="">
      <xdr:nvSpPr>
        <xdr:cNvPr id="147" name="n_1mainValue【図書館】&#10;一人当たり面積">
          <a:extLst>
            <a:ext uri="{FF2B5EF4-FFF2-40B4-BE49-F238E27FC236}">
              <a16:creationId xmlns:a16="http://schemas.microsoft.com/office/drawing/2014/main" id="{B26A57FD-43D2-4B2A-804B-AFDE3C03DD10}"/>
            </a:ext>
          </a:extLst>
        </xdr:cNvPr>
        <xdr:cNvSpPr txBox="1"/>
      </xdr:nvSpPr>
      <xdr:spPr>
        <a:xfrm>
          <a:off x="93917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5</xdr:row>
      <xdr:rowOff>146249</xdr:rowOff>
    </xdr:from>
    <xdr:ext cx="469744" cy="259045"/>
    <xdr:sp macro="" textlink="">
      <xdr:nvSpPr>
        <xdr:cNvPr id="148" name="n_2mainValue【図書館】&#10;一人当たり面積">
          <a:extLst>
            <a:ext uri="{FF2B5EF4-FFF2-40B4-BE49-F238E27FC236}">
              <a16:creationId xmlns:a16="http://schemas.microsoft.com/office/drawing/2014/main" id="{40C524E1-2EFF-4395-B08C-28AD5E1F779C}"/>
            </a:ext>
          </a:extLst>
        </xdr:cNvPr>
        <xdr:cNvSpPr txBox="1"/>
      </xdr:nvSpPr>
      <xdr:spPr>
        <a:xfrm>
          <a:off x="85154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5</xdr:row>
      <xdr:rowOff>146249</xdr:rowOff>
    </xdr:from>
    <xdr:ext cx="469744" cy="259045"/>
    <xdr:sp macro="" textlink="">
      <xdr:nvSpPr>
        <xdr:cNvPr id="149" name="n_3mainValue【図書館】&#10;一人当たり面積">
          <a:extLst>
            <a:ext uri="{FF2B5EF4-FFF2-40B4-BE49-F238E27FC236}">
              <a16:creationId xmlns:a16="http://schemas.microsoft.com/office/drawing/2014/main" id="{11434031-DE95-45B8-A2B2-2063530FC262}"/>
            </a:ext>
          </a:extLst>
        </xdr:cNvPr>
        <xdr:cNvSpPr txBox="1"/>
      </xdr:nvSpPr>
      <xdr:spPr>
        <a:xfrm>
          <a:off x="76264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5</xdr:row>
      <xdr:rowOff>146249</xdr:rowOff>
    </xdr:from>
    <xdr:ext cx="469744" cy="259045"/>
    <xdr:sp macro="" textlink="">
      <xdr:nvSpPr>
        <xdr:cNvPr id="150" name="n_4mainValue【図書館】&#10;一人当たり面積">
          <a:extLst>
            <a:ext uri="{FF2B5EF4-FFF2-40B4-BE49-F238E27FC236}">
              <a16:creationId xmlns:a16="http://schemas.microsoft.com/office/drawing/2014/main" id="{7DFA2278-9F4A-4365-92E3-D8EB08066E80}"/>
            </a:ext>
          </a:extLst>
        </xdr:cNvPr>
        <xdr:cNvSpPr txBox="1"/>
      </xdr:nvSpPr>
      <xdr:spPr>
        <a:xfrm>
          <a:off x="6737427" y="6146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a:extLst>
            <a:ext uri="{FF2B5EF4-FFF2-40B4-BE49-F238E27FC236}">
              <a16:creationId xmlns:a16="http://schemas.microsoft.com/office/drawing/2014/main" id="{9C312E86-90F0-4A7D-A3FD-9AFFCB70572F}"/>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a:extLst>
            <a:ext uri="{FF2B5EF4-FFF2-40B4-BE49-F238E27FC236}">
              <a16:creationId xmlns:a16="http://schemas.microsoft.com/office/drawing/2014/main" id="{0E80E50A-66E4-4890-AD88-D172626E6141}"/>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a:extLst>
            <a:ext uri="{FF2B5EF4-FFF2-40B4-BE49-F238E27FC236}">
              <a16:creationId xmlns:a16="http://schemas.microsoft.com/office/drawing/2014/main" id="{10F77803-405F-4282-B937-2CE9D0DCC0FC}"/>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a:extLst>
            <a:ext uri="{FF2B5EF4-FFF2-40B4-BE49-F238E27FC236}">
              <a16:creationId xmlns:a16="http://schemas.microsoft.com/office/drawing/2014/main" id="{3FE01D51-6060-4D3E-B646-15C5225D7CFF}"/>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a:extLst>
            <a:ext uri="{FF2B5EF4-FFF2-40B4-BE49-F238E27FC236}">
              <a16:creationId xmlns:a16="http://schemas.microsoft.com/office/drawing/2014/main" id="{BFFC7DEF-3DDC-46E5-9844-EA9697A6A7FF}"/>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a:extLst>
            <a:ext uri="{FF2B5EF4-FFF2-40B4-BE49-F238E27FC236}">
              <a16:creationId xmlns:a16="http://schemas.microsoft.com/office/drawing/2014/main" id="{EFBA4C6A-B99F-4FB6-B850-576A24480A1B}"/>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a:extLst>
            <a:ext uri="{FF2B5EF4-FFF2-40B4-BE49-F238E27FC236}">
              <a16:creationId xmlns:a16="http://schemas.microsoft.com/office/drawing/2014/main" id="{3274AD83-FA21-417F-994E-1AA5416D6191}"/>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a:extLst>
            <a:ext uri="{FF2B5EF4-FFF2-40B4-BE49-F238E27FC236}">
              <a16:creationId xmlns:a16="http://schemas.microsoft.com/office/drawing/2014/main" id="{74901CCE-24F9-478C-BC69-CF45B9E7CEEA}"/>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9" name="テキスト ボックス 158">
          <a:extLst>
            <a:ext uri="{FF2B5EF4-FFF2-40B4-BE49-F238E27FC236}">
              <a16:creationId xmlns:a16="http://schemas.microsoft.com/office/drawing/2014/main" id="{7855D101-610A-495E-BC96-1CED4A48155C}"/>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60" name="直線コネクタ 159">
          <a:extLst>
            <a:ext uri="{FF2B5EF4-FFF2-40B4-BE49-F238E27FC236}">
              <a16:creationId xmlns:a16="http://schemas.microsoft.com/office/drawing/2014/main" id="{E84D7B57-1CE9-43E6-B6B5-B6BC01E5C91A}"/>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61" name="テキスト ボックス 160">
          <a:extLst>
            <a:ext uri="{FF2B5EF4-FFF2-40B4-BE49-F238E27FC236}">
              <a16:creationId xmlns:a16="http://schemas.microsoft.com/office/drawing/2014/main" id="{75DB7EC8-51B9-4E83-A9B4-192B8E4B4CD8}"/>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62" name="直線コネクタ 161">
          <a:extLst>
            <a:ext uri="{FF2B5EF4-FFF2-40B4-BE49-F238E27FC236}">
              <a16:creationId xmlns:a16="http://schemas.microsoft.com/office/drawing/2014/main" id="{FC144190-94F2-4EA6-8B24-B7AEC8158823}"/>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63" name="テキスト ボックス 162">
          <a:extLst>
            <a:ext uri="{FF2B5EF4-FFF2-40B4-BE49-F238E27FC236}">
              <a16:creationId xmlns:a16="http://schemas.microsoft.com/office/drawing/2014/main" id="{9FE3A52C-1DAC-4D1D-8B3F-F4ED4FC1D44E}"/>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64" name="直線コネクタ 163">
          <a:extLst>
            <a:ext uri="{FF2B5EF4-FFF2-40B4-BE49-F238E27FC236}">
              <a16:creationId xmlns:a16="http://schemas.microsoft.com/office/drawing/2014/main" id="{031C234B-B053-4FAE-B058-C4E89FF99C97}"/>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65" name="テキスト ボックス 164">
          <a:extLst>
            <a:ext uri="{FF2B5EF4-FFF2-40B4-BE49-F238E27FC236}">
              <a16:creationId xmlns:a16="http://schemas.microsoft.com/office/drawing/2014/main" id="{41BD0169-9D4B-4F09-9A45-CF9B4900A97B}"/>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66" name="直線コネクタ 165">
          <a:extLst>
            <a:ext uri="{FF2B5EF4-FFF2-40B4-BE49-F238E27FC236}">
              <a16:creationId xmlns:a16="http://schemas.microsoft.com/office/drawing/2014/main" id="{3AE5FB28-ECD8-4E5B-AC38-6F9C02B2C5F7}"/>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7" name="テキスト ボックス 166">
          <a:extLst>
            <a:ext uri="{FF2B5EF4-FFF2-40B4-BE49-F238E27FC236}">
              <a16:creationId xmlns:a16="http://schemas.microsoft.com/office/drawing/2014/main" id="{2A20D6E2-6E2D-4AAF-AB6A-75E873CAF97D}"/>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8" name="直線コネクタ 167">
          <a:extLst>
            <a:ext uri="{FF2B5EF4-FFF2-40B4-BE49-F238E27FC236}">
              <a16:creationId xmlns:a16="http://schemas.microsoft.com/office/drawing/2014/main" id="{B577B2BB-2AA8-4545-BFAF-ED26F1EA5D46}"/>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9" name="テキスト ボックス 168">
          <a:extLst>
            <a:ext uri="{FF2B5EF4-FFF2-40B4-BE49-F238E27FC236}">
              <a16:creationId xmlns:a16="http://schemas.microsoft.com/office/drawing/2014/main" id="{D026FB6B-B6C8-42D9-9A84-B89A9FF5438B}"/>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70" name="直線コネクタ 169">
          <a:extLst>
            <a:ext uri="{FF2B5EF4-FFF2-40B4-BE49-F238E27FC236}">
              <a16:creationId xmlns:a16="http://schemas.microsoft.com/office/drawing/2014/main" id="{FCF79F4C-4F4C-4B84-8116-A6A64F704E6B}"/>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71" name="テキスト ボックス 170">
          <a:extLst>
            <a:ext uri="{FF2B5EF4-FFF2-40B4-BE49-F238E27FC236}">
              <a16:creationId xmlns:a16="http://schemas.microsoft.com/office/drawing/2014/main" id="{1DACFAB9-3DDD-4CA3-8252-445759FE4320}"/>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72" name="直線コネクタ 171">
          <a:extLst>
            <a:ext uri="{FF2B5EF4-FFF2-40B4-BE49-F238E27FC236}">
              <a16:creationId xmlns:a16="http://schemas.microsoft.com/office/drawing/2014/main" id="{551857BD-9022-4D5F-A066-C3F178776773}"/>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73" name="テキスト ボックス 172">
          <a:extLst>
            <a:ext uri="{FF2B5EF4-FFF2-40B4-BE49-F238E27FC236}">
              <a16:creationId xmlns:a16="http://schemas.microsoft.com/office/drawing/2014/main" id="{01435CDE-CC23-45E4-BB12-3FBDC09B1FA3}"/>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74" name="【体育館・プール】&#10;有形固定資産減価償却率グラフ枠">
          <a:extLst>
            <a:ext uri="{FF2B5EF4-FFF2-40B4-BE49-F238E27FC236}">
              <a16:creationId xmlns:a16="http://schemas.microsoft.com/office/drawing/2014/main" id="{324D7B4B-CCCB-4CA0-9144-C892BCEDBA61}"/>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93345</xdr:rowOff>
    </xdr:from>
    <xdr:to>
      <xdr:col>24</xdr:col>
      <xdr:colOff>62865</xdr:colOff>
      <xdr:row>63</xdr:row>
      <xdr:rowOff>163830</xdr:rowOff>
    </xdr:to>
    <xdr:cxnSp macro="">
      <xdr:nvCxnSpPr>
        <xdr:cNvPr id="175" name="直線コネクタ 174">
          <a:extLst>
            <a:ext uri="{FF2B5EF4-FFF2-40B4-BE49-F238E27FC236}">
              <a16:creationId xmlns:a16="http://schemas.microsoft.com/office/drawing/2014/main" id="{1512FECF-888E-4502-8531-91471798D9B2}"/>
            </a:ext>
          </a:extLst>
        </xdr:cNvPr>
        <xdr:cNvCxnSpPr/>
      </xdr:nvCxnSpPr>
      <xdr:spPr>
        <a:xfrm flipV="1">
          <a:off x="4634865" y="9523095"/>
          <a:ext cx="0" cy="1442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67657</xdr:rowOff>
    </xdr:from>
    <xdr:ext cx="405111" cy="259045"/>
    <xdr:sp macro="" textlink="">
      <xdr:nvSpPr>
        <xdr:cNvPr id="176" name="【体育館・プール】&#10;有形固定資産減価償却率最小値テキスト">
          <a:extLst>
            <a:ext uri="{FF2B5EF4-FFF2-40B4-BE49-F238E27FC236}">
              <a16:creationId xmlns:a16="http://schemas.microsoft.com/office/drawing/2014/main" id="{162D027A-58FB-4C62-8B5A-F9C3EEAD4853}"/>
            </a:ext>
          </a:extLst>
        </xdr:cNvPr>
        <xdr:cNvSpPr txBox="1"/>
      </xdr:nvSpPr>
      <xdr:spPr>
        <a:xfrm>
          <a:off x="4673600" y="10969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63830</xdr:rowOff>
    </xdr:from>
    <xdr:to>
      <xdr:col>24</xdr:col>
      <xdr:colOff>152400</xdr:colOff>
      <xdr:row>63</xdr:row>
      <xdr:rowOff>163830</xdr:rowOff>
    </xdr:to>
    <xdr:cxnSp macro="">
      <xdr:nvCxnSpPr>
        <xdr:cNvPr id="177" name="直線コネクタ 176">
          <a:extLst>
            <a:ext uri="{FF2B5EF4-FFF2-40B4-BE49-F238E27FC236}">
              <a16:creationId xmlns:a16="http://schemas.microsoft.com/office/drawing/2014/main" id="{686F0213-6C78-48EA-B395-074CF7A9B070}"/>
            </a:ext>
          </a:extLst>
        </xdr:cNvPr>
        <xdr:cNvCxnSpPr/>
      </xdr:nvCxnSpPr>
      <xdr:spPr>
        <a:xfrm>
          <a:off x="4546600" y="109651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40022</xdr:rowOff>
    </xdr:from>
    <xdr:ext cx="405111" cy="259045"/>
    <xdr:sp macro="" textlink="">
      <xdr:nvSpPr>
        <xdr:cNvPr id="178" name="【体育館・プール】&#10;有形固定資産減価償却率最大値テキスト">
          <a:extLst>
            <a:ext uri="{FF2B5EF4-FFF2-40B4-BE49-F238E27FC236}">
              <a16:creationId xmlns:a16="http://schemas.microsoft.com/office/drawing/2014/main" id="{1D3FC881-4537-44D0-B616-E7BBF010D1B2}"/>
            </a:ext>
          </a:extLst>
        </xdr:cNvPr>
        <xdr:cNvSpPr txBox="1"/>
      </xdr:nvSpPr>
      <xdr:spPr>
        <a:xfrm>
          <a:off x="4673600" y="9298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93345</xdr:rowOff>
    </xdr:from>
    <xdr:to>
      <xdr:col>24</xdr:col>
      <xdr:colOff>152400</xdr:colOff>
      <xdr:row>55</xdr:row>
      <xdr:rowOff>93345</xdr:rowOff>
    </xdr:to>
    <xdr:cxnSp macro="">
      <xdr:nvCxnSpPr>
        <xdr:cNvPr id="179" name="直線コネクタ 178">
          <a:extLst>
            <a:ext uri="{FF2B5EF4-FFF2-40B4-BE49-F238E27FC236}">
              <a16:creationId xmlns:a16="http://schemas.microsoft.com/office/drawing/2014/main" id="{EFB77A76-56CC-46FB-9A20-9ED594D2A177}"/>
            </a:ext>
          </a:extLst>
        </xdr:cNvPr>
        <xdr:cNvCxnSpPr/>
      </xdr:nvCxnSpPr>
      <xdr:spPr>
        <a:xfrm>
          <a:off x="4546600" y="95230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21607</xdr:rowOff>
    </xdr:from>
    <xdr:ext cx="405111" cy="259045"/>
    <xdr:sp macro="" textlink="">
      <xdr:nvSpPr>
        <xdr:cNvPr id="180" name="【体育館・プール】&#10;有形固定資産減価償却率平均値テキスト">
          <a:extLst>
            <a:ext uri="{FF2B5EF4-FFF2-40B4-BE49-F238E27FC236}">
              <a16:creationId xmlns:a16="http://schemas.microsoft.com/office/drawing/2014/main" id="{7211EFEF-9A49-4F9E-8609-2DD32EF242AB}"/>
            </a:ext>
          </a:extLst>
        </xdr:cNvPr>
        <xdr:cNvSpPr txBox="1"/>
      </xdr:nvSpPr>
      <xdr:spPr>
        <a:xfrm>
          <a:off x="4673600" y="10137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170180</xdr:rowOff>
    </xdr:from>
    <xdr:to>
      <xdr:col>24</xdr:col>
      <xdr:colOff>114300</xdr:colOff>
      <xdr:row>60</xdr:row>
      <xdr:rowOff>100330</xdr:rowOff>
    </xdr:to>
    <xdr:sp macro="" textlink="">
      <xdr:nvSpPr>
        <xdr:cNvPr id="181" name="フローチャート: 判断 180">
          <a:extLst>
            <a:ext uri="{FF2B5EF4-FFF2-40B4-BE49-F238E27FC236}">
              <a16:creationId xmlns:a16="http://schemas.microsoft.com/office/drawing/2014/main" id="{562099A9-2FBC-4782-A01C-161C1A1253B9}"/>
            </a:ext>
          </a:extLst>
        </xdr:cNvPr>
        <xdr:cNvSpPr/>
      </xdr:nvSpPr>
      <xdr:spPr>
        <a:xfrm>
          <a:off x="4584700" y="10285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37795</xdr:rowOff>
    </xdr:from>
    <xdr:to>
      <xdr:col>20</xdr:col>
      <xdr:colOff>38100</xdr:colOff>
      <xdr:row>60</xdr:row>
      <xdr:rowOff>67945</xdr:rowOff>
    </xdr:to>
    <xdr:sp macro="" textlink="">
      <xdr:nvSpPr>
        <xdr:cNvPr id="182" name="フローチャート: 判断 181">
          <a:extLst>
            <a:ext uri="{FF2B5EF4-FFF2-40B4-BE49-F238E27FC236}">
              <a16:creationId xmlns:a16="http://schemas.microsoft.com/office/drawing/2014/main" id="{07978162-54F8-4A35-B861-1146A42439B8}"/>
            </a:ext>
          </a:extLst>
        </xdr:cNvPr>
        <xdr:cNvSpPr/>
      </xdr:nvSpPr>
      <xdr:spPr>
        <a:xfrm>
          <a:off x="37465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16840</xdr:rowOff>
    </xdr:from>
    <xdr:to>
      <xdr:col>15</xdr:col>
      <xdr:colOff>101600</xdr:colOff>
      <xdr:row>60</xdr:row>
      <xdr:rowOff>46990</xdr:rowOff>
    </xdr:to>
    <xdr:sp macro="" textlink="">
      <xdr:nvSpPr>
        <xdr:cNvPr id="183" name="フローチャート: 判断 182">
          <a:extLst>
            <a:ext uri="{FF2B5EF4-FFF2-40B4-BE49-F238E27FC236}">
              <a16:creationId xmlns:a16="http://schemas.microsoft.com/office/drawing/2014/main" id="{59F57CBE-D5BB-4E10-BFAE-2A230491EABF}"/>
            </a:ext>
          </a:extLst>
        </xdr:cNvPr>
        <xdr:cNvSpPr/>
      </xdr:nvSpPr>
      <xdr:spPr>
        <a:xfrm>
          <a:off x="2857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16840</xdr:rowOff>
    </xdr:from>
    <xdr:to>
      <xdr:col>10</xdr:col>
      <xdr:colOff>165100</xdr:colOff>
      <xdr:row>60</xdr:row>
      <xdr:rowOff>46990</xdr:rowOff>
    </xdr:to>
    <xdr:sp macro="" textlink="">
      <xdr:nvSpPr>
        <xdr:cNvPr id="184" name="フローチャート: 判断 183">
          <a:extLst>
            <a:ext uri="{FF2B5EF4-FFF2-40B4-BE49-F238E27FC236}">
              <a16:creationId xmlns:a16="http://schemas.microsoft.com/office/drawing/2014/main" id="{4D5F6B23-449D-4DEF-9DE8-C17C18B155B2}"/>
            </a:ext>
          </a:extLst>
        </xdr:cNvPr>
        <xdr:cNvSpPr/>
      </xdr:nvSpPr>
      <xdr:spPr>
        <a:xfrm>
          <a:off x="1968500" y="1023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93980</xdr:rowOff>
    </xdr:from>
    <xdr:to>
      <xdr:col>6</xdr:col>
      <xdr:colOff>38100</xdr:colOff>
      <xdr:row>60</xdr:row>
      <xdr:rowOff>24130</xdr:rowOff>
    </xdr:to>
    <xdr:sp macro="" textlink="">
      <xdr:nvSpPr>
        <xdr:cNvPr id="185" name="フローチャート: 判断 184">
          <a:extLst>
            <a:ext uri="{FF2B5EF4-FFF2-40B4-BE49-F238E27FC236}">
              <a16:creationId xmlns:a16="http://schemas.microsoft.com/office/drawing/2014/main" id="{F1C39216-42A3-4D15-AB1E-9AA82A217A43}"/>
            </a:ext>
          </a:extLst>
        </xdr:cNvPr>
        <xdr:cNvSpPr/>
      </xdr:nvSpPr>
      <xdr:spPr>
        <a:xfrm>
          <a:off x="1079500" y="1020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id="{F31F02E4-7131-41CA-8E0A-BA61587A55AB}"/>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7" name="テキスト ボックス 186">
          <a:extLst>
            <a:ext uri="{FF2B5EF4-FFF2-40B4-BE49-F238E27FC236}">
              <a16:creationId xmlns:a16="http://schemas.microsoft.com/office/drawing/2014/main" id="{EFBE9714-F0CE-49C7-A51F-2EBFC7D756C4}"/>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8" name="テキスト ボックス 187">
          <a:extLst>
            <a:ext uri="{FF2B5EF4-FFF2-40B4-BE49-F238E27FC236}">
              <a16:creationId xmlns:a16="http://schemas.microsoft.com/office/drawing/2014/main" id="{753E497C-F750-4C85-B1D5-CD2CAEC5AF16}"/>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9" name="テキスト ボックス 188">
          <a:extLst>
            <a:ext uri="{FF2B5EF4-FFF2-40B4-BE49-F238E27FC236}">
              <a16:creationId xmlns:a16="http://schemas.microsoft.com/office/drawing/2014/main" id="{EE8E6B70-13CA-4952-BB4F-114BA3474E9B}"/>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90" name="テキスト ボックス 189">
          <a:extLst>
            <a:ext uri="{FF2B5EF4-FFF2-40B4-BE49-F238E27FC236}">
              <a16:creationId xmlns:a16="http://schemas.microsoft.com/office/drawing/2014/main" id="{83E70CED-A433-4176-BD17-327B6FBB7FC9}"/>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4460</xdr:rowOff>
    </xdr:from>
    <xdr:to>
      <xdr:col>24</xdr:col>
      <xdr:colOff>114300</xdr:colOff>
      <xdr:row>61</xdr:row>
      <xdr:rowOff>54610</xdr:rowOff>
    </xdr:to>
    <xdr:sp macro="" textlink="">
      <xdr:nvSpPr>
        <xdr:cNvPr id="191" name="楕円 190">
          <a:extLst>
            <a:ext uri="{FF2B5EF4-FFF2-40B4-BE49-F238E27FC236}">
              <a16:creationId xmlns:a16="http://schemas.microsoft.com/office/drawing/2014/main" id="{666A0120-A732-40B0-BF87-1E42C6FD1D9B}"/>
            </a:ext>
          </a:extLst>
        </xdr:cNvPr>
        <xdr:cNvSpPr/>
      </xdr:nvSpPr>
      <xdr:spPr>
        <a:xfrm>
          <a:off x="4584700" y="10411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102887</xdr:rowOff>
    </xdr:from>
    <xdr:ext cx="405111" cy="259045"/>
    <xdr:sp macro="" textlink="">
      <xdr:nvSpPr>
        <xdr:cNvPr id="192" name="【体育館・プール】&#10;有形固定資産減価償却率該当値テキスト">
          <a:extLst>
            <a:ext uri="{FF2B5EF4-FFF2-40B4-BE49-F238E27FC236}">
              <a16:creationId xmlns:a16="http://schemas.microsoft.com/office/drawing/2014/main" id="{F0991F37-4516-4FAF-BC7E-219C3CF18661}"/>
            </a:ext>
          </a:extLst>
        </xdr:cNvPr>
        <xdr:cNvSpPr txBox="1"/>
      </xdr:nvSpPr>
      <xdr:spPr>
        <a:xfrm>
          <a:off x="4673600" y="10389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0</xdr:row>
      <xdr:rowOff>82550</xdr:rowOff>
    </xdr:from>
    <xdr:to>
      <xdr:col>20</xdr:col>
      <xdr:colOff>38100</xdr:colOff>
      <xdr:row>61</xdr:row>
      <xdr:rowOff>12700</xdr:rowOff>
    </xdr:to>
    <xdr:sp macro="" textlink="">
      <xdr:nvSpPr>
        <xdr:cNvPr id="193" name="楕円 192">
          <a:extLst>
            <a:ext uri="{FF2B5EF4-FFF2-40B4-BE49-F238E27FC236}">
              <a16:creationId xmlns:a16="http://schemas.microsoft.com/office/drawing/2014/main" id="{36D344D8-E381-47B0-91C5-E86C43591FB5}"/>
            </a:ext>
          </a:extLst>
        </xdr:cNvPr>
        <xdr:cNvSpPr/>
      </xdr:nvSpPr>
      <xdr:spPr>
        <a:xfrm>
          <a:off x="3746500" y="1036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33350</xdr:rowOff>
    </xdr:from>
    <xdr:to>
      <xdr:col>24</xdr:col>
      <xdr:colOff>63500</xdr:colOff>
      <xdr:row>61</xdr:row>
      <xdr:rowOff>3810</xdr:rowOff>
    </xdr:to>
    <xdr:cxnSp macro="">
      <xdr:nvCxnSpPr>
        <xdr:cNvPr id="194" name="直線コネクタ 193">
          <a:extLst>
            <a:ext uri="{FF2B5EF4-FFF2-40B4-BE49-F238E27FC236}">
              <a16:creationId xmlns:a16="http://schemas.microsoft.com/office/drawing/2014/main" id="{C31D5715-6D68-46B7-8E3D-CD1C35EADFEE}"/>
            </a:ext>
          </a:extLst>
        </xdr:cNvPr>
        <xdr:cNvCxnSpPr/>
      </xdr:nvCxnSpPr>
      <xdr:spPr>
        <a:xfrm>
          <a:off x="3797300" y="10420350"/>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0</xdr:row>
      <xdr:rowOff>40640</xdr:rowOff>
    </xdr:from>
    <xdr:to>
      <xdr:col>15</xdr:col>
      <xdr:colOff>101600</xdr:colOff>
      <xdr:row>60</xdr:row>
      <xdr:rowOff>142240</xdr:rowOff>
    </xdr:to>
    <xdr:sp macro="" textlink="">
      <xdr:nvSpPr>
        <xdr:cNvPr id="195" name="楕円 194">
          <a:extLst>
            <a:ext uri="{FF2B5EF4-FFF2-40B4-BE49-F238E27FC236}">
              <a16:creationId xmlns:a16="http://schemas.microsoft.com/office/drawing/2014/main" id="{6E7C8015-6A50-4251-AFA7-B1695EEB69B5}"/>
            </a:ext>
          </a:extLst>
        </xdr:cNvPr>
        <xdr:cNvSpPr/>
      </xdr:nvSpPr>
      <xdr:spPr>
        <a:xfrm>
          <a:off x="2857500" y="10327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0</xdr:row>
      <xdr:rowOff>91440</xdr:rowOff>
    </xdr:from>
    <xdr:to>
      <xdr:col>19</xdr:col>
      <xdr:colOff>177800</xdr:colOff>
      <xdr:row>60</xdr:row>
      <xdr:rowOff>133350</xdr:rowOff>
    </xdr:to>
    <xdr:cxnSp macro="">
      <xdr:nvCxnSpPr>
        <xdr:cNvPr id="196" name="直線コネクタ 195">
          <a:extLst>
            <a:ext uri="{FF2B5EF4-FFF2-40B4-BE49-F238E27FC236}">
              <a16:creationId xmlns:a16="http://schemas.microsoft.com/office/drawing/2014/main" id="{85A3C5AC-12DD-47EC-829B-81276C56DA41}"/>
            </a:ext>
          </a:extLst>
        </xdr:cNvPr>
        <xdr:cNvCxnSpPr/>
      </xdr:nvCxnSpPr>
      <xdr:spPr>
        <a:xfrm>
          <a:off x="2908300" y="1037844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0</xdr:row>
      <xdr:rowOff>635</xdr:rowOff>
    </xdr:from>
    <xdr:to>
      <xdr:col>10</xdr:col>
      <xdr:colOff>165100</xdr:colOff>
      <xdr:row>60</xdr:row>
      <xdr:rowOff>102235</xdr:rowOff>
    </xdr:to>
    <xdr:sp macro="" textlink="">
      <xdr:nvSpPr>
        <xdr:cNvPr id="197" name="楕円 196">
          <a:extLst>
            <a:ext uri="{FF2B5EF4-FFF2-40B4-BE49-F238E27FC236}">
              <a16:creationId xmlns:a16="http://schemas.microsoft.com/office/drawing/2014/main" id="{3A2DE723-E047-4798-BB2E-9B7342A92E33}"/>
            </a:ext>
          </a:extLst>
        </xdr:cNvPr>
        <xdr:cNvSpPr/>
      </xdr:nvSpPr>
      <xdr:spPr>
        <a:xfrm>
          <a:off x="1968500" y="10287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0</xdr:row>
      <xdr:rowOff>51435</xdr:rowOff>
    </xdr:from>
    <xdr:to>
      <xdr:col>15</xdr:col>
      <xdr:colOff>50800</xdr:colOff>
      <xdr:row>60</xdr:row>
      <xdr:rowOff>91440</xdr:rowOff>
    </xdr:to>
    <xdr:cxnSp macro="">
      <xdr:nvCxnSpPr>
        <xdr:cNvPr id="198" name="直線コネクタ 197">
          <a:extLst>
            <a:ext uri="{FF2B5EF4-FFF2-40B4-BE49-F238E27FC236}">
              <a16:creationId xmlns:a16="http://schemas.microsoft.com/office/drawing/2014/main" id="{41EA0FC0-D65E-446A-A093-FD1CC1816EBB}"/>
            </a:ext>
          </a:extLst>
        </xdr:cNvPr>
        <xdr:cNvCxnSpPr/>
      </xdr:nvCxnSpPr>
      <xdr:spPr>
        <a:xfrm>
          <a:off x="2019300" y="1033843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9</xdr:row>
      <xdr:rowOff>139700</xdr:rowOff>
    </xdr:from>
    <xdr:to>
      <xdr:col>6</xdr:col>
      <xdr:colOff>38100</xdr:colOff>
      <xdr:row>60</xdr:row>
      <xdr:rowOff>69850</xdr:rowOff>
    </xdr:to>
    <xdr:sp macro="" textlink="">
      <xdr:nvSpPr>
        <xdr:cNvPr id="199" name="楕円 198">
          <a:extLst>
            <a:ext uri="{FF2B5EF4-FFF2-40B4-BE49-F238E27FC236}">
              <a16:creationId xmlns:a16="http://schemas.microsoft.com/office/drawing/2014/main" id="{0C343192-FC9B-40B0-B124-EFDC0E053881}"/>
            </a:ext>
          </a:extLst>
        </xdr:cNvPr>
        <xdr:cNvSpPr/>
      </xdr:nvSpPr>
      <xdr:spPr>
        <a:xfrm>
          <a:off x="1079500" y="1025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0</xdr:row>
      <xdr:rowOff>19050</xdr:rowOff>
    </xdr:from>
    <xdr:to>
      <xdr:col>10</xdr:col>
      <xdr:colOff>114300</xdr:colOff>
      <xdr:row>60</xdr:row>
      <xdr:rowOff>51435</xdr:rowOff>
    </xdr:to>
    <xdr:cxnSp macro="">
      <xdr:nvCxnSpPr>
        <xdr:cNvPr id="200" name="直線コネクタ 199">
          <a:extLst>
            <a:ext uri="{FF2B5EF4-FFF2-40B4-BE49-F238E27FC236}">
              <a16:creationId xmlns:a16="http://schemas.microsoft.com/office/drawing/2014/main" id="{D4EF72EC-68E4-4973-B2AC-AC0480C7D96D}"/>
            </a:ext>
          </a:extLst>
        </xdr:cNvPr>
        <xdr:cNvCxnSpPr/>
      </xdr:nvCxnSpPr>
      <xdr:spPr>
        <a:xfrm>
          <a:off x="1130300" y="1030605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84472</xdr:rowOff>
    </xdr:from>
    <xdr:ext cx="405111" cy="259045"/>
    <xdr:sp macro="" textlink="">
      <xdr:nvSpPr>
        <xdr:cNvPr id="201" name="n_1aveValue【体育館・プール】&#10;有形固定資産減価償却率">
          <a:extLst>
            <a:ext uri="{FF2B5EF4-FFF2-40B4-BE49-F238E27FC236}">
              <a16:creationId xmlns:a16="http://schemas.microsoft.com/office/drawing/2014/main" id="{B0F97603-4660-4FB9-A70F-1CEE87351FB6}"/>
            </a:ext>
          </a:extLst>
        </xdr:cNvPr>
        <xdr:cNvSpPr txBox="1"/>
      </xdr:nvSpPr>
      <xdr:spPr>
        <a:xfrm>
          <a:off x="3582044" y="10028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63517</xdr:rowOff>
    </xdr:from>
    <xdr:ext cx="405111" cy="259045"/>
    <xdr:sp macro="" textlink="">
      <xdr:nvSpPr>
        <xdr:cNvPr id="202" name="n_2aveValue【体育館・プール】&#10;有形固定資産減価償却率">
          <a:extLst>
            <a:ext uri="{FF2B5EF4-FFF2-40B4-BE49-F238E27FC236}">
              <a16:creationId xmlns:a16="http://schemas.microsoft.com/office/drawing/2014/main" id="{EE19BF61-F01F-4270-B9FC-16F88E603306}"/>
            </a:ext>
          </a:extLst>
        </xdr:cNvPr>
        <xdr:cNvSpPr txBox="1"/>
      </xdr:nvSpPr>
      <xdr:spPr>
        <a:xfrm>
          <a:off x="27057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8</xdr:row>
      <xdr:rowOff>63517</xdr:rowOff>
    </xdr:from>
    <xdr:ext cx="405111" cy="259045"/>
    <xdr:sp macro="" textlink="">
      <xdr:nvSpPr>
        <xdr:cNvPr id="203" name="n_3aveValue【体育館・プール】&#10;有形固定資産減価償却率">
          <a:extLst>
            <a:ext uri="{FF2B5EF4-FFF2-40B4-BE49-F238E27FC236}">
              <a16:creationId xmlns:a16="http://schemas.microsoft.com/office/drawing/2014/main" id="{DB84AD58-C7BC-4D93-958D-A1A5A9372712}"/>
            </a:ext>
          </a:extLst>
        </xdr:cNvPr>
        <xdr:cNvSpPr txBox="1"/>
      </xdr:nvSpPr>
      <xdr:spPr>
        <a:xfrm>
          <a:off x="1816744" y="1000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40657</xdr:rowOff>
    </xdr:from>
    <xdr:ext cx="405111" cy="259045"/>
    <xdr:sp macro="" textlink="">
      <xdr:nvSpPr>
        <xdr:cNvPr id="204" name="n_4aveValue【体育館・プール】&#10;有形固定資産減価償却率">
          <a:extLst>
            <a:ext uri="{FF2B5EF4-FFF2-40B4-BE49-F238E27FC236}">
              <a16:creationId xmlns:a16="http://schemas.microsoft.com/office/drawing/2014/main" id="{A56EE829-2FA7-474B-82B4-AA37FC8770C5}"/>
            </a:ext>
          </a:extLst>
        </xdr:cNvPr>
        <xdr:cNvSpPr txBox="1"/>
      </xdr:nvSpPr>
      <xdr:spPr>
        <a:xfrm>
          <a:off x="927744" y="998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3827</xdr:rowOff>
    </xdr:from>
    <xdr:ext cx="405111" cy="259045"/>
    <xdr:sp macro="" textlink="">
      <xdr:nvSpPr>
        <xdr:cNvPr id="205" name="n_1mainValue【体育館・プール】&#10;有形固定資産減価償却率">
          <a:extLst>
            <a:ext uri="{FF2B5EF4-FFF2-40B4-BE49-F238E27FC236}">
              <a16:creationId xmlns:a16="http://schemas.microsoft.com/office/drawing/2014/main" id="{7719041A-0106-4B14-BDA3-7AB278409FEF}"/>
            </a:ext>
          </a:extLst>
        </xdr:cNvPr>
        <xdr:cNvSpPr txBox="1"/>
      </xdr:nvSpPr>
      <xdr:spPr>
        <a:xfrm>
          <a:off x="3582044" y="10462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133367</xdr:rowOff>
    </xdr:from>
    <xdr:ext cx="405111" cy="259045"/>
    <xdr:sp macro="" textlink="">
      <xdr:nvSpPr>
        <xdr:cNvPr id="206" name="n_2mainValue【体育館・プール】&#10;有形固定資産減価償却率">
          <a:extLst>
            <a:ext uri="{FF2B5EF4-FFF2-40B4-BE49-F238E27FC236}">
              <a16:creationId xmlns:a16="http://schemas.microsoft.com/office/drawing/2014/main" id="{144B29A5-F420-46B5-B2CF-2CF1BA072113}"/>
            </a:ext>
          </a:extLst>
        </xdr:cNvPr>
        <xdr:cNvSpPr txBox="1"/>
      </xdr:nvSpPr>
      <xdr:spPr>
        <a:xfrm>
          <a:off x="2705744" y="104203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93362</xdr:rowOff>
    </xdr:from>
    <xdr:ext cx="405111" cy="259045"/>
    <xdr:sp macro="" textlink="">
      <xdr:nvSpPr>
        <xdr:cNvPr id="207" name="n_3mainValue【体育館・プール】&#10;有形固定資産減価償却率">
          <a:extLst>
            <a:ext uri="{FF2B5EF4-FFF2-40B4-BE49-F238E27FC236}">
              <a16:creationId xmlns:a16="http://schemas.microsoft.com/office/drawing/2014/main" id="{EE745282-6A98-4BAA-A340-2F1EE42B040D}"/>
            </a:ext>
          </a:extLst>
        </xdr:cNvPr>
        <xdr:cNvSpPr txBox="1"/>
      </xdr:nvSpPr>
      <xdr:spPr>
        <a:xfrm>
          <a:off x="1816744" y="1038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60977</xdr:rowOff>
    </xdr:from>
    <xdr:ext cx="405111" cy="259045"/>
    <xdr:sp macro="" textlink="">
      <xdr:nvSpPr>
        <xdr:cNvPr id="208" name="n_4mainValue【体育館・プール】&#10;有形固定資産減価償却率">
          <a:extLst>
            <a:ext uri="{FF2B5EF4-FFF2-40B4-BE49-F238E27FC236}">
              <a16:creationId xmlns:a16="http://schemas.microsoft.com/office/drawing/2014/main" id="{BC84270C-20CC-4DE5-9A2A-EFC469BF53F6}"/>
            </a:ext>
          </a:extLst>
        </xdr:cNvPr>
        <xdr:cNvSpPr txBox="1"/>
      </xdr:nvSpPr>
      <xdr:spPr>
        <a:xfrm>
          <a:off x="927744" y="10347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9" name="正方形/長方形 208">
          <a:extLst>
            <a:ext uri="{FF2B5EF4-FFF2-40B4-BE49-F238E27FC236}">
              <a16:creationId xmlns:a16="http://schemas.microsoft.com/office/drawing/2014/main" id="{28E6776C-99F2-42ED-A367-FE890B8F6F97}"/>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10" name="正方形/長方形 209">
          <a:extLst>
            <a:ext uri="{FF2B5EF4-FFF2-40B4-BE49-F238E27FC236}">
              <a16:creationId xmlns:a16="http://schemas.microsoft.com/office/drawing/2014/main" id="{7C82D48E-2E5F-4015-B825-364CA6578606}"/>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11" name="正方形/長方形 210">
          <a:extLst>
            <a:ext uri="{FF2B5EF4-FFF2-40B4-BE49-F238E27FC236}">
              <a16:creationId xmlns:a16="http://schemas.microsoft.com/office/drawing/2014/main" id="{C5915727-A713-4E4D-AA3F-49146C84A4EB}"/>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12" name="正方形/長方形 211">
          <a:extLst>
            <a:ext uri="{FF2B5EF4-FFF2-40B4-BE49-F238E27FC236}">
              <a16:creationId xmlns:a16="http://schemas.microsoft.com/office/drawing/2014/main" id="{7F5DC79B-A4A0-49F0-BA91-3581000D588D}"/>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13" name="正方形/長方形 212">
          <a:extLst>
            <a:ext uri="{FF2B5EF4-FFF2-40B4-BE49-F238E27FC236}">
              <a16:creationId xmlns:a16="http://schemas.microsoft.com/office/drawing/2014/main" id="{C05D0340-22C5-489C-BB13-9E678043D9E0}"/>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4" name="正方形/長方形 213">
          <a:extLst>
            <a:ext uri="{FF2B5EF4-FFF2-40B4-BE49-F238E27FC236}">
              <a16:creationId xmlns:a16="http://schemas.microsoft.com/office/drawing/2014/main" id="{0AB1289C-964E-42E6-BAF1-CF2C30B33C28}"/>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5" name="正方形/長方形 214">
          <a:extLst>
            <a:ext uri="{FF2B5EF4-FFF2-40B4-BE49-F238E27FC236}">
              <a16:creationId xmlns:a16="http://schemas.microsoft.com/office/drawing/2014/main" id="{26629196-CA77-4BF6-B190-6A1821BDEB51}"/>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6" name="正方形/長方形 215">
          <a:extLst>
            <a:ext uri="{FF2B5EF4-FFF2-40B4-BE49-F238E27FC236}">
              <a16:creationId xmlns:a16="http://schemas.microsoft.com/office/drawing/2014/main" id="{F47D2137-6DF3-4D9A-99ED-A1933505FC96}"/>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7" name="テキスト ボックス 216">
          <a:extLst>
            <a:ext uri="{FF2B5EF4-FFF2-40B4-BE49-F238E27FC236}">
              <a16:creationId xmlns:a16="http://schemas.microsoft.com/office/drawing/2014/main" id="{B6ABC888-CDA2-49D1-B71F-CD298228DF4E}"/>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8" name="直線コネクタ 217">
          <a:extLst>
            <a:ext uri="{FF2B5EF4-FFF2-40B4-BE49-F238E27FC236}">
              <a16:creationId xmlns:a16="http://schemas.microsoft.com/office/drawing/2014/main" id="{5428150E-C927-4AE7-828E-DC2CE1FF7DDF}"/>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9" name="直線コネクタ 218">
          <a:extLst>
            <a:ext uri="{FF2B5EF4-FFF2-40B4-BE49-F238E27FC236}">
              <a16:creationId xmlns:a16="http://schemas.microsoft.com/office/drawing/2014/main" id="{E6D1EBF8-95EE-4525-8997-CB7671AB5637}"/>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20" name="テキスト ボックス 219">
          <a:extLst>
            <a:ext uri="{FF2B5EF4-FFF2-40B4-BE49-F238E27FC236}">
              <a16:creationId xmlns:a16="http://schemas.microsoft.com/office/drawing/2014/main" id="{ADD53AD5-B6EA-47A6-9466-E005EE843D88}"/>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21" name="直線コネクタ 220">
          <a:extLst>
            <a:ext uri="{FF2B5EF4-FFF2-40B4-BE49-F238E27FC236}">
              <a16:creationId xmlns:a16="http://schemas.microsoft.com/office/drawing/2014/main" id="{D6111A26-5250-4D4A-8062-8246C99CCE57}"/>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22" name="テキスト ボックス 221">
          <a:extLst>
            <a:ext uri="{FF2B5EF4-FFF2-40B4-BE49-F238E27FC236}">
              <a16:creationId xmlns:a16="http://schemas.microsoft.com/office/drawing/2014/main" id="{848D0377-4751-4617-8F8C-F14EC427FB59}"/>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23" name="直線コネクタ 222">
          <a:extLst>
            <a:ext uri="{FF2B5EF4-FFF2-40B4-BE49-F238E27FC236}">
              <a16:creationId xmlns:a16="http://schemas.microsoft.com/office/drawing/2014/main" id="{F5D7C23E-0AAC-42D7-97BB-CF1CCF4E03D6}"/>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24" name="テキスト ボックス 223">
          <a:extLst>
            <a:ext uri="{FF2B5EF4-FFF2-40B4-BE49-F238E27FC236}">
              <a16:creationId xmlns:a16="http://schemas.microsoft.com/office/drawing/2014/main" id="{F1B9F5EC-11E9-40C2-9F99-E3976EF481E2}"/>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5" name="直線コネクタ 224">
          <a:extLst>
            <a:ext uri="{FF2B5EF4-FFF2-40B4-BE49-F238E27FC236}">
              <a16:creationId xmlns:a16="http://schemas.microsoft.com/office/drawing/2014/main" id="{157ECB9C-7FA3-4AB2-99C5-A89B6C1BC4EB}"/>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26" name="テキスト ボックス 225">
          <a:extLst>
            <a:ext uri="{FF2B5EF4-FFF2-40B4-BE49-F238E27FC236}">
              <a16:creationId xmlns:a16="http://schemas.microsoft.com/office/drawing/2014/main" id="{858772DB-A201-40BB-A974-29E6B2109FDC}"/>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7" name="直線コネクタ 226">
          <a:extLst>
            <a:ext uri="{FF2B5EF4-FFF2-40B4-BE49-F238E27FC236}">
              <a16:creationId xmlns:a16="http://schemas.microsoft.com/office/drawing/2014/main" id="{26FBC475-0BD3-4E03-A7DF-0F659FFA6DD7}"/>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28" name="テキスト ボックス 227">
          <a:extLst>
            <a:ext uri="{FF2B5EF4-FFF2-40B4-BE49-F238E27FC236}">
              <a16:creationId xmlns:a16="http://schemas.microsoft.com/office/drawing/2014/main" id="{A0C7B0CD-7793-43FE-B150-1B832FA58FCA}"/>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9" name="直線コネクタ 228">
          <a:extLst>
            <a:ext uri="{FF2B5EF4-FFF2-40B4-BE49-F238E27FC236}">
              <a16:creationId xmlns:a16="http://schemas.microsoft.com/office/drawing/2014/main" id="{2CF80EA7-D2F7-4BEB-94DF-11BD3CF99C47}"/>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30" name="テキスト ボックス 229">
          <a:extLst>
            <a:ext uri="{FF2B5EF4-FFF2-40B4-BE49-F238E27FC236}">
              <a16:creationId xmlns:a16="http://schemas.microsoft.com/office/drawing/2014/main" id="{D04F7956-0AD1-4516-BBEE-D5E75F8540BB}"/>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31" name="【体育館・プール】&#10;一人当たり面積グラフ枠">
          <a:extLst>
            <a:ext uri="{FF2B5EF4-FFF2-40B4-BE49-F238E27FC236}">
              <a16:creationId xmlns:a16="http://schemas.microsoft.com/office/drawing/2014/main" id="{36F1E570-AAA8-4968-BDAD-36870FB7086B}"/>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63830</xdr:rowOff>
    </xdr:from>
    <xdr:to>
      <xdr:col>54</xdr:col>
      <xdr:colOff>189865</xdr:colOff>
      <xdr:row>63</xdr:row>
      <xdr:rowOff>125730</xdr:rowOff>
    </xdr:to>
    <xdr:cxnSp macro="">
      <xdr:nvCxnSpPr>
        <xdr:cNvPr id="232" name="直線コネクタ 231">
          <a:extLst>
            <a:ext uri="{FF2B5EF4-FFF2-40B4-BE49-F238E27FC236}">
              <a16:creationId xmlns:a16="http://schemas.microsoft.com/office/drawing/2014/main" id="{EFE3AD4D-CE99-4E11-A247-156FEBDFC577}"/>
            </a:ext>
          </a:extLst>
        </xdr:cNvPr>
        <xdr:cNvCxnSpPr/>
      </xdr:nvCxnSpPr>
      <xdr:spPr>
        <a:xfrm flipV="1">
          <a:off x="10476865" y="9765030"/>
          <a:ext cx="0" cy="11620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129557</xdr:rowOff>
    </xdr:from>
    <xdr:ext cx="469744" cy="259045"/>
    <xdr:sp macro="" textlink="">
      <xdr:nvSpPr>
        <xdr:cNvPr id="233" name="【体育館・プール】&#10;一人当たり面積最小値テキスト">
          <a:extLst>
            <a:ext uri="{FF2B5EF4-FFF2-40B4-BE49-F238E27FC236}">
              <a16:creationId xmlns:a16="http://schemas.microsoft.com/office/drawing/2014/main" id="{8EF5E318-6E2E-46D0-86D4-BC597BFFE1A6}"/>
            </a:ext>
          </a:extLst>
        </xdr:cNvPr>
        <xdr:cNvSpPr txBox="1"/>
      </xdr:nvSpPr>
      <xdr:spPr>
        <a:xfrm>
          <a:off x="10515600" y="10930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3</xdr:row>
      <xdr:rowOff>125730</xdr:rowOff>
    </xdr:from>
    <xdr:to>
      <xdr:col>55</xdr:col>
      <xdr:colOff>88900</xdr:colOff>
      <xdr:row>63</xdr:row>
      <xdr:rowOff>125730</xdr:rowOff>
    </xdr:to>
    <xdr:cxnSp macro="">
      <xdr:nvCxnSpPr>
        <xdr:cNvPr id="234" name="直線コネクタ 233">
          <a:extLst>
            <a:ext uri="{FF2B5EF4-FFF2-40B4-BE49-F238E27FC236}">
              <a16:creationId xmlns:a16="http://schemas.microsoft.com/office/drawing/2014/main" id="{28BBE477-18DA-437C-9115-1644C2859999}"/>
            </a:ext>
          </a:extLst>
        </xdr:cNvPr>
        <xdr:cNvCxnSpPr/>
      </xdr:nvCxnSpPr>
      <xdr:spPr>
        <a:xfrm>
          <a:off x="10388600" y="10927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10507</xdr:rowOff>
    </xdr:from>
    <xdr:ext cx="469744" cy="259045"/>
    <xdr:sp macro="" textlink="">
      <xdr:nvSpPr>
        <xdr:cNvPr id="235" name="【体育館・プール】&#10;一人当たり面積最大値テキスト">
          <a:extLst>
            <a:ext uri="{FF2B5EF4-FFF2-40B4-BE49-F238E27FC236}">
              <a16:creationId xmlns:a16="http://schemas.microsoft.com/office/drawing/2014/main" id="{4EF5FE2F-FE2A-4C80-B1FD-F167E9F98F8F}"/>
            </a:ext>
          </a:extLst>
        </xdr:cNvPr>
        <xdr:cNvSpPr txBox="1"/>
      </xdr:nvSpPr>
      <xdr:spPr>
        <a:xfrm>
          <a:off x="10515600" y="9540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63830</xdr:rowOff>
    </xdr:from>
    <xdr:to>
      <xdr:col>55</xdr:col>
      <xdr:colOff>88900</xdr:colOff>
      <xdr:row>56</xdr:row>
      <xdr:rowOff>163830</xdr:rowOff>
    </xdr:to>
    <xdr:cxnSp macro="">
      <xdr:nvCxnSpPr>
        <xdr:cNvPr id="236" name="直線コネクタ 235">
          <a:extLst>
            <a:ext uri="{FF2B5EF4-FFF2-40B4-BE49-F238E27FC236}">
              <a16:creationId xmlns:a16="http://schemas.microsoft.com/office/drawing/2014/main" id="{CE5CFF92-361D-49A8-923E-7A2E01A65CED}"/>
            </a:ext>
          </a:extLst>
        </xdr:cNvPr>
        <xdr:cNvCxnSpPr/>
      </xdr:nvCxnSpPr>
      <xdr:spPr>
        <a:xfrm>
          <a:off x="10388600" y="97650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13047</xdr:rowOff>
    </xdr:from>
    <xdr:ext cx="469744" cy="259045"/>
    <xdr:sp macro="" textlink="">
      <xdr:nvSpPr>
        <xdr:cNvPr id="237" name="【体育館・プール】&#10;一人当たり面積平均値テキスト">
          <a:extLst>
            <a:ext uri="{FF2B5EF4-FFF2-40B4-BE49-F238E27FC236}">
              <a16:creationId xmlns:a16="http://schemas.microsoft.com/office/drawing/2014/main" id="{F44C75BD-331D-4CB7-9B2F-DA9B72A77666}"/>
            </a:ext>
          </a:extLst>
        </xdr:cNvPr>
        <xdr:cNvSpPr txBox="1"/>
      </xdr:nvSpPr>
      <xdr:spPr>
        <a:xfrm>
          <a:off x="10515600" y="104000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90170</xdr:rowOff>
    </xdr:from>
    <xdr:to>
      <xdr:col>55</xdr:col>
      <xdr:colOff>50800</xdr:colOff>
      <xdr:row>62</xdr:row>
      <xdr:rowOff>20320</xdr:rowOff>
    </xdr:to>
    <xdr:sp macro="" textlink="">
      <xdr:nvSpPr>
        <xdr:cNvPr id="238" name="フローチャート: 判断 237">
          <a:extLst>
            <a:ext uri="{FF2B5EF4-FFF2-40B4-BE49-F238E27FC236}">
              <a16:creationId xmlns:a16="http://schemas.microsoft.com/office/drawing/2014/main" id="{A0365B40-CAC3-45F9-B45E-13B651E2CFFF}"/>
            </a:ext>
          </a:extLst>
        </xdr:cNvPr>
        <xdr:cNvSpPr/>
      </xdr:nvSpPr>
      <xdr:spPr>
        <a:xfrm>
          <a:off x="10426700" y="10548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4930</xdr:rowOff>
    </xdr:from>
    <xdr:to>
      <xdr:col>50</xdr:col>
      <xdr:colOff>165100</xdr:colOff>
      <xdr:row>62</xdr:row>
      <xdr:rowOff>5080</xdr:rowOff>
    </xdr:to>
    <xdr:sp macro="" textlink="">
      <xdr:nvSpPr>
        <xdr:cNvPr id="239" name="フローチャート: 判断 238">
          <a:extLst>
            <a:ext uri="{FF2B5EF4-FFF2-40B4-BE49-F238E27FC236}">
              <a16:creationId xmlns:a16="http://schemas.microsoft.com/office/drawing/2014/main" id="{1E4C6195-5433-4214-A4D4-AEB7DE9696E0}"/>
            </a:ext>
          </a:extLst>
        </xdr:cNvPr>
        <xdr:cNvSpPr/>
      </xdr:nvSpPr>
      <xdr:spPr>
        <a:xfrm>
          <a:off x="9588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71120</xdr:rowOff>
    </xdr:from>
    <xdr:to>
      <xdr:col>46</xdr:col>
      <xdr:colOff>38100</xdr:colOff>
      <xdr:row>62</xdr:row>
      <xdr:rowOff>1270</xdr:rowOff>
    </xdr:to>
    <xdr:sp macro="" textlink="">
      <xdr:nvSpPr>
        <xdr:cNvPr id="240" name="フローチャート: 判断 239">
          <a:extLst>
            <a:ext uri="{FF2B5EF4-FFF2-40B4-BE49-F238E27FC236}">
              <a16:creationId xmlns:a16="http://schemas.microsoft.com/office/drawing/2014/main" id="{C3194F62-1858-4855-952A-D68D01658381}"/>
            </a:ext>
          </a:extLst>
        </xdr:cNvPr>
        <xdr:cNvSpPr/>
      </xdr:nvSpPr>
      <xdr:spPr>
        <a:xfrm>
          <a:off x="8699500" y="1052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4930</xdr:rowOff>
    </xdr:from>
    <xdr:to>
      <xdr:col>41</xdr:col>
      <xdr:colOff>101600</xdr:colOff>
      <xdr:row>62</xdr:row>
      <xdr:rowOff>5080</xdr:rowOff>
    </xdr:to>
    <xdr:sp macro="" textlink="">
      <xdr:nvSpPr>
        <xdr:cNvPr id="241" name="フローチャート: 判断 240">
          <a:extLst>
            <a:ext uri="{FF2B5EF4-FFF2-40B4-BE49-F238E27FC236}">
              <a16:creationId xmlns:a16="http://schemas.microsoft.com/office/drawing/2014/main" id="{AE35FB50-8868-4035-ADFC-50CBA9F78706}"/>
            </a:ext>
          </a:extLst>
        </xdr:cNvPr>
        <xdr:cNvSpPr/>
      </xdr:nvSpPr>
      <xdr:spPr>
        <a:xfrm>
          <a:off x="7810500" y="1053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1</xdr:row>
      <xdr:rowOff>82550</xdr:rowOff>
    </xdr:from>
    <xdr:to>
      <xdr:col>36</xdr:col>
      <xdr:colOff>165100</xdr:colOff>
      <xdr:row>62</xdr:row>
      <xdr:rowOff>12700</xdr:rowOff>
    </xdr:to>
    <xdr:sp macro="" textlink="">
      <xdr:nvSpPr>
        <xdr:cNvPr id="242" name="フローチャート: 判断 241">
          <a:extLst>
            <a:ext uri="{FF2B5EF4-FFF2-40B4-BE49-F238E27FC236}">
              <a16:creationId xmlns:a16="http://schemas.microsoft.com/office/drawing/2014/main" id="{92EC780D-C92E-4547-9495-63789C34D03E}"/>
            </a:ext>
          </a:extLst>
        </xdr:cNvPr>
        <xdr:cNvSpPr/>
      </xdr:nvSpPr>
      <xdr:spPr>
        <a:xfrm>
          <a:off x="69215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id="{B84302F8-2383-4784-8D81-30E07A3DB767}"/>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4" name="テキスト ボックス 243">
          <a:extLst>
            <a:ext uri="{FF2B5EF4-FFF2-40B4-BE49-F238E27FC236}">
              <a16:creationId xmlns:a16="http://schemas.microsoft.com/office/drawing/2014/main" id="{1A06A17C-E5FF-4E89-AC2C-0EE14284B4D3}"/>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5" name="テキスト ボックス 244">
          <a:extLst>
            <a:ext uri="{FF2B5EF4-FFF2-40B4-BE49-F238E27FC236}">
              <a16:creationId xmlns:a16="http://schemas.microsoft.com/office/drawing/2014/main" id="{315CB1F9-5BB8-446D-B81D-0A86CE023CB4}"/>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6" name="テキスト ボックス 245">
          <a:extLst>
            <a:ext uri="{FF2B5EF4-FFF2-40B4-BE49-F238E27FC236}">
              <a16:creationId xmlns:a16="http://schemas.microsoft.com/office/drawing/2014/main" id="{E0090880-B13A-4E23-B97B-37D2E1685198}"/>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7" name="テキスト ボックス 246">
          <a:extLst>
            <a:ext uri="{FF2B5EF4-FFF2-40B4-BE49-F238E27FC236}">
              <a16:creationId xmlns:a16="http://schemas.microsoft.com/office/drawing/2014/main" id="{ABA02A69-2BC9-4361-BC6B-462710E74D5B}"/>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58750</xdr:rowOff>
    </xdr:from>
    <xdr:to>
      <xdr:col>55</xdr:col>
      <xdr:colOff>50800</xdr:colOff>
      <xdr:row>62</xdr:row>
      <xdr:rowOff>88900</xdr:rowOff>
    </xdr:to>
    <xdr:sp macro="" textlink="">
      <xdr:nvSpPr>
        <xdr:cNvPr id="248" name="楕円 247">
          <a:extLst>
            <a:ext uri="{FF2B5EF4-FFF2-40B4-BE49-F238E27FC236}">
              <a16:creationId xmlns:a16="http://schemas.microsoft.com/office/drawing/2014/main" id="{DFAA9C9C-84DC-4067-8A5A-C7C6433368DC}"/>
            </a:ext>
          </a:extLst>
        </xdr:cNvPr>
        <xdr:cNvSpPr/>
      </xdr:nvSpPr>
      <xdr:spPr>
        <a:xfrm>
          <a:off x="104267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1</xdr:row>
      <xdr:rowOff>137177</xdr:rowOff>
    </xdr:from>
    <xdr:ext cx="469744" cy="259045"/>
    <xdr:sp macro="" textlink="">
      <xdr:nvSpPr>
        <xdr:cNvPr id="249" name="【体育館・プール】&#10;一人当たり面積該当値テキスト">
          <a:extLst>
            <a:ext uri="{FF2B5EF4-FFF2-40B4-BE49-F238E27FC236}">
              <a16:creationId xmlns:a16="http://schemas.microsoft.com/office/drawing/2014/main" id="{035396B1-A6E8-442E-A960-3DAE5FED8424}"/>
            </a:ext>
          </a:extLst>
        </xdr:cNvPr>
        <xdr:cNvSpPr txBox="1"/>
      </xdr:nvSpPr>
      <xdr:spPr>
        <a:xfrm>
          <a:off x="10515600" y="1059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17780</xdr:rowOff>
    </xdr:from>
    <xdr:to>
      <xdr:col>50</xdr:col>
      <xdr:colOff>165100</xdr:colOff>
      <xdr:row>62</xdr:row>
      <xdr:rowOff>119380</xdr:rowOff>
    </xdr:to>
    <xdr:sp macro="" textlink="">
      <xdr:nvSpPr>
        <xdr:cNvPr id="250" name="楕円 249">
          <a:extLst>
            <a:ext uri="{FF2B5EF4-FFF2-40B4-BE49-F238E27FC236}">
              <a16:creationId xmlns:a16="http://schemas.microsoft.com/office/drawing/2014/main" id="{57478AE1-C216-466E-A73D-E54AE7B9173B}"/>
            </a:ext>
          </a:extLst>
        </xdr:cNvPr>
        <xdr:cNvSpPr/>
      </xdr:nvSpPr>
      <xdr:spPr>
        <a:xfrm>
          <a:off x="95885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2</xdr:row>
      <xdr:rowOff>38100</xdr:rowOff>
    </xdr:from>
    <xdr:to>
      <xdr:col>55</xdr:col>
      <xdr:colOff>0</xdr:colOff>
      <xdr:row>62</xdr:row>
      <xdr:rowOff>68580</xdr:rowOff>
    </xdr:to>
    <xdr:cxnSp macro="">
      <xdr:nvCxnSpPr>
        <xdr:cNvPr id="251" name="直線コネクタ 250">
          <a:extLst>
            <a:ext uri="{FF2B5EF4-FFF2-40B4-BE49-F238E27FC236}">
              <a16:creationId xmlns:a16="http://schemas.microsoft.com/office/drawing/2014/main" id="{0A3103D6-86AE-4CA4-BD48-872B141BF674}"/>
            </a:ext>
          </a:extLst>
        </xdr:cNvPr>
        <xdr:cNvCxnSpPr/>
      </xdr:nvCxnSpPr>
      <xdr:spPr>
        <a:xfrm flipV="1">
          <a:off x="9639300" y="1066800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17780</xdr:rowOff>
    </xdr:from>
    <xdr:to>
      <xdr:col>46</xdr:col>
      <xdr:colOff>38100</xdr:colOff>
      <xdr:row>62</xdr:row>
      <xdr:rowOff>119380</xdr:rowOff>
    </xdr:to>
    <xdr:sp macro="" textlink="">
      <xdr:nvSpPr>
        <xdr:cNvPr id="252" name="楕円 251">
          <a:extLst>
            <a:ext uri="{FF2B5EF4-FFF2-40B4-BE49-F238E27FC236}">
              <a16:creationId xmlns:a16="http://schemas.microsoft.com/office/drawing/2014/main" id="{59760163-EAC7-4130-A840-BE9229760770}"/>
            </a:ext>
          </a:extLst>
        </xdr:cNvPr>
        <xdr:cNvSpPr/>
      </xdr:nvSpPr>
      <xdr:spPr>
        <a:xfrm>
          <a:off x="8699500" y="10647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68580</xdr:rowOff>
    </xdr:from>
    <xdr:to>
      <xdr:col>50</xdr:col>
      <xdr:colOff>114300</xdr:colOff>
      <xdr:row>62</xdr:row>
      <xdr:rowOff>68580</xdr:rowOff>
    </xdr:to>
    <xdr:cxnSp macro="">
      <xdr:nvCxnSpPr>
        <xdr:cNvPr id="253" name="直線コネクタ 252">
          <a:extLst>
            <a:ext uri="{FF2B5EF4-FFF2-40B4-BE49-F238E27FC236}">
              <a16:creationId xmlns:a16="http://schemas.microsoft.com/office/drawing/2014/main" id="{FF0A23BE-A012-4430-A22A-AAC42719644B}"/>
            </a:ext>
          </a:extLst>
        </xdr:cNvPr>
        <xdr:cNvCxnSpPr/>
      </xdr:nvCxnSpPr>
      <xdr:spPr>
        <a:xfrm>
          <a:off x="8750300" y="106984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1</xdr:row>
      <xdr:rowOff>143510</xdr:rowOff>
    </xdr:from>
    <xdr:to>
      <xdr:col>41</xdr:col>
      <xdr:colOff>101600</xdr:colOff>
      <xdr:row>62</xdr:row>
      <xdr:rowOff>73660</xdr:rowOff>
    </xdr:to>
    <xdr:sp macro="" textlink="">
      <xdr:nvSpPr>
        <xdr:cNvPr id="254" name="楕円 253">
          <a:extLst>
            <a:ext uri="{FF2B5EF4-FFF2-40B4-BE49-F238E27FC236}">
              <a16:creationId xmlns:a16="http://schemas.microsoft.com/office/drawing/2014/main" id="{E01624B8-F212-4BB7-B3E6-F8BC70301465}"/>
            </a:ext>
          </a:extLst>
        </xdr:cNvPr>
        <xdr:cNvSpPr/>
      </xdr:nvSpPr>
      <xdr:spPr>
        <a:xfrm>
          <a:off x="7810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22860</xdr:rowOff>
    </xdr:from>
    <xdr:to>
      <xdr:col>45</xdr:col>
      <xdr:colOff>177800</xdr:colOff>
      <xdr:row>62</xdr:row>
      <xdr:rowOff>68580</xdr:rowOff>
    </xdr:to>
    <xdr:cxnSp macro="">
      <xdr:nvCxnSpPr>
        <xdr:cNvPr id="255" name="直線コネクタ 254">
          <a:extLst>
            <a:ext uri="{FF2B5EF4-FFF2-40B4-BE49-F238E27FC236}">
              <a16:creationId xmlns:a16="http://schemas.microsoft.com/office/drawing/2014/main" id="{81E7EC90-657B-4AEC-803E-D1AF8FCF74F1}"/>
            </a:ext>
          </a:extLst>
        </xdr:cNvPr>
        <xdr:cNvCxnSpPr/>
      </xdr:nvCxnSpPr>
      <xdr:spPr>
        <a:xfrm>
          <a:off x="7861300" y="1065276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1</xdr:row>
      <xdr:rowOff>143510</xdr:rowOff>
    </xdr:from>
    <xdr:to>
      <xdr:col>36</xdr:col>
      <xdr:colOff>165100</xdr:colOff>
      <xdr:row>62</xdr:row>
      <xdr:rowOff>73660</xdr:rowOff>
    </xdr:to>
    <xdr:sp macro="" textlink="">
      <xdr:nvSpPr>
        <xdr:cNvPr id="256" name="楕円 255">
          <a:extLst>
            <a:ext uri="{FF2B5EF4-FFF2-40B4-BE49-F238E27FC236}">
              <a16:creationId xmlns:a16="http://schemas.microsoft.com/office/drawing/2014/main" id="{E1E74944-582D-49ED-92DA-95735095C821}"/>
            </a:ext>
          </a:extLst>
        </xdr:cNvPr>
        <xdr:cNvSpPr/>
      </xdr:nvSpPr>
      <xdr:spPr>
        <a:xfrm>
          <a:off x="6921500" y="106019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2</xdr:row>
      <xdr:rowOff>22860</xdr:rowOff>
    </xdr:from>
    <xdr:to>
      <xdr:col>41</xdr:col>
      <xdr:colOff>50800</xdr:colOff>
      <xdr:row>62</xdr:row>
      <xdr:rowOff>22860</xdr:rowOff>
    </xdr:to>
    <xdr:cxnSp macro="">
      <xdr:nvCxnSpPr>
        <xdr:cNvPr id="257" name="直線コネクタ 256">
          <a:extLst>
            <a:ext uri="{FF2B5EF4-FFF2-40B4-BE49-F238E27FC236}">
              <a16:creationId xmlns:a16="http://schemas.microsoft.com/office/drawing/2014/main" id="{BA77FF10-14F2-4A81-A7D4-50C68B6E416C}"/>
            </a:ext>
          </a:extLst>
        </xdr:cNvPr>
        <xdr:cNvCxnSpPr/>
      </xdr:nvCxnSpPr>
      <xdr:spPr>
        <a:xfrm>
          <a:off x="6972300" y="106527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21607</xdr:rowOff>
    </xdr:from>
    <xdr:ext cx="469744" cy="259045"/>
    <xdr:sp macro="" textlink="">
      <xdr:nvSpPr>
        <xdr:cNvPr id="258" name="n_1aveValue【体育館・プール】&#10;一人当たり面積">
          <a:extLst>
            <a:ext uri="{FF2B5EF4-FFF2-40B4-BE49-F238E27FC236}">
              <a16:creationId xmlns:a16="http://schemas.microsoft.com/office/drawing/2014/main" id="{403BBBC4-2458-42FE-9B11-9B99074B415C}"/>
            </a:ext>
          </a:extLst>
        </xdr:cNvPr>
        <xdr:cNvSpPr txBox="1"/>
      </xdr:nvSpPr>
      <xdr:spPr>
        <a:xfrm>
          <a:off x="93917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17797</xdr:rowOff>
    </xdr:from>
    <xdr:ext cx="469744" cy="259045"/>
    <xdr:sp macro="" textlink="">
      <xdr:nvSpPr>
        <xdr:cNvPr id="259" name="n_2aveValue【体育館・プール】&#10;一人当たり面積">
          <a:extLst>
            <a:ext uri="{FF2B5EF4-FFF2-40B4-BE49-F238E27FC236}">
              <a16:creationId xmlns:a16="http://schemas.microsoft.com/office/drawing/2014/main" id="{FB38DA6E-7E07-4146-B7E0-4C8A6AD268F4}"/>
            </a:ext>
          </a:extLst>
        </xdr:cNvPr>
        <xdr:cNvSpPr txBox="1"/>
      </xdr:nvSpPr>
      <xdr:spPr>
        <a:xfrm>
          <a:off x="8515427" y="103047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1607</xdr:rowOff>
    </xdr:from>
    <xdr:ext cx="469744" cy="259045"/>
    <xdr:sp macro="" textlink="">
      <xdr:nvSpPr>
        <xdr:cNvPr id="260" name="n_3aveValue【体育館・プール】&#10;一人当たり面積">
          <a:extLst>
            <a:ext uri="{FF2B5EF4-FFF2-40B4-BE49-F238E27FC236}">
              <a16:creationId xmlns:a16="http://schemas.microsoft.com/office/drawing/2014/main" id="{95D1B639-005F-4246-8810-F6120E716EFA}"/>
            </a:ext>
          </a:extLst>
        </xdr:cNvPr>
        <xdr:cNvSpPr txBox="1"/>
      </xdr:nvSpPr>
      <xdr:spPr>
        <a:xfrm>
          <a:off x="7626427" y="10308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29227</xdr:rowOff>
    </xdr:from>
    <xdr:ext cx="469744" cy="259045"/>
    <xdr:sp macro="" textlink="">
      <xdr:nvSpPr>
        <xdr:cNvPr id="261" name="n_4aveValue【体育館・プール】&#10;一人当たり面積">
          <a:extLst>
            <a:ext uri="{FF2B5EF4-FFF2-40B4-BE49-F238E27FC236}">
              <a16:creationId xmlns:a16="http://schemas.microsoft.com/office/drawing/2014/main" id="{5109DFF6-05BA-4385-BF0B-4D2C32F410FD}"/>
            </a:ext>
          </a:extLst>
        </xdr:cNvPr>
        <xdr:cNvSpPr txBox="1"/>
      </xdr:nvSpPr>
      <xdr:spPr>
        <a:xfrm>
          <a:off x="67374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2</xdr:row>
      <xdr:rowOff>110507</xdr:rowOff>
    </xdr:from>
    <xdr:ext cx="469744" cy="259045"/>
    <xdr:sp macro="" textlink="">
      <xdr:nvSpPr>
        <xdr:cNvPr id="262" name="n_1mainValue【体育館・プール】&#10;一人当たり面積">
          <a:extLst>
            <a:ext uri="{FF2B5EF4-FFF2-40B4-BE49-F238E27FC236}">
              <a16:creationId xmlns:a16="http://schemas.microsoft.com/office/drawing/2014/main" id="{AD078999-C98E-49A1-8636-658F4B1C3881}"/>
            </a:ext>
          </a:extLst>
        </xdr:cNvPr>
        <xdr:cNvSpPr txBox="1"/>
      </xdr:nvSpPr>
      <xdr:spPr>
        <a:xfrm>
          <a:off x="9391727" y="1074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10507</xdr:rowOff>
    </xdr:from>
    <xdr:ext cx="469744" cy="259045"/>
    <xdr:sp macro="" textlink="">
      <xdr:nvSpPr>
        <xdr:cNvPr id="263" name="n_2mainValue【体育館・プール】&#10;一人当たり面積">
          <a:extLst>
            <a:ext uri="{FF2B5EF4-FFF2-40B4-BE49-F238E27FC236}">
              <a16:creationId xmlns:a16="http://schemas.microsoft.com/office/drawing/2014/main" id="{463702ED-ACCF-40A3-AFF9-73774691C683}"/>
            </a:ext>
          </a:extLst>
        </xdr:cNvPr>
        <xdr:cNvSpPr txBox="1"/>
      </xdr:nvSpPr>
      <xdr:spPr>
        <a:xfrm>
          <a:off x="8515427" y="10740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64787</xdr:rowOff>
    </xdr:from>
    <xdr:ext cx="469744" cy="259045"/>
    <xdr:sp macro="" textlink="">
      <xdr:nvSpPr>
        <xdr:cNvPr id="264" name="n_3mainValue【体育館・プール】&#10;一人当たり面積">
          <a:extLst>
            <a:ext uri="{FF2B5EF4-FFF2-40B4-BE49-F238E27FC236}">
              <a16:creationId xmlns:a16="http://schemas.microsoft.com/office/drawing/2014/main" id="{E6B0BF6D-C923-4AAD-83D3-6ECDDFBD982E}"/>
            </a:ext>
          </a:extLst>
        </xdr:cNvPr>
        <xdr:cNvSpPr txBox="1"/>
      </xdr:nvSpPr>
      <xdr:spPr>
        <a:xfrm>
          <a:off x="76264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64787</xdr:rowOff>
    </xdr:from>
    <xdr:ext cx="469744" cy="259045"/>
    <xdr:sp macro="" textlink="">
      <xdr:nvSpPr>
        <xdr:cNvPr id="265" name="n_4mainValue【体育館・プール】&#10;一人当たり面積">
          <a:extLst>
            <a:ext uri="{FF2B5EF4-FFF2-40B4-BE49-F238E27FC236}">
              <a16:creationId xmlns:a16="http://schemas.microsoft.com/office/drawing/2014/main" id="{B09DCC59-C193-4DAA-96EE-2E67C31D4C06}"/>
            </a:ext>
          </a:extLst>
        </xdr:cNvPr>
        <xdr:cNvSpPr txBox="1"/>
      </xdr:nvSpPr>
      <xdr:spPr>
        <a:xfrm>
          <a:off x="6737427" y="1069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6" name="正方形/長方形 265">
          <a:extLst>
            <a:ext uri="{FF2B5EF4-FFF2-40B4-BE49-F238E27FC236}">
              <a16:creationId xmlns:a16="http://schemas.microsoft.com/office/drawing/2014/main" id="{8C2CD55E-5FA9-4688-A2DA-026C7FAB518F}"/>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7" name="正方形/長方形 266">
          <a:extLst>
            <a:ext uri="{FF2B5EF4-FFF2-40B4-BE49-F238E27FC236}">
              <a16:creationId xmlns:a16="http://schemas.microsoft.com/office/drawing/2014/main" id="{3DECC256-549E-4D9B-8128-0AFBD1D5B239}"/>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8" name="正方形/長方形 267">
          <a:extLst>
            <a:ext uri="{FF2B5EF4-FFF2-40B4-BE49-F238E27FC236}">
              <a16:creationId xmlns:a16="http://schemas.microsoft.com/office/drawing/2014/main" id="{92D4B910-D692-46CC-B9DC-1E45DBD80660}"/>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9" name="正方形/長方形 268">
          <a:extLst>
            <a:ext uri="{FF2B5EF4-FFF2-40B4-BE49-F238E27FC236}">
              <a16:creationId xmlns:a16="http://schemas.microsoft.com/office/drawing/2014/main" id="{4068C273-68E2-43BF-A773-41E98E945793}"/>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70" name="正方形/長方形 269">
          <a:extLst>
            <a:ext uri="{FF2B5EF4-FFF2-40B4-BE49-F238E27FC236}">
              <a16:creationId xmlns:a16="http://schemas.microsoft.com/office/drawing/2014/main" id="{3D04F9CF-AB30-4CB7-B582-DCC7D7671A14}"/>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71" name="正方形/長方形 270">
          <a:extLst>
            <a:ext uri="{FF2B5EF4-FFF2-40B4-BE49-F238E27FC236}">
              <a16:creationId xmlns:a16="http://schemas.microsoft.com/office/drawing/2014/main" id="{B1918CAD-80F0-40F7-BD0E-5A08BDA0DEE0}"/>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72" name="正方形/長方形 271">
          <a:extLst>
            <a:ext uri="{FF2B5EF4-FFF2-40B4-BE49-F238E27FC236}">
              <a16:creationId xmlns:a16="http://schemas.microsoft.com/office/drawing/2014/main" id="{ECB9ED89-7E22-492F-95C8-3EF3674DBEE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73" name="正方形/長方形 272">
          <a:extLst>
            <a:ext uri="{FF2B5EF4-FFF2-40B4-BE49-F238E27FC236}">
              <a16:creationId xmlns:a16="http://schemas.microsoft.com/office/drawing/2014/main" id="{F8FB426B-407A-460C-B60D-5E45F3465013}"/>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4" name="テキスト ボックス 273">
          <a:extLst>
            <a:ext uri="{FF2B5EF4-FFF2-40B4-BE49-F238E27FC236}">
              <a16:creationId xmlns:a16="http://schemas.microsoft.com/office/drawing/2014/main" id="{C8024404-9A7F-49C4-AEDA-54EC94E899CD}"/>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5" name="直線コネクタ 274">
          <a:extLst>
            <a:ext uri="{FF2B5EF4-FFF2-40B4-BE49-F238E27FC236}">
              <a16:creationId xmlns:a16="http://schemas.microsoft.com/office/drawing/2014/main" id="{BBB5B442-7A80-44DC-8EC6-F5FB1EC9154C}"/>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6" name="テキスト ボックス 275">
          <a:extLst>
            <a:ext uri="{FF2B5EF4-FFF2-40B4-BE49-F238E27FC236}">
              <a16:creationId xmlns:a16="http://schemas.microsoft.com/office/drawing/2014/main" id="{7BDCB76C-877D-4326-9940-13FBBBB4EEE4}"/>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77" name="直線コネクタ 276">
          <a:extLst>
            <a:ext uri="{FF2B5EF4-FFF2-40B4-BE49-F238E27FC236}">
              <a16:creationId xmlns:a16="http://schemas.microsoft.com/office/drawing/2014/main" id="{BE518996-C0B0-4493-89D1-0D3F6AEE94A1}"/>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78" name="テキスト ボックス 277">
          <a:extLst>
            <a:ext uri="{FF2B5EF4-FFF2-40B4-BE49-F238E27FC236}">
              <a16:creationId xmlns:a16="http://schemas.microsoft.com/office/drawing/2014/main" id="{F48509C9-C8ED-44C0-B08A-35D113C419E2}"/>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79" name="直線コネクタ 278">
          <a:extLst>
            <a:ext uri="{FF2B5EF4-FFF2-40B4-BE49-F238E27FC236}">
              <a16:creationId xmlns:a16="http://schemas.microsoft.com/office/drawing/2014/main" id="{F6FDB187-E6F3-4558-8458-2040800FE538}"/>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80" name="テキスト ボックス 279">
          <a:extLst>
            <a:ext uri="{FF2B5EF4-FFF2-40B4-BE49-F238E27FC236}">
              <a16:creationId xmlns:a16="http://schemas.microsoft.com/office/drawing/2014/main" id="{688EEFF8-7117-4C39-8B2E-62D8DDF9A501}"/>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81" name="直線コネクタ 280">
          <a:extLst>
            <a:ext uri="{FF2B5EF4-FFF2-40B4-BE49-F238E27FC236}">
              <a16:creationId xmlns:a16="http://schemas.microsoft.com/office/drawing/2014/main" id="{500B198A-F4A0-43F6-843A-6A447A6EE77A}"/>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82" name="テキスト ボックス 281">
          <a:extLst>
            <a:ext uri="{FF2B5EF4-FFF2-40B4-BE49-F238E27FC236}">
              <a16:creationId xmlns:a16="http://schemas.microsoft.com/office/drawing/2014/main" id="{3E8D728E-CF40-4DD9-AFDA-BCA3FBC0AB26}"/>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83" name="直線コネクタ 282">
          <a:extLst>
            <a:ext uri="{FF2B5EF4-FFF2-40B4-BE49-F238E27FC236}">
              <a16:creationId xmlns:a16="http://schemas.microsoft.com/office/drawing/2014/main" id="{95429C73-0541-480F-8617-532F04E9AAB9}"/>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84" name="テキスト ボックス 283">
          <a:extLst>
            <a:ext uri="{FF2B5EF4-FFF2-40B4-BE49-F238E27FC236}">
              <a16:creationId xmlns:a16="http://schemas.microsoft.com/office/drawing/2014/main" id="{AFCA49BB-3467-4728-BB34-EC30FD34CB22}"/>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85" name="直線コネクタ 284">
          <a:extLst>
            <a:ext uri="{FF2B5EF4-FFF2-40B4-BE49-F238E27FC236}">
              <a16:creationId xmlns:a16="http://schemas.microsoft.com/office/drawing/2014/main" id="{1D0D6D5A-CC82-48D5-A517-93C5887B37F2}"/>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86" name="テキスト ボックス 285">
          <a:extLst>
            <a:ext uri="{FF2B5EF4-FFF2-40B4-BE49-F238E27FC236}">
              <a16:creationId xmlns:a16="http://schemas.microsoft.com/office/drawing/2014/main" id="{B1B3BDDB-4063-485F-A030-A96ECB2CF33E}"/>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7" name="直線コネクタ 286">
          <a:extLst>
            <a:ext uri="{FF2B5EF4-FFF2-40B4-BE49-F238E27FC236}">
              <a16:creationId xmlns:a16="http://schemas.microsoft.com/office/drawing/2014/main" id="{E1D56ACD-69A5-4664-B781-A8BBF9C27D2B}"/>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88" name="テキスト ボックス 287">
          <a:extLst>
            <a:ext uri="{FF2B5EF4-FFF2-40B4-BE49-F238E27FC236}">
              <a16:creationId xmlns:a16="http://schemas.microsoft.com/office/drawing/2014/main" id="{CB82075C-389E-4CA6-A866-4781502EAA3F}"/>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89" name="【福祉施設】&#10;有形固定資産減価償却率グラフ枠">
          <a:extLst>
            <a:ext uri="{FF2B5EF4-FFF2-40B4-BE49-F238E27FC236}">
              <a16:creationId xmlns:a16="http://schemas.microsoft.com/office/drawing/2014/main" id="{15A52055-19E7-4418-8347-36751CB09BBA}"/>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56211</xdr:rowOff>
    </xdr:from>
    <xdr:to>
      <xdr:col>24</xdr:col>
      <xdr:colOff>62865</xdr:colOff>
      <xdr:row>86</xdr:row>
      <xdr:rowOff>114300</xdr:rowOff>
    </xdr:to>
    <xdr:cxnSp macro="">
      <xdr:nvCxnSpPr>
        <xdr:cNvPr id="290" name="直線コネクタ 289">
          <a:extLst>
            <a:ext uri="{FF2B5EF4-FFF2-40B4-BE49-F238E27FC236}">
              <a16:creationId xmlns:a16="http://schemas.microsoft.com/office/drawing/2014/main" id="{FCF0C10C-D25C-4EFD-9974-7E06E38F739C}"/>
            </a:ext>
          </a:extLst>
        </xdr:cNvPr>
        <xdr:cNvCxnSpPr/>
      </xdr:nvCxnSpPr>
      <xdr:spPr>
        <a:xfrm flipV="1">
          <a:off x="4634865" y="13529311"/>
          <a:ext cx="0" cy="13296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91" name="【福祉施設】&#10;有形固定資産減価償却率最小値テキスト">
          <a:extLst>
            <a:ext uri="{FF2B5EF4-FFF2-40B4-BE49-F238E27FC236}">
              <a16:creationId xmlns:a16="http://schemas.microsoft.com/office/drawing/2014/main" id="{7EF956A2-E616-4C05-9815-38BC1969E499}"/>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92" name="直線コネクタ 291">
          <a:extLst>
            <a:ext uri="{FF2B5EF4-FFF2-40B4-BE49-F238E27FC236}">
              <a16:creationId xmlns:a16="http://schemas.microsoft.com/office/drawing/2014/main" id="{F15C006C-73D4-4332-8720-5466577E9067}"/>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02888</xdr:rowOff>
    </xdr:from>
    <xdr:ext cx="405111" cy="259045"/>
    <xdr:sp macro="" textlink="">
      <xdr:nvSpPr>
        <xdr:cNvPr id="293" name="【福祉施設】&#10;有形固定資産減価償却率最大値テキスト">
          <a:extLst>
            <a:ext uri="{FF2B5EF4-FFF2-40B4-BE49-F238E27FC236}">
              <a16:creationId xmlns:a16="http://schemas.microsoft.com/office/drawing/2014/main" id="{B615A0A2-5D8F-481B-B69C-BF6E21936F32}"/>
            </a:ext>
          </a:extLst>
        </xdr:cNvPr>
        <xdr:cNvSpPr txBox="1"/>
      </xdr:nvSpPr>
      <xdr:spPr>
        <a:xfrm>
          <a:off x="4673600" y="13304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56211</xdr:rowOff>
    </xdr:from>
    <xdr:to>
      <xdr:col>24</xdr:col>
      <xdr:colOff>152400</xdr:colOff>
      <xdr:row>78</xdr:row>
      <xdr:rowOff>156211</xdr:rowOff>
    </xdr:to>
    <xdr:cxnSp macro="">
      <xdr:nvCxnSpPr>
        <xdr:cNvPr id="294" name="直線コネクタ 293">
          <a:extLst>
            <a:ext uri="{FF2B5EF4-FFF2-40B4-BE49-F238E27FC236}">
              <a16:creationId xmlns:a16="http://schemas.microsoft.com/office/drawing/2014/main" id="{35C0E83C-7A4F-4B3C-B3DD-8BD824A4ECC2}"/>
            </a:ext>
          </a:extLst>
        </xdr:cNvPr>
        <xdr:cNvCxnSpPr/>
      </xdr:nvCxnSpPr>
      <xdr:spPr>
        <a:xfrm>
          <a:off x="4546600" y="13529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151147</xdr:rowOff>
    </xdr:from>
    <xdr:ext cx="405111" cy="259045"/>
    <xdr:sp macro="" textlink="">
      <xdr:nvSpPr>
        <xdr:cNvPr id="295" name="【福祉施設】&#10;有形固定資産減価償却率平均値テキスト">
          <a:extLst>
            <a:ext uri="{FF2B5EF4-FFF2-40B4-BE49-F238E27FC236}">
              <a16:creationId xmlns:a16="http://schemas.microsoft.com/office/drawing/2014/main" id="{6C7412A5-CC1A-452F-A4C2-C1EA96CEA4E5}"/>
            </a:ext>
          </a:extLst>
        </xdr:cNvPr>
        <xdr:cNvSpPr txBox="1"/>
      </xdr:nvSpPr>
      <xdr:spPr>
        <a:xfrm>
          <a:off x="4673600" y="1386714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128270</xdr:rowOff>
    </xdr:from>
    <xdr:to>
      <xdr:col>24</xdr:col>
      <xdr:colOff>114300</xdr:colOff>
      <xdr:row>82</xdr:row>
      <xdr:rowOff>58420</xdr:rowOff>
    </xdr:to>
    <xdr:sp macro="" textlink="">
      <xdr:nvSpPr>
        <xdr:cNvPr id="296" name="フローチャート: 判断 295">
          <a:extLst>
            <a:ext uri="{FF2B5EF4-FFF2-40B4-BE49-F238E27FC236}">
              <a16:creationId xmlns:a16="http://schemas.microsoft.com/office/drawing/2014/main" id="{66A91876-9DB8-404B-9363-618FD84A4CF9}"/>
            </a:ext>
          </a:extLst>
        </xdr:cNvPr>
        <xdr:cNvSpPr/>
      </xdr:nvSpPr>
      <xdr:spPr>
        <a:xfrm>
          <a:off x="4584700" y="14015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13030</xdr:rowOff>
    </xdr:from>
    <xdr:to>
      <xdr:col>20</xdr:col>
      <xdr:colOff>38100</xdr:colOff>
      <xdr:row>82</xdr:row>
      <xdr:rowOff>43180</xdr:rowOff>
    </xdr:to>
    <xdr:sp macro="" textlink="">
      <xdr:nvSpPr>
        <xdr:cNvPr id="297" name="フローチャート: 判断 296">
          <a:extLst>
            <a:ext uri="{FF2B5EF4-FFF2-40B4-BE49-F238E27FC236}">
              <a16:creationId xmlns:a16="http://schemas.microsoft.com/office/drawing/2014/main" id="{8C87D0D6-A16E-4E1C-80CB-13082A0ABB48}"/>
            </a:ext>
          </a:extLst>
        </xdr:cNvPr>
        <xdr:cNvSpPr/>
      </xdr:nvSpPr>
      <xdr:spPr>
        <a:xfrm>
          <a:off x="3746500" y="1400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298" name="フローチャート: 判断 297">
          <a:extLst>
            <a:ext uri="{FF2B5EF4-FFF2-40B4-BE49-F238E27FC236}">
              <a16:creationId xmlns:a16="http://schemas.microsoft.com/office/drawing/2014/main" id="{CCAB63E4-F79C-47AF-9479-85EE221D2A7D}"/>
            </a:ext>
          </a:extLst>
        </xdr:cNvPr>
        <xdr:cNvSpPr/>
      </xdr:nvSpPr>
      <xdr:spPr>
        <a:xfrm>
          <a:off x="2857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90170</xdr:rowOff>
    </xdr:from>
    <xdr:to>
      <xdr:col>10</xdr:col>
      <xdr:colOff>165100</xdr:colOff>
      <xdr:row>82</xdr:row>
      <xdr:rowOff>20320</xdr:rowOff>
    </xdr:to>
    <xdr:sp macro="" textlink="">
      <xdr:nvSpPr>
        <xdr:cNvPr id="299" name="フローチャート: 判断 298">
          <a:extLst>
            <a:ext uri="{FF2B5EF4-FFF2-40B4-BE49-F238E27FC236}">
              <a16:creationId xmlns:a16="http://schemas.microsoft.com/office/drawing/2014/main" id="{FA102ACA-F0D2-4FDD-87CE-D8661F78F881}"/>
            </a:ext>
          </a:extLst>
        </xdr:cNvPr>
        <xdr:cNvSpPr/>
      </xdr:nvSpPr>
      <xdr:spPr>
        <a:xfrm>
          <a:off x="1968500" y="1397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1</xdr:row>
      <xdr:rowOff>67311</xdr:rowOff>
    </xdr:from>
    <xdr:to>
      <xdr:col>6</xdr:col>
      <xdr:colOff>38100</xdr:colOff>
      <xdr:row>81</xdr:row>
      <xdr:rowOff>168911</xdr:rowOff>
    </xdr:to>
    <xdr:sp macro="" textlink="">
      <xdr:nvSpPr>
        <xdr:cNvPr id="300" name="フローチャート: 判断 299">
          <a:extLst>
            <a:ext uri="{FF2B5EF4-FFF2-40B4-BE49-F238E27FC236}">
              <a16:creationId xmlns:a16="http://schemas.microsoft.com/office/drawing/2014/main" id="{5AFE1176-8C11-40A5-836C-A1C1A25FEE21}"/>
            </a:ext>
          </a:extLst>
        </xdr:cNvPr>
        <xdr:cNvSpPr/>
      </xdr:nvSpPr>
      <xdr:spPr>
        <a:xfrm>
          <a:off x="1079500" y="13954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id="{4BA58DC1-B3F8-4E22-B717-A152CD9FDFD5}"/>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id="{2E77715A-976E-4BBC-9A8F-21ED917B8B28}"/>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3" name="テキスト ボックス 302">
          <a:extLst>
            <a:ext uri="{FF2B5EF4-FFF2-40B4-BE49-F238E27FC236}">
              <a16:creationId xmlns:a16="http://schemas.microsoft.com/office/drawing/2014/main" id="{CA473B86-3EE0-4AB1-B4C8-FAE1ADCC89AF}"/>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4" name="テキスト ボックス 303">
          <a:extLst>
            <a:ext uri="{FF2B5EF4-FFF2-40B4-BE49-F238E27FC236}">
              <a16:creationId xmlns:a16="http://schemas.microsoft.com/office/drawing/2014/main" id="{E8EAF4F8-16B5-43EB-A3FB-43A062D4808B}"/>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5" name="テキスト ボックス 304">
          <a:extLst>
            <a:ext uri="{FF2B5EF4-FFF2-40B4-BE49-F238E27FC236}">
              <a16:creationId xmlns:a16="http://schemas.microsoft.com/office/drawing/2014/main" id="{716AE296-C80F-4976-AF9A-1EA1580CEA02}"/>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47320</xdr:rowOff>
    </xdr:from>
    <xdr:to>
      <xdr:col>24</xdr:col>
      <xdr:colOff>114300</xdr:colOff>
      <xdr:row>84</xdr:row>
      <xdr:rowOff>77470</xdr:rowOff>
    </xdr:to>
    <xdr:sp macro="" textlink="">
      <xdr:nvSpPr>
        <xdr:cNvPr id="306" name="楕円 305">
          <a:extLst>
            <a:ext uri="{FF2B5EF4-FFF2-40B4-BE49-F238E27FC236}">
              <a16:creationId xmlns:a16="http://schemas.microsoft.com/office/drawing/2014/main" id="{74E8F98E-5B6E-4298-B1B7-094DAEA1EEAC}"/>
            </a:ext>
          </a:extLst>
        </xdr:cNvPr>
        <xdr:cNvSpPr/>
      </xdr:nvSpPr>
      <xdr:spPr>
        <a:xfrm>
          <a:off x="4584700" y="14377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3</xdr:row>
      <xdr:rowOff>125747</xdr:rowOff>
    </xdr:from>
    <xdr:ext cx="405111" cy="259045"/>
    <xdr:sp macro="" textlink="">
      <xdr:nvSpPr>
        <xdr:cNvPr id="307" name="【福祉施設】&#10;有形固定資産減価償却率該当値テキスト">
          <a:extLst>
            <a:ext uri="{FF2B5EF4-FFF2-40B4-BE49-F238E27FC236}">
              <a16:creationId xmlns:a16="http://schemas.microsoft.com/office/drawing/2014/main" id="{E4B7D40B-DF5E-42AA-9186-2F09092F4E79}"/>
            </a:ext>
          </a:extLst>
        </xdr:cNvPr>
        <xdr:cNvSpPr txBox="1"/>
      </xdr:nvSpPr>
      <xdr:spPr>
        <a:xfrm>
          <a:off x="4673600" y="14356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95886</xdr:rowOff>
    </xdr:from>
    <xdr:to>
      <xdr:col>20</xdr:col>
      <xdr:colOff>38100</xdr:colOff>
      <xdr:row>84</xdr:row>
      <xdr:rowOff>26036</xdr:rowOff>
    </xdr:to>
    <xdr:sp macro="" textlink="">
      <xdr:nvSpPr>
        <xdr:cNvPr id="308" name="楕円 307">
          <a:extLst>
            <a:ext uri="{FF2B5EF4-FFF2-40B4-BE49-F238E27FC236}">
              <a16:creationId xmlns:a16="http://schemas.microsoft.com/office/drawing/2014/main" id="{475A1617-85F4-4A7F-814B-FEE7D9C82C43}"/>
            </a:ext>
          </a:extLst>
        </xdr:cNvPr>
        <xdr:cNvSpPr/>
      </xdr:nvSpPr>
      <xdr:spPr>
        <a:xfrm>
          <a:off x="3746500" y="1432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146686</xdr:rowOff>
    </xdr:from>
    <xdr:to>
      <xdr:col>24</xdr:col>
      <xdr:colOff>63500</xdr:colOff>
      <xdr:row>84</xdr:row>
      <xdr:rowOff>26670</xdr:rowOff>
    </xdr:to>
    <xdr:cxnSp macro="">
      <xdr:nvCxnSpPr>
        <xdr:cNvPr id="309" name="直線コネクタ 308">
          <a:extLst>
            <a:ext uri="{FF2B5EF4-FFF2-40B4-BE49-F238E27FC236}">
              <a16:creationId xmlns:a16="http://schemas.microsoft.com/office/drawing/2014/main" id="{C4A38362-592F-4357-BD5C-5E9D4256D5BD}"/>
            </a:ext>
          </a:extLst>
        </xdr:cNvPr>
        <xdr:cNvCxnSpPr/>
      </xdr:nvCxnSpPr>
      <xdr:spPr>
        <a:xfrm>
          <a:off x="3797300" y="14377036"/>
          <a:ext cx="8382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44450</xdr:rowOff>
    </xdr:from>
    <xdr:to>
      <xdr:col>15</xdr:col>
      <xdr:colOff>101600</xdr:colOff>
      <xdr:row>83</xdr:row>
      <xdr:rowOff>146050</xdr:rowOff>
    </xdr:to>
    <xdr:sp macro="" textlink="">
      <xdr:nvSpPr>
        <xdr:cNvPr id="310" name="楕円 309">
          <a:extLst>
            <a:ext uri="{FF2B5EF4-FFF2-40B4-BE49-F238E27FC236}">
              <a16:creationId xmlns:a16="http://schemas.microsoft.com/office/drawing/2014/main" id="{48440C27-F89A-4EB8-8D7A-C0C6C2B9A117}"/>
            </a:ext>
          </a:extLst>
        </xdr:cNvPr>
        <xdr:cNvSpPr/>
      </xdr:nvSpPr>
      <xdr:spPr>
        <a:xfrm>
          <a:off x="2857500" y="14274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95250</xdr:rowOff>
    </xdr:from>
    <xdr:to>
      <xdr:col>19</xdr:col>
      <xdr:colOff>177800</xdr:colOff>
      <xdr:row>83</xdr:row>
      <xdr:rowOff>146686</xdr:rowOff>
    </xdr:to>
    <xdr:cxnSp macro="">
      <xdr:nvCxnSpPr>
        <xdr:cNvPr id="311" name="直線コネクタ 310">
          <a:extLst>
            <a:ext uri="{FF2B5EF4-FFF2-40B4-BE49-F238E27FC236}">
              <a16:creationId xmlns:a16="http://schemas.microsoft.com/office/drawing/2014/main" id="{E95AAEF3-8834-46A6-A716-4474EA44EE97}"/>
            </a:ext>
          </a:extLst>
        </xdr:cNvPr>
        <xdr:cNvCxnSpPr/>
      </xdr:nvCxnSpPr>
      <xdr:spPr>
        <a:xfrm>
          <a:off x="2908300" y="14325600"/>
          <a:ext cx="8890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2</xdr:row>
      <xdr:rowOff>164464</xdr:rowOff>
    </xdr:from>
    <xdr:to>
      <xdr:col>10</xdr:col>
      <xdr:colOff>165100</xdr:colOff>
      <xdr:row>83</xdr:row>
      <xdr:rowOff>94614</xdr:rowOff>
    </xdr:to>
    <xdr:sp macro="" textlink="">
      <xdr:nvSpPr>
        <xdr:cNvPr id="312" name="楕円 311">
          <a:extLst>
            <a:ext uri="{FF2B5EF4-FFF2-40B4-BE49-F238E27FC236}">
              <a16:creationId xmlns:a16="http://schemas.microsoft.com/office/drawing/2014/main" id="{2B9F85D0-312A-44E7-A8AC-D90DA0CB4AA5}"/>
            </a:ext>
          </a:extLst>
        </xdr:cNvPr>
        <xdr:cNvSpPr/>
      </xdr:nvSpPr>
      <xdr:spPr>
        <a:xfrm>
          <a:off x="1968500" y="14223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3</xdr:row>
      <xdr:rowOff>43814</xdr:rowOff>
    </xdr:from>
    <xdr:to>
      <xdr:col>15</xdr:col>
      <xdr:colOff>50800</xdr:colOff>
      <xdr:row>83</xdr:row>
      <xdr:rowOff>95250</xdr:rowOff>
    </xdr:to>
    <xdr:cxnSp macro="">
      <xdr:nvCxnSpPr>
        <xdr:cNvPr id="313" name="直線コネクタ 312">
          <a:extLst>
            <a:ext uri="{FF2B5EF4-FFF2-40B4-BE49-F238E27FC236}">
              <a16:creationId xmlns:a16="http://schemas.microsoft.com/office/drawing/2014/main" id="{293EF8A0-2263-4CC4-B86E-56016B1B1280}"/>
            </a:ext>
          </a:extLst>
        </xdr:cNvPr>
        <xdr:cNvCxnSpPr/>
      </xdr:nvCxnSpPr>
      <xdr:spPr>
        <a:xfrm>
          <a:off x="2019300" y="14274164"/>
          <a:ext cx="889000" cy="51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2</xdr:row>
      <xdr:rowOff>113030</xdr:rowOff>
    </xdr:from>
    <xdr:to>
      <xdr:col>6</xdr:col>
      <xdr:colOff>38100</xdr:colOff>
      <xdr:row>83</xdr:row>
      <xdr:rowOff>43180</xdr:rowOff>
    </xdr:to>
    <xdr:sp macro="" textlink="">
      <xdr:nvSpPr>
        <xdr:cNvPr id="314" name="楕円 313">
          <a:extLst>
            <a:ext uri="{FF2B5EF4-FFF2-40B4-BE49-F238E27FC236}">
              <a16:creationId xmlns:a16="http://schemas.microsoft.com/office/drawing/2014/main" id="{6A61C58F-51A5-43FC-B423-E54F77A45709}"/>
            </a:ext>
          </a:extLst>
        </xdr:cNvPr>
        <xdr:cNvSpPr/>
      </xdr:nvSpPr>
      <xdr:spPr>
        <a:xfrm>
          <a:off x="1079500" y="14171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2</xdr:row>
      <xdr:rowOff>163830</xdr:rowOff>
    </xdr:from>
    <xdr:to>
      <xdr:col>10</xdr:col>
      <xdr:colOff>114300</xdr:colOff>
      <xdr:row>83</xdr:row>
      <xdr:rowOff>43814</xdr:rowOff>
    </xdr:to>
    <xdr:cxnSp macro="">
      <xdr:nvCxnSpPr>
        <xdr:cNvPr id="315" name="直線コネクタ 314">
          <a:extLst>
            <a:ext uri="{FF2B5EF4-FFF2-40B4-BE49-F238E27FC236}">
              <a16:creationId xmlns:a16="http://schemas.microsoft.com/office/drawing/2014/main" id="{D8F645FC-7973-48B6-AA9A-79C9741F58CC}"/>
            </a:ext>
          </a:extLst>
        </xdr:cNvPr>
        <xdr:cNvCxnSpPr/>
      </xdr:nvCxnSpPr>
      <xdr:spPr>
        <a:xfrm>
          <a:off x="1130300" y="14222730"/>
          <a:ext cx="889000" cy="51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59707</xdr:rowOff>
    </xdr:from>
    <xdr:ext cx="405111" cy="259045"/>
    <xdr:sp macro="" textlink="">
      <xdr:nvSpPr>
        <xdr:cNvPr id="316" name="n_1aveValue【福祉施設】&#10;有形固定資産減価償却率">
          <a:extLst>
            <a:ext uri="{FF2B5EF4-FFF2-40B4-BE49-F238E27FC236}">
              <a16:creationId xmlns:a16="http://schemas.microsoft.com/office/drawing/2014/main" id="{8E58E225-2EC5-4012-98BB-89BE6CA8BDF6}"/>
            </a:ext>
          </a:extLst>
        </xdr:cNvPr>
        <xdr:cNvSpPr txBox="1"/>
      </xdr:nvSpPr>
      <xdr:spPr>
        <a:xfrm>
          <a:off x="3582044" y="1377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52088</xdr:rowOff>
    </xdr:from>
    <xdr:ext cx="405111" cy="259045"/>
    <xdr:sp macro="" textlink="">
      <xdr:nvSpPr>
        <xdr:cNvPr id="317" name="n_2aveValue【福祉施設】&#10;有形固定資産減価償却率">
          <a:extLst>
            <a:ext uri="{FF2B5EF4-FFF2-40B4-BE49-F238E27FC236}">
              <a16:creationId xmlns:a16="http://schemas.microsoft.com/office/drawing/2014/main" id="{77D54344-EAA7-4563-B498-9910A48B627A}"/>
            </a:ext>
          </a:extLst>
        </xdr:cNvPr>
        <xdr:cNvSpPr txBox="1"/>
      </xdr:nvSpPr>
      <xdr:spPr>
        <a:xfrm>
          <a:off x="2705744" y="13768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36847</xdr:rowOff>
    </xdr:from>
    <xdr:ext cx="405111" cy="259045"/>
    <xdr:sp macro="" textlink="">
      <xdr:nvSpPr>
        <xdr:cNvPr id="318" name="n_3aveValue【福祉施設】&#10;有形固定資産減価償却率">
          <a:extLst>
            <a:ext uri="{FF2B5EF4-FFF2-40B4-BE49-F238E27FC236}">
              <a16:creationId xmlns:a16="http://schemas.microsoft.com/office/drawing/2014/main" id="{E85A596E-476B-46D7-A721-F12CA9390A9E}"/>
            </a:ext>
          </a:extLst>
        </xdr:cNvPr>
        <xdr:cNvSpPr txBox="1"/>
      </xdr:nvSpPr>
      <xdr:spPr>
        <a:xfrm>
          <a:off x="1816744" y="1375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0</xdr:row>
      <xdr:rowOff>13988</xdr:rowOff>
    </xdr:from>
    <xdr:ext cx="405111" cy="259045"/>
    <xdr:sp macro="" textlink="">
      <xdr:nvSpPr>
        <xdr:cNvPr id="319" name="n_4aveValue【福祉施設】&#10;有形固定資産減価償却率">
          <a:extLst>
            <a:ext uri="{FF2B5EF4-FFF2-40B4-BE49-F238E27FC236}">
              <a16:creationId xmlns:a16="http://schemas.microsoft.com/office/drawing/2014/main" id="{EAA2AD0E-D8A4-4377-BDB0-4A461CD119F4}"/>
            </a:ext>
          </a:extLst>
        </xdr:cNvPr>
        <xdr:cNvSpPr txBox="1"/>
      </xdr:nvSpPr>
      <xdr:spPr>
        <a:xfrm>
          <a:off x="927744" y="1372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7163</xdr:rowOff>
    </xdr:from>
    <xdr:ext cx="405111" cy="259045"/>
    <xdr:sp macro="" textlink="">
      <xdr:nvSpPr>
        <xdr:cNvPr id="320" name="n_1mainValue【福祉施設】&#10;有形固定資産減価償却率">
          <a:extLst>
            <a:ext uri="{FF2B5EF4-FFF2-40B4-BE49-F238E27FC236}">
              <a16:creationId xmlns:a16="http://schemas.microsoft.com/office/drawing/2014/main" id="{F0E80DD4-C624-422E-BE19-FED3D611C37D}"/>
            </a:ext>
          </a:extLst>
        </xdr:cNvPr>
        <xdr:cNvSpPr txBox="1"/>
      </xdr:nvSpPr>
      <xdr:spPr>
        <a:xfrm>
          <a:off x="3582044" y="14418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37177</xdr:rowOff>
    </xdr:from>
    <xdr:ext cx="405111" cy="259045"/>
    <xdr:sp macro="" textlink="">
      <xdr:nvSpPr>
        <xdr:cNvPr id="321" name="n_2mainValue【福祉施設】&#10;有形固定資産減価償却率">
          <a:extLst>
            <a:ext uri="{FF2B5EF4-FFF2-40B4-BE49-F238E27FC236}">
              <a16:creationId xmlns:a16="http://schemas.microsoft.com/office/drawing/2014/main" id="{86BEC9E1-17C4-401A-9B19-43F507048DD0}"/>
            </a:ext>
          </a:extLst>
        </xdr:cNvPr>
        <xdr:cNvSpPr txBox="1"/>
      </xdr:nvSpPr>
      <xdr:spPr>
        <a:xfrm>
          <a:off x="2705744" y="1436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85741</xdr:rowOff>
    </xdr:from>
    <xdr:ext cx="405111" cy="259045"/>
    <xdr:sp macro="" textlink="">
      <xdr:nvSpPr>
        <xdr:cNvPr id="322" name="n_3mainValue【福祉施設】&#10;有形固定資産減価償却率">
          <a:extLst>
            <a:ext uri="{FF2B5EF4-FFF2-40B4-BE49-F238E27FC236}">
              <a16:creationId xmlns:a16="http://schemas.microsoft.com/office/drawing/2014/main" id="{2D4C7390-81F4-4B69-AA52-0BE1231B6378}"/>
            </a:ext>
          </a:extLst>
        </xdr:cNvPr>
        <xdr:cNvSpPr txBox="1"/>
      </xdr:nvSpPr>
      <xdr:spPr>
        <a:xfrm>
          <a:off x="1816744" y="143160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34307</xdr:rowOff>
    </xdr:from>
    <xdr:ext cx="405111" cy="259045"/>
    <xdr:sp macro="" textlink="">
      <xdr:nvSpPr>
        <xdr:cNvPr id="323" name="n_4mainValue【福祉施設】&#10;有形固定資産減価償却率">
          <a:extLst>
            <a:ext uri="{FF2B5EF4-FFF2-40B4-BE49-F238E27FC236}">
              <a16:creationId xmlns:a16="http://schemas.microsoft.com/office/drawing/2014/main" id="{A9AAC651-2858-4F2A-87F7-155267CC5C4A}"/>
            </a:ext>
          </a:extLst>
        </xdr:cNvPr>
        <xdr:cNvSpPr txBox="1"/>
      </xdr:nvSpPr>
      <xdr:spPr>
        <a:xfrm>
          <a:off x="927744" y="1426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4" name="正方形/長方形 323">
          <a:extLst>
            <a:ext uri="{FF2B5EF4-FFF2-40B4-BE49-F238E27FC236}">
              <a16:creationId xmlns:a16="http://schemas.microsoft.com/office/drawing/2014/main" id="{893E54C0-BA52-4859-A4B1-95214DB9B1E7}"/>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5" name="正方形/長方形 324">
          <a:extLst>
            <a:ext uri="{FF2B5EF4-FFF2-40B4-BE49-F238E27FC236}">
              <a16:creationId xmlns:a16="http://schemas.microsoft.com/office/drawing/2014/main" id="{6475FBC3-67E3-4E24-B133-503F59334874}"/>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6" name="正方形/長方形 325">
          <a:extLst>
            <a:ext uri="{FF2B5EF4-FFF2-40B4-BE49-F238E27FC236}">
              <a16:creationId xmlns:a16="http://schemas.microsoft.com/office/drawing/2014/main" id="{8FABE7AC-F000-452B-B5C9-F324D59E6152}"/>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7" name="正方形/長方形 326">
          <a:extLst>
            <a:ext uri="{FF2B5EF4-FFF2-40B4-BE49-F238E27FC236}">
              <a16:creationId xmlns:a16="http://schemas.microsoft.com/office/drawing/2014/main" id="{F02635C8-C545-42F0-A6CF-62C2894B69E9}"/>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8" name="正方形/長方形 327">
          <a:extLst>
            <a:ext uri="{FF2B5EF4-FFF2-40B4-BE49-F238E27FC236}">
              <a16:creationId xmlns:a16="http://schemas.microsoft.com/office/drawing/2014/main" id="{87FFCD37-73F1-4AB8-935C-5BFCE8F062FC}"/>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9" name="正方形/長方形 328">
          <a:extLst>
            <a:ext uri="{FF2B5EF4-FFF2-40B4-BE49-F238E27FC236}">
              <a16:creationId xmlns:a16="http://schemas.microsoft.com/office/drawing/2014/main" id="{D54D634E-D1A9-400F-9DB7-EF44B1E315D5}"/>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30" name="正方形/長方形 329">
          <a:extLst>
            <a:ext uri="{FF2B5EF4-FFF2-40B4-BE49-F238E27FC236}">
              <a16:creationId xmlns:a16="http://schemas.microsoft.com/office/drawing/2014/main" id="{7F9E06B6-0754-40FA-AFEC-4B24A0FFBB96}"/>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31" name="正方形/長方形 330">
          <a:extLst>
            <a:ext uri="{FF2B5EF4-FFF2-40B4-BE49-F238E27FC236}">
              <a16:creationId xmlns:a16="http://schemas.microsoft.com/office/drawing/2014/main" id="{1C13C88C-0127-4674-A0B6-59ED221F2E2C}"/>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32" name="テキスト ボックス 331">
          <a:extLst>
            <a:ext uri="{FF2B5EF4-FFF2-40B4-BE49-F238E27FC236}">
              <a16:creationId xmlns:a16="http://schemas.microsoft.com/office/drawing/2014/main" id="{E0DDBBF7-64F0-456F-9244-40F4374D8BF2}"/>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3" name="直線コネクタ 332">
          <a:extLst>
            <a:ext uri="{FF2B5EF4-FFF2-40B4-BE49-F238E27FC236}">
              <a16:creationId xmlns:a16="http://schemas.microsoft.com/office/drawing/2014/main" id="{C186DE4A-0143-456C-BB1D-F95C4494D0B8}"/>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34" name="直線コネクタ 333">
          <a:extLst>
            <a:ext uri="{FF2B5EF4-FFF2-40B4-BE49-F238E27FC236}">
              <a16:creationId xmlns:a16="http://schemas.microsoft.com/office/drawing/2014/main" id="{726C8182-F192-40C3-893E-F72C84055EC4}"/>
            </a:ext>
          </a:extLst>
        </xdr:cNvPr>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35" name="テキスト ボックス 334">
          <a:extLst>
            <a:ext uri="{FF2B5EF4-FFF2-40B4-BE49-F238E27FC236}">
              <a16:creationId xmlns:a16="http://schemas.microsoft.com/office/drawing/2014/main" id="{98FF7EBF-0200-4B84-AE40-6A2E0F6C5F3B}"/>
            </a:ext>
          </a:extLst>
        </xdr:cNvPr>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36" name="直線コネクタ 335">
          <a:extLst>
            <a:ext uri="{FF2B5EF4-FFF2-40B4-BE49-F238E27FC236}">
              <a16:creationId xmlns:a16="http://schemas.microsoft.com/office/drawing/2014/main" id="{AFE24948-516F-4127-9EFA-32412E21A519}"/>
            </a:ext>
          </a:extLst>
        </xdr:cNvPr>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37" name="テキスト ボックス 336">
          <a:extLst>
            <a:ext uri="{FF2B5EF4-FFF2-40B4-BE49-F238E27FC236}">
              <a16:creationId xmlns:a16="http://schemas.microsoft.com/office/drawing/2014/main" id="{978057D8-0E71-4FF3-A638-BBF595295282}"/>
            </a:ext>
          </a:extLst>
        </xdr:cNvPr>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38" name="直線コネクタ 337">
          <a:extLst>
            <a:ext uri="{FF2B5EF4-FFF2-40B4-BE49-F238E27FC236}">
              <a16:creationId xmlns:a16="http://schemas.microsoft.com/office/drawing/2014/main" id="{07A2C710-4DCA-4D2D-8C4E-7D01B3D223B0}"/>
            </a:ext>
          </a:extLst>
        </xdr:cNvPr>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39" name="テキスト ボックス 338">
          <a:extLst>
            <a:ext uri="{FF2B5EF4-FFF2-40B4-BE49-F238E27FC236}">
              <a16:creationId xmlns:a16="http://schemas.microsoft.com/office/drawing/2014/main" id="{133E2D58-D391-4DBA-A02D-F7F20CB06595}"/>
            </a:ext>
          </a:extLst>
        </xdr:cNvPr>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40" name="直線コネクタ 339">
          <a:extLst>
            <a:ext uri="{FF2B5EF4-FFF2-40B4-BE49-F238E27FC236}">
              <a16:creationId xmlns:a16="http://schemas.microsoft.com/office/drawing/2014/main" id="{3D21F6BD-B872-470A-915A-5C6C04A3B447}"/>
            </a:ext>
          </a:extLst>
        </xdr:cNvPr>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41" name="テキスト ボックス 340">
          <a:extLst>
            <a:ext uri="{FF2B5EF4-FFF2-40B4-BE49-F238E27FC236}">
              <a16:creationId xmlns:a16="http://schemas.microsoft.com/office/drawing/2014/main" id="{A5A2B093-0B1B-4823-A263-4ECD8757DBA7}"/>
            </a:ext>
          </a:extLst>
        </xdr:cNvPr>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42" name="直線コネクタ 341">
          <a:extLst>
            <a:ext uri="{FF2B5EF4-FFF2-40B4-BE49-F238E27FC236}">
              <a16:creationId xmlns:a16="http://schemas.microsoft.com/office/drawing/2014/main" id="{A2ACCA70-06DA-4047-9EBD-68764C123FAF}"/>
            </a:ext>
          </a:extLst>
        </xdr:cNvPr>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43" name="テキスト ボックス 342">
          <a:extLst>
            <a:ext uri="{FF2B5EF4-FFF2-40B4-BE49-F238E27FC236}">
              <a16:creationId xmlns:a16="http://schemas.microsoft.com/office/drawing/2014/main" id="{A12D7839-83AF-4E5F-A025-403343062EDD}"/>
            </a:ext>
          </a:extLst>
        </xdr:cNvPr>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44" name="直線コネクタ 343">
          <a:extLst>
            <a:ext uri="{FF2B5EF4-FFF2-40B4-BE49-F238E27FC236}">
              <a16:creationId xmlns:a16="http://schemas.microsoft.com/office/drawing/2014/main" id="{A582338A-51E2-474D-8370-032C3BA4063E}"/>
            </a:ext>
          </a:extLst>
        </xdr:cNvPr>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45" name="テキスト ボックス 344">
          <a:extLst>
            <a:ext uri="{FF2B5EF4-FFF2-40B4-BE49-F238E27FC236}">
              <a16:creationId xmlns:a16="http://schemas.microsoft.com/office/drawing/2014/main" id="{1E676621-618E-4D65-9351-6FADBFBA0FD0}"/>
            </a:ext>
          </a:extLst>
        </xdr:cNvPr>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46" name="直線コネクタ 345">
          <a:extLst>
            <a:ext uri="{FF2B5EF4-FFF2-40B4-BE49-F238E27FC236}">
              <a16:creationId xmlns:a16="http://schemas.microsoft.com/office/drawing/2014/main" id="{ADBD6C9D-BC72-4CBD-B55B-DC2F4A1907D5}"/>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47" name="テキスト ボックス 346">
          <a:extLst>
            <a:ext uri="{FF2B5EF4-FFF2-40B4-BE49-F238E27FC236}">
              <a16:creationId xmlns:a16="http://schemas.microsoft.com/office/drawing/2014/main" id="{77732E62-F37A-417F-B24C-372277F70060}"/>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8" name="【福祉施設】&#10;一人当たり面積グラフ枠">
          <a:extLst>
            <a:ext uri="{FF2B5EF4-FFF2-40B4-BE49-F238E27FC236}">
              <a16:creationId xmlns:a16="http://schemas.microsoft.com/office/drawing/2014/main" id="{36CF5B75-A186-4AEE-88FA-2FB8FAB6F37B}"/>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14300</xdr:rowOff>
    </xdr:from>
    <xdr:to>
      <xdr:col>54</xdr:col>
      <xdr:colOff>189865</xdr:colOff>
      <xdr:row>86</xdr:row>
      <xdr:rowOff>125186</xdr:rowOff>
    </xdr:to>
    <xdr:cxnSp macro="">
      <xdr:nvCxnSpPr>
        <xdr:cNvPr id="349" name="直線コネクタ 348">
          <a:extLst>
            <a:ext uri="{FF2B5EF4-FFF2-40B4-BE49-F238E27FC236}">
              <a16:creationId xmlns:a16="http://schemas.microsoft.com/office/drawing/2014/main" id="{AF9B96D2-9798-43D9-A1DB-959AA40CC343}"/>
            </a:ext>
          </a:extLst>
        </xdr:cNvPr>
        <xdr:cNvCxnSpPr/>
      </xdr:nvCxnSpPr>
      <xdr:spPr>
        <a:xfrm flipV="1">
          <a:off x="10476865" y="13487400"/>
          <a:ext cx="0" cy="13824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29013</xdr:rowOff>
    </xdr:from>
    <xdr:ext cx="469744" cy="259045"/>
    <xdr:sp macro="" textlink="">
      <xdr:nvSpPr>
        <xdr:cNvPr id="350" name="【福祉施設】&#10;一人当たり面積最小値テキスト">
          <a:extLst>
            <a:ext uri="{FF2B5EF4-FFF2-40B4-BE49-F238E27FC236}">
              <a16:creationId xmlns:a16="http://schemas.microsoft.com/office/drawing/2014/main" id="{C765C226-4D95-4EB7-9059-57E6752AD836}"/>
            </a:ext>
          </a:extLst>
        </xdr:cNvPr>
        <xdr:cNvSpPr txBox="1"/>
      </xdr:nvSpPr>
      <xdr:spPr>
        <a:xfrm>
          <a:off x="10515600" y="14873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25186</xdr:rowOff>
    </xdr:from>
    <xdr:to>
      <xdr:col>55</xdr:col>
      <xdr:colOff>88900</xdr:colOff>
      <xdr:row>86</xdr:row>
      <xdr:rowOff>125186</xdr:rowOff>
    </xdr:to>
    <xdr:cxnSp macro="">
      <xdr:nvCxnSpPr>
        <xdr:cNvPr id="351" name="直線コネクタ 350">
          <a:extLst>
            <a:ext uri="{FF2B5EF4-FFF2-40B4-BE49-F238E27FC236}">
              <a16:creationId xmlns:a16="http://schemas.microsoft.com/office/drawing/2014/main" id="{2FD6D700-E3ED-4C83-8284-FFE6732D8F94}"/>
            </a:ext>
          </a:extLst>
        </xdr:cNvPr>
        <xdr:cNvCxnSpPr/>
      </xdr:nvCxnSpPr>
      <xdr:spPr>
        <a:xfrm>
          <a:off x="10388600" y="14869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60977</xdr:rowOff>
    </xdr:from>
    <xdr:ext cx="469744" cy="259045"/>
    <xdr:sp macro="" textlink="">
      <xdr:nvSpPr>
        <xdr:cNvPr id="352" name="【福祉施設】&#10;一人当たり面積最大値テキスト">
          <a:extLst>
            <a:ext uri="{FF2B5EF4-FFF2-40B4-BE49-F238E27FC236}">
              <a16:creationId xmlns:a16="http://schemas.microsoft.com/office/drawing/2014/main" id="{C97C5601-D4F3-4BCA-BCEA-52F73A605603}"/>
            </a:ext>
          </a:extLst>
        </xdr:cNvPr>
        <xdr:cNvSpPr txBox="1"/>
      </xdr:nvSpPr>
      <xdr:spPr>
        <a:xfrm>
          <a:off x="10515600" y="1326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14300</xdr:rowOff>
    </xdr:from>
    <xdr:to>
      <xdr:col>55</xdr:col>
      <xdr:colOff>88900</xdr:colOff>
      <xdr:row>78</xdr:row>
      <xdr:rowOff>114300</xdr:rowOff>
    </xdr:to>
    <xdr:cxnSp macro="">
      <xdr:nvCxnSpPr>
        <xdr:cNvPr id="353" name="直線コネクタ 352">
          <a:extLst>
            <a:ext uri="{FF2B5EF4-FFF2-40B4-BE49-F238E27FC236}">
              <a16:creationId xmlns:a16="http://schemas.microsoft.com/office/drawing/2014/main" id="{5E13C6B0-1A99-463A-8A88-E747185ED2E3}"/>
            </a:ext>
          </a:extLst>
        </xdr:cNvPr>
        <xdr:cNvCxnSpPr/>
      </xdr:nvCxnSpPr>
      <xdr:spPr>
        <a:xfrm>
          <a:off x="10388600" y="13487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121756</xdr:rowOff>
    </xdr:from>
    <xdr:ext cx="469744" cy="259045"/>
    <xdr:sp macro="" textlink="">
      <xdr:nvSpPr>
        <xdr:cNvPr id="354" name="【福祉施設】&#10;一人当たり面積平均値テキスト">
          <a:extLst>
            <a:ext uri="{FF2B5EF4-FFF2-40B4-BE49-F238E27FC236}">
              <a16:creationId xmlns:a16="http://schemas.microsoft.com/office/drawing/2014/main" id="{B554BDF1-A562-4E90-B189-9B35CB75244F}"/>
            </a:ext>
          </a:extLst>
        </xdr:cNvPr>
        <xdr:cNvSpPr txBox="1"/>
      </xdr:nvSpPr>
      <xdr:spPr>
        <a:xfrm>
          <a:off x="10515600" y="141806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98879</xdr:rowOff>
    </xdr:from>
    <xdr:to>
      <xdr:col>55</xdr:col>
      <xdr:colOff>50800</xdr:colOff>
      <xdr:row>84</xdr:row>
      <xdr:rowOff>29029</xdr:rowOff>
    </xdr:to>
    <xdr:sp macro="" textlink="">
      <xdr:nvSpPr>
        <xdr:cNvPr id="355" name="フローチャート: 判断 354">
          <a:extLst>
            <a:ext uri="{FF2B5EF4-FFF2-40B4-BE49-F238E27FC236}">
              <a16:creationId xmlns:a16="http://schemas.microsoft.com/office/drawing/2014/main" id="{9692C39A-72FB-4651-B52F-89F209D9ED9C}"/>
            </a:ext>
          </a:extLst>
        </xdr:cNvPr>
        <xdr:cNvSpPr/>
      </xdr:nvSpPr>
      <xdr:spPr>
        <a:xfrm>
          <a:off x="10426700" y="14329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3</xdr:row>
      <xdr:rowOff>66221</xdr:rowOff>
    </xdr:from>
    <xdr:to>
      <xdr:col>50</xdr:col>
      <xdr:colOff>165100</xdr:colOff>
      <xdr:row>83</xdr:row>
      <xdr:rowOff>167821</xdr:rowOff>
    </xdr:to>
    <xdr:sp macro="" textlink="">
      <xdr:nvSpPr>
        <xdr:cNvPr id="356" name="フローチャート: 判断 355">
          <a:extLst>
            <a:ext uri="{FF2B5EF4-FFF2-40B4-BE49-F238E27FC236}">
              <a16:creationId xmlns:a16="http://schemas.microsoft.com/office/drawing/2014/main" id="{4CB1DEE3-C202-4901-94DE-19389E7B307D}"/>
            </a:ext>
          </a:extLst>
        </xdr:cNvPr>
        <xdr:cNvSpPr/>
      </xdr:nvSpPr>
      <xdr:spPr>
        <a:xfrm>
          <a:off x="9588500" y="14296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3</xdr:row>
      <xdr:rowOff>55336</xdr:rowOff>
    </xdr:from>
    <xdr:to>
      <xdr:col>46</xdr:col>
      <xdr:colOff>38100</xdr:colOff>
      <xdr:row>83</xdr:row>
      <xdr:rowOff>156936</xdr:rowOff>
    </xdr:to>
    <xdr:sp macro="" textlink="">
      <xdr:nvSpPr>
        <xdr:cNvPr id="357" name="フローチャート: 判断 356">
          <a:extLst>
            <a:ext uri="{FF2B5EF4-FFF2-40B4-BE49-F238E27FC236}">
              <a16:creationId xmlns:a16="http://schemas.microsoft.com/office/drawing/2014/main" id="{98BDFB7A-68EE-4DF1-B59D-D9588E2CD513}"/>
            </a:ext>
          </a:extLst>
        </xdr:cNvPr>
        <xdr:cNvSpPr/>
      </xdr:nvSpPr>
      <xdr:spPr>
        <a:xfrm>
          <a:off x="8699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3</xdr:row>
      <xdr:rowOff>55336</xdr:rowOff>
    </xdr:from>
    <xdr:to>
      <xdr:col>41</xdr:col>
      <xdr:colOff>101600</xdr:colOff>
      <xdr:row>83</xdr:row>
      <xdr:rowOff>156936</xdr:rowOff>
    </xdr:to>
    <xdr:sp macro="" textlink="">
      <xdr:nvSpPr>
        <xdr:cNvPr id="358" name="フローチャート: 判断 357">
          <a:extLst>
            <a:ext uri="{FF2B5EF4-FFF2-40B4-BE49-F238E27FC236}">
              <a16:creationId xmlns:a16="http://schemas.microsoft.com/office/drawing/2014/main" id="{117C9980-D145-4F17-B699-79DDF4CBA6DB}"/>
            </a:ext>
          </a:extLst>
        </xdr:cNvPr>
        <xdr:cNvSpPr/>
      </xdr:nvSpPr>
      <xdr:spPr>
        <a:xfrm>
          <a:off x="7810500" y="14285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3</xdr:row>
      <xdr:rowOff>44450</xdr:rowOff>
    </xdr:from>
    <xdr:to>
      <xdr:col>36</xdr:col>
      <xdr:colOff>165100</xdr:colOff>
      <xdr:row>83</xdr:row>
      <xdr:rowOff>146050</xdr:rowOff>
    </xdr:to>
    <xdr:sp macro="" textlink="">
      <xdr:nvSpPr>
        <xdr:cNvPr id="359" name="フローチャート: 判断 358">
          <a:extLst>
            <a:ext uri="{FF2B5EF4-FFF2-40B4-BE49-F238E27FC236}">
              <a16:creationId xmlns:a16="http://schemas.microsoft.com/office/drawing/2014/main" id="{A5281551-CE3B-45ED-A2BF-3D5BFAF842A8}"/>
            </a:ext>
          </a:extLst>
        </xdr:cNvPr>
        <xdr:cNvSpPr/>
      </xdr:nvSpPr>
      <xdr:spPr>
        <a:xfrm>
          <a:off x="6921500" y="142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60" name="テキスト ボックス 359">
          <a:extLst>
            <a:ext uri="{FF2B5EF4-FFF2-40B4-BE49-F238E27FC236}">
              <a16:creationId xmlns:a16="http://schemas.microsoft.com/office/drawing/2014/main" id="{4147CE7B-CAB0-4806-B787-A21E66D9417B}"/>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61" name="テキスト ボックス 360">
          <a:extLst>
            <a:ext uri="{FF2B5EF4-FFF2-40B4-BE49-F238E27FC236}">
              <a16:creationId xmlns:a16="http://schemas.microsoft.com/office/drawing/2014/main" id="{7B1B7915-667F-4506-BB83-247C3FA695D3}"/>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62" name="テキスト ボックス 361">
          <a:extLst>
            <a:ext uri="{FF2B5EF4-FFF2-40B4-BE49-F238E27FC236}">
              <a16:creationId xmlns:a16="http://schemas.microsoft.com/office/drawing/2014/main" id="{8FCB378A-FAD0-4DF7-BCF1-2514B19C43EE}"/>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63" name="テキスト ボックス 362">
          <a:extLst>
            <a:ext uri="{FF2B5EF4-FFF2-40B4-BE49-F238E27FC236}">
              <a16:creationId xmlns:a16="http://schemas.microsoft.com/office/drawing/2014/main" id="{A8CBD92D-B423-4670-B61B-3693307D969F}"/>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64" name="テキスト ボックス 363">
          <a:extLst>
            <a:ext uri="{FF2B5EF4-FFF2-40B4-BE49-F238E27FC236}">
              <a16:creationId xmlns:a16="http://schemas.microsoft.com/office/drawing/2014/main" id="{B8B9D355-7040-4B0C-AC81-4596FB21FAB4}"/>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26093</xdr:rowOff>
    </xdr:from>
    <xdr:to>
      <xdr:col>55</xdr:col>
      <xdr:colOff>50800</xdr:colOff>
      <xdr:row>86</xdr:row>
      <xdr:rowOff>56243</xdr:rowOff>
    </xdr:to>
    <xdr:sp macro="" textlink="">
      <xdr:nvSpPr>
        <xdr:cNvPr id="365" name="楕円 364">
          <a:extLst>
            <a:ext uri="{FF2B5EF4-FFF2-40B4-BE49-F238E27FC236}">
              <a16:creationId xmlns:a16="http://schemas.microsoft.com/office/drawing/2014/main" id="{BB0B0A63-0EB2-4EE4-B577-B0FC55B03FB3}"/>
            </a:ext>
          </a:extLst>
        </xdr:cNvPr>
        <xdr:cNvSpPr/>
      </xdr:nvSpPr>
      <xdr:spPr>
        <a:xfrm>
          <a:off x="104267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41020</xdr:rowOff>
    </xdr:from>
    <xdr:ext cx="469744" cy="259045"/>
    <xdr:sp macro="" textlink="">
      <xdr:nvSpPr>
        <xdr:cNvPr id="366" name="【福祉施設】&#10;一人当たり面積該当値テキスト">
          <a:extLst>
            <a:ext uri="{FF2B5EF4-FFF2-40B4-BE49-F238E27FC236}">
              <a16:creationId xmlns:a16="http://schemas.microsoft.com/office/drawing/2014/main" id="{6FFFC2EB-5FC7-4D66-8BB1-6B894F975894}"/>
            </a:ext>
          </a:extLst>
        </xdr:cNvPr>
        <xdr:cNvSpPr txBox="1"/>
      </xdr:nvSpPr>
      <xdr:spPr>
        <a:xfrm>
          <a:off x="10515600" y="14614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26093</xdr:rowOff>
    </xdr:from>
    <xdr:to>
      <xdr:col>50</xdr:col>
      <xdr:colOff>165100</xdr:colOff>
      <xdr:row>86</xdr:row>
      <xdr:rowOff>56243</xdr:rowOff>
    </xdr:to>
    <xdr:sp macro="" textlink="">
      <xdr:nvSpPr>
        <xdr:cNvPr id="367" name="楕円 366">
          <a:extLst>
            <a:ext uri="{FF2B5EF4-FFF2-40B4-BE49-F238E27FC236}">
              <a16:creationId xmlns:a16="http://schemas.microsoft.com/office/drawing/2014/main" id="{1D1E5C3B-430F-40EE-8113-26A7DD1032E6}"/>
            </a:ext>
          </a:extLst>
        </xdr:cNvPr>
        <xdr:cNvSpPr/>
      </xdr:nvSpPr>
      <xdr:spPr>
        <a:xfrm>
          <a:off x="95885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5443</xdr:rowOff>
    </xdr:from>
    <xdr:to>
      <xdr:col>55</xdr:col>
      <xdr:colOff>0</xdr:colOff>
      <xdr:row>86</xdr:row>
      <xdr:rowOff>5443</xdr:rowOff>
    </xdr:to>
    <xdr:cxnSp macro="">
      <xdr:nvCxnSpPr>
        <xdr:cNvPr id="368" name="直線コネクタ 367">
          <a:extLst>
            <a:ext uri="{FF2B5EF4-FFF2-40B4-BE49-F238E27FC236}">
              <a16:creationId xmlns:a16="http://schemas.microsoft.com/office/drawing/2014/main" id="{07EF10FA-5BD6-4810-8947-922FB881ED37}"/>
            </a:ext>
          </a:extLst>
        </xdr:cNvPr>
        <xdr:cNvCxnSpPr/>
      </xdr:nvCxnSpPr>
      <xdr:spPr>
        <a:xfrm>
          <a:off x="9639300" y="14750143"/>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26093</xdr:rowOff>
    </xdr:from>
    <xdr:to>
      <xdr:col>46</xdr:col>
      <xdr:colOff>38100</xdr:colOff>
      <xdr:row>86</xdr:row>
      <xdr:rowOff>56243</xdr:rowOff>
    </xdr:to>
    <xdr:sp macro="" textlink="">
      <xdr:nvSpPr>
        <xdr:cNvPr id="369" name="楕円 368">
          <a:extLst>
            <a:ext uri="{FF2B5EF4-FFF2-40B4-BE49-F238E27FC236}">
              <a16:creationId xmlns:a16="http://schemas.microsoft.com/office/drawing/2014/main" id="{BB13048E-8E06-4118-B9DA-858D695F416B}"/>
            </a:ext>
          </a:extLst>
        </xdr:cNvPr>
        <xdr:cNvSpPr/>
      </xdr:nvSpPr>
      <xdr:spPr>
        <a:xfrm>
          <a:off x="86995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5443</xdr:rowOff>
    </xdr:from>
    <xdr:to>
      <xdr:col>50</xdr:col>
      <xdr:colOff>114300</xdr:colOff>
      <xdr:row>86</xdr:row>
      <xdr:rowOff>5443</xdr:rowOff>
    </xdr:to>
    <xdr:cxnSp macro="">
      <xdr:nvCxnSpPr>
        <xdr:cNvPr id="370" name="直線コネクタ 369">
          <a:extLst>
            <a:ext uri="{FF2B5EF4-FFF2-40B4-BE49-F238E27FC236}">
              <a16:creationId xmlns:a16="http://schemas.microsoft.com/office/drawing/2014/main" id="{D1101EA3-53FF-44F1-88D8-D291BD38DDFC}"/>
            </a:ext>
          </a:extLst>
        </xdr:cNvPr>
        <xdr:cNvCxnSpPr/>
      </xdr:nvCxnSpPr>
      <xdr:spPr>
        <a:xfrm>
          <a:off x="8750300" y="14750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26093</xdr:rowOff>
    </xdr:from>
    <xdr:to>
      <xdr:col>41</xdr:col>
      <xdr:colOff>101600</xdr:colOff>
      <xdr:row>86</xdr:row>
      <xdr:rowOff>56243</xdr:rowOff>
    </xdr:to>
    <xdr:sp macro="" textlink="">
      <xdr:nvSpPr>
        <xdr:cNvPr id="371" name="楕円 370">
          <a:extLst>
            <a:ext uri="{FF2B5EF4-FFF2-40B4-BE49-F238E27FC236}">
              <a16:creationId xmlns:a16="http://schemas.microsoft.com/office/drawing/2014/main" id="{34466C2A-1B51-4A18-8A0D-020299C91419}"/>
            </a:ext>
          </a:extLst>
        </xdr:cNvPr>
        <xdr:cNvSpPr/>
      </xdr:nvSpPr>
      <xdr:spPr>
        <a:xfrm>
          <a:off x="78105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5443</xdr:rowOff>
    </xdr:from>
    <xdr:to>
      <xdr:col>45</xdr:col>
      <xdr:colOff>177800</xdr:colOff>
      <xdr:row>86</xdr:row>
      <xdr:rowOff>5443</xdr:rowOff>
    </xdr:to>
    <xdr:cxnSp macro="">
      <xdr:nvCxnSpPr>
        <xdr:cNvPr id="372" name="直線コネクタ 371">
          <a:extLst>
            <a:ext uri="{FF2B5EF4-FFF2-40B4-BE49-F238E27FC236}">
              <a16:creationId xmlns:a16="http://schemas.microsoft.com/office/drawing/2014/main" id="{71268B8C-0F5A-47DB-98E8-69EA300CEBD1}"/>
            </a:ext>
          </a:extLst>
        </xdr:cNvPr>
        <xdr:cNvCxnSpPr/>
      </xdr:nvCxnSpPr>
      <xdr:spPr>
        <a:xfrm>
          <a:off x="7861300" y="14750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26093</xdr:rowOff>
    </xdr:from>
    <xdr:to>
      <xdr:col>36</xdr:col>
      <xdr:colOff>165100</xdr:colOff>
      <xdr:row>86</xdr:row>
      <xdr:rowOff>56243</xdr:rowOff>
    </xdr:to>
    <xdr:sp macro="" textlink="">
      <xdr:nvSpPr>
        <xdr:cNvPr id="373" name="楕円 372">
          <a:extLst>
            <a:ext uri="{FF2B5EF4-FFF2-40B4-BE49-F238E27FC236}">
              <a16:creationId xmlns:a16="http://schemas.microsoft.com/office/drawing/2014/main" id="{834195FF-A412-4471-BE4B-6F360DDAB10B}"/>
            </a:ext>
          </a:extLst>
        </xdr:cNvPr>
        <xdr:cNvSpPr/>
      </xdr:nvSpPr>
      <xdr:spPr>
        <a:xfrm>
          <a:off x="6921500" y="1469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5443</xdr:rowOff>
    </xdr:from>
    <xdr:to>
      <xdr:col>41</xdr:col>
      <xdr:colOff>50800</xdr:colOff>
      <xdr:row>86</xdr:row>
      <xdr:rowOff>5443</xdr:rowOff>
    </xdr:to>
    <xdr:cxnSp macro="">
      <xdr:nvCxnSpPr>
        <xdr:cNvPr id="374" name="直線コネクタ 373">
          <a:extLst>
            <a:ext uri="{FF2B5EF4-FFF2-40B4-BE49-F238E27FC236}">
              <a16:creationId xmlns:a16="http://schemas.microsoft.com/office/drawing/2014/main" id="{6E032893-3448-4C9D-9F0B-95EED5F64ED1}"/>
            </a:ext>
          </a:extLst>
        </xdr:cNvPr>
        <xdr:cNvCxnSpPr/>
      </xdr:nvCxnSpPr>
      <xdr:spPr>
        <a:xfrm>
          <a:off x="6972300" y="14750143"/>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2</xdr:row>
      <xdr:rowOff>12898</xdr:rowOff>
    </xdr:from>
    <xdr:ext cx="469744" cy="259045"/>
    <xdr:sp macro="" textlink="">
      <xdr:nvSpPr>
        <xdr:cNvPr id="375" name="n_1aveValue【福祉施設】&#10;一人当たり面積">
          <a:extLst>
            <a:ext uri="{FF2B5EF4-FFF2-40B4-BE49-F238E27FC236}">
              <a16:creationId xmlns:a16="http://schemas.microsoft.com/office/drawing/2014/main" id="{590154EC-F515-42EB-930D-6D71F2FDDA2A}"/>
            </a:ext>
          </a:extLst>
        </xdr:cNvPr>
        <xdr:cNvSpPr txBox="1"/>
      </xdr:nvSpPr>
      <xdr:spPr>
        <a:xfrm>
          <a:off x="9391727" y="14071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2013</xdr:rowOff>
    </xdr:from>
    <xdr:ext cx="469744" cy="259045"/>
    <xdr:sp macro="" textlink="">
      <xdr:nvSpPr>
        <xdr:cNvPr id="376" name="n_2aveValue【福祉施設】&#10;一人当たり面積">
          <a:extLst>
            <a:ext uri="{FF2B5EF4-FFF2-40B4-BE49-F238E27FC236}">
              <a16:creationId xmlns:a16="http://schemas.microsoft.com/office/drawing/2014/main" id="{39D8A421-60E6-4AD2-97FE-C68997378B97}"/>
            </a:ext>
          </a:extLst>
        </xdr:cNvPr>
        <xdr:cNvSpPr txBox="1"/>
      </xdr:nvSpPr>
      <xdr:spPr>
        <a:xfrm>
          <a:off x="8515427" y="14060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2013</xdr:rowOff>
    </xdr:from>
    <xdr:ext cx="469744" cy="259045"/>
    <xdr:sp macro="" textlink="">
      <xdr:nvSpPr>
        <xdr:cNvPr id="377" name="n_3aveValue【福祉施設】&#10;一人当たり面積">
          <a:extLst>
            <a:ext uri="{FF2B5EF4-FFF2-40B4-BE49-F238E27FC236}">
              <a16:creationId xmlns:a16="http://schemas.microsoft.com/office/drawing/2014/main" id="{EDE8065F-151C-45CD-B3F0-479A0295ABF0}"/>
            </a:ext>
          </a:extLst>
        </xdr:cNvPr>
        <xdr:cNvSpPr txBox="1"/>
      </xdr:nvSpPr>
      <xdr:spPr>
        <a:xfrm>
          <a:off x="7626427" y="140609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1</xdr:row>
      <xdr:rowOff>162577</xdr:rowOff>
    </xdr:from>
    <xdr:ext cx="469744" cy="259045"/>
    <xdr:sp macro="" textlink="">
      <xdr:nvSpPr>
        <xdr:cNvPr id="378" name="n_4aveValue【福祉施設】&#10;一人当たり面積">
          <a:extLst>
            <a:ext uri="{FF2B5EF4-FFF2-40B4-BE49-F238E27FC236}">
              <a16:creationId xmlns:a16="http://schemas.microsoft.com/office/drawing/2014/main" id="{1D323D5D-8C6B-4B27-BACE-DC973ED04766}"/>
            </a:ext>
          </a:extLst>
        </xdr:cNvPr>
        <xdr:cNvSpPr txBox="1"/>
      </xdr:nvSpPr>
      <xdr:spPr>
        <a:xfrm>
          <a:off x="6737427" y="1405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47370</xdr:rowOff>
    </xdr:from>
    <xdr:ext cx="469744" cy="259045"/>
    <xdr:sp macro="" textlink="">
      <xdr:nvSpPr>
        <xdr:cNvPr id="379" name="n_1mainValue【福祉施設】&#10;一人当たり面積">
          <a:extLst>
            <a:ext uri="{FF2B5EF4-FFF2-40B4-BE49-F238E27FC236}">
              <a16:creationId xmlns:a16="http://schemas.microsoft.com/office/drawing/2014/main" id="{6F1F5924-1D11-4A8A-9329-F3E27A2B07E1}"/>
            </a:ext>
          </a:extLst>
        </xdr:cNvPr>
        <xdr:cNvSpPr txBox="1"/>
      </xdr:nvSpPr>
      <xdr:spPr>
        <a:xfrm>
          <a:off x="9391727" y="1479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47370</xdr:rowOff>
    </xdr:from>
    <xdr:ext cx="469744" cy="259045"/>
    <xdr:sp macro="" textlink="">
      <xdr:nvSpPr>
        <xdr:cNvPr id="380" name="n_2mainValue【福祉施設】&#10;一人当たり面積">
          <a:extLst>
            <a:ext uri="{FF2B5EF4-FFF2-40B4-BE49-F238E27FC236}">
              <a16:creationId xmlns:a16="http://schemas.microsoft.com/office/drawing/2014/main" id="{430FAC3A-D9F5-4579-8DE6-95DE39C28353}"/>
            </a:ext>
          </a:extLst>
        </xdr:cNvPr>
        <xdr:cNvSpPr txBox="1"/>
      </xdr:nvSpPr>
      <xdr:spPr>
        <a:xfrm>
          <a:off x="8515427" y="1479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47370</xdr:rowOff>
    </xdr:from>
    <xdr:ext cx="469744" cy="259045"/>
    <xdr:sp macro="" textlink="">
      <xdr:nvSpPr>
        <xdr:cNvPr id="381" name="n_3mainValue【福祉施設】&#10;一人当たり面積">
          <a:extLst>
            <a:ext uri="{FF2B5EF4-FFF2-40B4-BE49-F238E27FC236}">
              <a16:creationId xmlns:a16="http://schemas.microsoft.com/office/drawing/2014/main" id="{3482A039-C14C-4E30-A0C6-DAC329ADF25F}"/>
            </a:ext>
          </a:extLst>
        </xdr:cNvPr>
        <xdr:cNvSpPr txBox="1"/>
      </xdr:nvSpPr>
      <xdr:spPr>
        <a:xfrm>
          <a:off x="7626427" y="1479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47370</xdr:rowOff>
    </xdr:from>
    <xdr:ext cx="469744" cy="259045"/>
    <xdr:sp macro="" textlink="">
      <xdr:nvSpPr>
        <xdr:cNvPr id="382" name="n_4mainValue【福祉施設】&#10;一人当たり面積">
          <a:extLst>
            <a:ext uri="{FF2B5EF4-FFF2-40B4-BE49-F238E27FC236}">
              <a16:creationId xmlns:a16="http://schemas.microsoft.com/office/drawing/2014/main" id="{478786FF-FCDE-415A-92E3-0DCEA5FCD0D4}"/>
            </a:ext>
          </a:extLst>
        </xdr:cNvPr>
        <xdr:cNvSpPr txBox="1"/>
      </xdr:nvSpPr>
      <xdr:spPr>
        <a:xfrm>
          <a:off x="6737427" y="147920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83" name="正方形/長方形 382">
          <a:extLst>
            <a:ext uri="{FF2B5EF4-FFF2-40B4-BE49-F238E27FC236}">
              <a16:creationId xmlns:a16="http://schemas.microsoft.com/office/drawing/2014/main" id="{1D18E060-2FC3-43D1-A47B-5F226E2E99F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84" name="正方形/長方形 383">
          <a:extLst>
            <a:ext uri="{FF2B5EF4-FFF2-40B4-BE49-F238E27FC236}">
              <a16:creationId xmlns:a16="http://schemas.microsoft.com/office/drawing/2014/main" id="{35FA5677-3122-4638-966C-93D2E5EA64EF}"/>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85" name="正方形/長方形 384">
          <a:extLst>
            <a:ext uri="{FF2B5EF4-FFF2-40B4-BE49-F238E27FC236}">
              <a16:creationId xmlns:a16="http://schemas.microsoft.com/office/drawing/2014/main" id="{9C2B569F-6AE4-4024-880D-54C27585DA91}"/>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86" name="正方形/長方形 385">
          <a:extLst>
            <a:ext uri="{FF2B5EF4-FFF2-40B4-BE49-F238E27FC236}">
              <a16:creationId xmlns:a16="http://schemas.microsoft.com/office/drawing/2014/main" id="{43AC9239-4A01-4C00-AC47-AB25804968F3}"/>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7" name="正方形/長方形 386">
          <a:extLst>
            <a:ext uri="{FF2B5EF4-FFF2-40B4-BE49-F238E27FC236}">
              <a16:creationId xmlns:a16="http://schemas.microsoft.com/office/drawing/2014/main" id="{57F60B57-8894-4FDA-9A83-227446206552}"/>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8" name="正方形/長方形 387">
          <a:extLst>
            <a:ext uri="{FF2B5EF4-FFF2-40B4-BE49-F238E27FC236}">
              <a16:creationId xmlns:a16="http://schemas.microsoft.com/office/drawing/2014/main" id="{34D4661C-4CDE-4375-BE3A-E9E15A8A5EEC}"/>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9" name="正方形/長方形 388">
          <a:extLst>
            <a:ext uri="{FF2B5EF4-FFF2-40B4-BE49-F238E27FC236}">
              <a16:creationId xmlns:a16="http://schemas.microsoft.com/office/drawing/2014/main" id="{5D51EB6A-C5F8-4833-94E2-B246BB3BEE1A}"/>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90" name="正方形/長方形 389">
          <a:extLst>
            <a:ext uri="{FF2B5EF4-FFF2-40B4-BE49-F238E27FC236}">
              <a16:creationId xmlns:a16="http://schemas.microsoft.com/office/drawing/2014/main" id="{5C07EBF2-9C4D-43BC-854F-2719ABD6CAA5}"/>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91" name="テキスト ボックス 390">
          <a:extLst>
            <a:ext uri="{FF2B5EF4-FFF2-40B4-BE49-F238E27FC236}">
              <a16:creationId xmlns:a16="http://schemas.microsoft.com/office/drawing/2014/main" id="{EA257555-2DF6-4377-987A-D51974856891}"/>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92" name="直線コネクタ 391">
          <a:extLst>
            <a:ext uri="{FF2B5EF4-FFF2-40B4-BE49-F238E27FC236}">
              <a16:creationId xmlns:a16="http://schemas.microsoft.com/office/drawing/2014/main" id="{D8967235-BB07-4600-9BF3-1DA7CC720D78}"/>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93" name="テキスト ボックス 392">
          <a:extLst>
            <a:ext uri="{FF2B5EF4-FFF2-40B4-BE49-F238E27FC236}">
              <a16:creationId xmlns:a16="http://schemas.microsoft.com/office/drawing/2014/main" id="{5F6149BC-A534-42C7-BD48-5D74E384D9B7}"/>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94" name="直線コネクタ 393">
          <a:extLst>
            <a:ext uri="{FF2B5EF4-FFF2-40B4-BE49-F238E27FC236}">
              <a16:creationId xmlns:a16="http://schemas.microsoft.com/office/drawing/2014/main" id="{8876DB9B-F6B5-4F7E-B60A-74F4B2D8D8F5}"/>
            </a:ext>
          </a:extLst>
        </xdr:cNvPr>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10177</xdr:rowOff>
    </xdr:from>
    <xdr:ext cx="467179" cy="259045"/>
    <xdr:sp macro="" textlink="">
      <xdr:nvSpPr>
        <xdr:cNvPr id="395" name="テキスト ボックス 394">
          <a:extLst>
            <a:ext uri="{FF2B5EF4-FFF2-40B4-BE49-F238E27FC236}">
              <a16:creationId xmlns:a16="http://schemas.microsoft.com/office/drawing/2014/main" id="{02C4781B-F33D-49D6-BEAE-FF033511CC8F}"/>
            </a:ext>
          </a:extLst>
        </xdr:cNvPr>
        <xdr:cNvSpPr txBox="1"/>
      </xdr:nvSpPr>
      <xdr:spPr>
        <a:xfrm>
          <a:off x="294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96" name="直線コネクタ 395">
          <a:extLst>
            <a:ext uri="{FF2B5EF4-FFF2-40B4-BE49-F238E27FC236}">
              <a16:creationId xmlns:a16="http://schemas.microsoft.com/office/drawing/2014/main" id="{0D0E23CA-9C07-4FB7-A1B4-C2018FE19363}"/>
            </a:ext>
          </a:extLst>
        </xdr:cNvPr>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97" name="テキスト ボックス 396">
          <a:extLst>
            <a:ext uri="{FF2B5EF4-FFF2-40B4-BE49-F238E27FC236}">
              <a16:creationId xmlns:a16="http://schemas.microsoft.com/office/drawing/2014/main" id="{E00A7C98-066F-4E0D-8FE7-8A46FD546857}"/>
            </a:ext>
          </a:extLst>
        </xdr:cNvPr>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98" name="直線コネクタ 397">
          <a:extLst>
            <a:ext uri="{FF2B5EF4-FFF2-40B4-BE49-F238E27FC236}">
              <a16:creationId xmlns:a16="http://schemas.microsoft.com/office/drawing/2014/main" id="{7E32239B-50DC-4FCF-91F7-9EFA5262E465}"/>
            </a:ext>
          </a:extLst>
        </xdr:cNvPr>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99" name="テキスト ボックス 398">
          <a:extLst>
            <a:ext uri="{FF2B5EF4-FFF2-40B4-BE49-F238E27FC236}">
              <a16:creationId xmlns:a16="http://schemas.microsoft.com/office/drawing/2014/main" id="{BD301276-440E-4C97-997B-BEA9CD158C77}"/>
            </a:ext>
          </a:extLst>
        </xdr:cNvPr>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400" name="直線コネクタ 399">
          <a:extLst>
            <a:ext uri="{FF2B5EF4-FFF2-40B4-BE49-F238E27FC236}">
              <a16:creationId xmlns:a16="http://schemas.microsoft.com/office/drawing/2014/main" id="{DC895D2C-505A-449C-A4B1-336AACCABA00}"/>
            </a:ext>
          </a:extLst>
        </xdr:cNvPr>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401" name="テキスト ボックス 400">
          <a:extLst>
            <a:ext uri="{FF2B5EF4-FFF2-40B4-BE49-F238E27FC236}">
              <a16:creationId xmlns:a16="http://schemas.microsoft.com/office/drawing/2014/main" id="{3545E342-E10C-43CC-88CC-F7D9F4A3CA4D}"/>
            </a:ext>
          </a:extLst>
        </xdr:cNvPr>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402" name="直線コネクタ 401">
          <a:extLst>
            <a:ext uri="{FF2B5EF4-FFF2-40B4-BE49-F238E27FC236}">
              <a16:creationId xmlns:a16="http://schemas.microsoft.com/office/drawing/2014/main" id="{6B652B42-7BDA-448A-B7B2-3027FDA6C523}"/>
            </a:ext>
          </a:extLst>
        </xdr:cNvPr>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403" name="テキスト ボックス 402">
          <a:extLst>
            <a:ext uri="{FF2B5EF4-FFF2-40B4-BE49-F238E27FC236}">
              <a16:creationId xmlns:a16="http://schemas.microsoft.com/office/drawing/2014/main" id="{A232B13B-C215-484C-B564-41914C18C315}"/>
            </a:ext>
          </a:extLst>
        </xdr:cNvPr>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404" name="直線コネクタ 403">
          <a:extLst>
            <a:ext uri="{FF2B5EF4-FFF2-40B4-BE49-F238E27FC236}">
              <a16:creationId xmlns:a16="http://schemas.microsoft.com/office/drawing/2014/main" id="{1F6E5127-DED7-4D30-9B4C-E28E6F55B4AA}"/>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6</xdr:row>
      <xdr:rowOff>162577</xdr:rowOff>
    </xdr:from>
    <xdr:ext cx="338939" cy="259045"/>
    <xdr:sp macro="" textlink="">
      <xdr:nvSpPr>
        <xdr:cNvPr id="405" name="テキスト ボックス 404">
          <a:extLst>
            <a:ext uri="{FF2B5EF4-FFF2-40B4-BE49-F238E27FC236}">
              <a16:creationId xmlns:a16="http://schemas.microsoft.com/office/drawing/2014/main" id="{D9B3A29F-52B6-4A80-BEDE-698B2E96F2CF}"/>
            </a:ext>
          </a:extLst>
        </xdr:cNvPr>
        <xdr:cNvSpPr txBox="1"/>
      </xdr:nvSpPr>
      <xdr:spPr>
        <a:xfrm>
          <a:off x="423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406" name="【市民会館】&#10;有形固定資産減価償却率グラフ枠">
          <a:extLst>
            <a:ext uri="{FF2B5EF4-FFF2-40B4-BE49-F238E27FC236}">
              <a16:creationId xmlns:a16="http://schemas.microsoft.com/office/drawing/2014/main" id="{5F25863A-4F8F-4648-9E70-0535C16EF50C}"/>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27636</xdr:rowOff>
    </xdr:from>
    <xdr:to>
      <xdr:col>24</xdr:col>
      <xdr:colOff>62865</xdr:colOff>
      <xdr:row>108</xdr:row>
      <xdr:rowOff>87630</xdr:rowOff>
    </xdr:to>
    <xdr:cxnSp macro="">
      <xdr:nvCxnSpPr>
        <xdr:cNvPr id="407" name="直線コネクタ 406">
          <a:extLst>
            <a:ext uri="{FF2B5EF4-FFF2-40B4-BE49-F238E27FC236}">
              <a16:creationId xmlns:a16="http://schemas.microsoft.com/office/drawing/2014/main" id="{4AF1A7CD-5CE1-4E3E-8C32-795715FF7027}"/>
            </a:ext>
          </a:extLst>
        </xdr:cNvPr>
        <xdr:cNvCxnSpPr/>
      </xdr:nvCxnSpPr>
      <xdr:spPr>
        <a:xfrm flipV="1">
          <a:off x="4634865" y="17101186"/>
          <a:ext cx="0" cy="15030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91457</xdr:rowOff>
    </xdr:from>
    <xdr:ext cx="405111" cy="259045"/>
    <xdr:sp macro="" textlink="">
      <xdr:nvSpPr>
        <xdr:cNvPr id="408" name="【市民会館】&#10;有形固定資産減価償却率最小値テキスト">
          <a:extLst>
            <a:ext uri="{FF2B5EF4-FFF2-40B4-BE49-F238E27FC236}">
              <a16:creationId xmlns:a16="http://schemas.microsoft.com/office/drawing/2014/main" id="{52A6858E-9EDA-4895-A96A-6D6AB329BEFD}"/>
            </a:ext>
          </a:extLst>
        </xdr:cNvPr>
        <xdr:cNvSpPr txBox="1"/>
      </xdr:nvSpPr>
      <xdr:spPr>
        <a:xfrm>
          <a:off x="4673600" y="1860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7630</xdr:rowOff>
    </xdr:from>
    <xdr:to>
      <xdr:col>24</xdr:col>
      <xdr:colOff>152400</xdr:colOff>
      <xdr:row>108</xdr:row>
      <xdr:rowOff>87630</xdr:rowOff>
    </xdr:to>
    <xdr:cxnSp macro="">
      <xdr:nvCxnSpPr>
        <xdr:cNvPr id="409" name="直線コネクタ 408">
          <a:extLst>
            <a:ext uri="{FF2B5EF4-FFF2-40B4-BE49-F238E27FC236}">
              <a16:creationId xmlns:a16="http://schemas.microsoft.com/office/drawing/2014/main" id="{0C0CA12B-5C04-4F75-9E92-FC88F84F8D9D}"/>
            </a:ext>
          </a:extLst>
        </xdr:cNvPr>
        <xdr:cNvCxnSpPr/>
      </xdr:nvCxnSpPr>
      <xdr:spPr>
        <a:xfrm>
          <a:off x="4546600" y="1860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74313</xdr:rowOff>
    </xdr:from>
    <xdr:ext cx="405111" cy="259045"/>
    <xdr:sp macro="" textlink="">
      <xdr:nvSpPr>
        <xdr:cNvPr id="410" name="【市民会館】&#10;有形固定資産減価償却率最大値テキスト">
          <a:extLst>
            <a:ext uri="{FF2B5EF4-FFF2-40B4-BE49-F238E27FC236}">
              <a16:creationId xmlns:a16="http://schemas.microsoft.com/office/drawing/2014/main" id="{EDA9601B-7120-43EC-9B2A-E5F253D516A9}"/>
            </a:ext>
          </a:extLst>
        </xdr:cNvPr>
        <xdr:cNvSpPr txBox="1"/>
      </xdr:nvSpPr>
      <xdr:spPr>
        <a:xfrm>
          <a:off x="4673600" y="16876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27636</xdr:rowOff>
    </xdr:from>
    <xdr:to>
      <xdr:col>24</xdr:col>
      <xdr:colOff>152400</xdr:colOff>
      <xdr:row>99</xdr:row>
      <xdr:rowOff>127636</xdr:rowOff>
    </xdr:to>
    <xdr:cxnSp macro="">
      <xdr:nvCxnSpPr>
        <xdr:cNvPr id="411" name="直線コネクタ 410">
          <a:extLst>
            <a:ext uri="{FF2B5EF4-FFF2-40B4-BE49-F238E27FC236}">
              <a16:creationId xmlns:a16="http://schemas.microsoft.com/office/drawing/2014/main" id="{5F54FDF8-B0D0-4CA5-9C6C-858DCDE36635}"/>
            </a:ext>
          </a:extLst>
        </xdr:cNvPr>
        <xdr:cNvCxnSpPr/>
      </xdr:nvCxnSpPr>
      <xdr:spPr>
        <a:xfrm>
          <a:off x="4546600" y="171011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2</xdr:row>
      <xdr:rowOff>99713</xdr:rowOff>
    </xdr:from>
    <xdr:ext cx="405111" cy="259045"/>
    <xdr:sp macro="" textlink="">
      <xdr:nvSpPr>
        <xdr:cNvPr id="412" name="【市民会館】&#10;有形固定資産減価償却率平均値テキスト">
          <a:extLst>
            <a:ext uri="{FF2B5EF4-FFF2-40B4-BE49-F238E27FC236}">
              <a16:creationId xmlns:a16="http://schemas.microsoft.com/office/drawing/2014/main" id="{A063DC2C-58FF-4AA9-96FF-7691F2B24C90}"/>
            </a:ext>
          </a:extLst>
        </xdr:cNvPr>
        <xdr:cNvSpPr txBox="1"/>
      </xdr:nvSpPr>
      <xdr:spPr>
        <a:xfrm>
          <a:off x="4673600" y="175876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3</xdr:row>
      <xdr:rowOff>76836</xdr:rowOff>
    </xdr:from>
    <xdr:to>
      <xdr:col>24</xdr:col>
      <xdr:colOff>114300</xdr:colOff>
      <xdr:row>104</xdr:row>
      <xdr:rowOff>6986</xdr:rowOff>
    </xdr:to>
    <xdr:sp macro="" textlink="">
      <xdr:nvSpPr>
        <xdr:cNvPr id="413" name="フローチャート: 判断 412">
          <a:extLst>
            <a:ext uri="{FF2B5EF4-FFF2-40B4-BE49-F238E27FC236}">
              <a16:creationId xmlns:a16="http://schemas.microsoft.com/office/drawing/2014/main" id="{87231B79-A3F8-4CD5-B8F4-C6F6F16531D8}"/>
            </a:ext>
          </a:extLst>
        </xdr:cNvPr>
        <xdr:cNvSpPr/>
      </xdr:nvSpPr>
      <xdr:spPr>
        <a:xfrm>
          <a:off x="4584700" y="17736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3</xdr:row>
      <xdr:rowOff>65405</xdr:rowOff>
    </xdr:from>
    <xdr:to>
      <xdr:col>20</xdr:col>
      <xdr:colOff>38100</xdr:colOff>
      <xdr:row>103</xdr:row>
      <xdr:rowOff>167005</xdr:rowOff>
    </xdr:to>
    <xdr:sp macro="" textlink="">
      <xdr:nvSpPr>
        <xdr:cNvPr id="414" name="フローチャート: 判断 413">
          <a:extLst>
            <a:ext uri="{FF2B5EF4-FFF2-40B4-BE49-F238E27FC236}">
              <a16:creationId xmlns:a16="http://schemas.microsoft.com/office/drawing/2014/main" id="{D4D3002C-646E-4413-9E0D-44DA898AC90D}"/>
            </a:ext>
          </a:extLst>
        </xdr:cNvPr>
        <xdr:cNvSpPr/>
      </xdr:nvSpPr>
      <xdr:spPr>
        <a:xfrm>
          <a:off x="3746500" y="17724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3</xdr:row>
      <xdr:rowOff>63500</xdr:rowOff>
    </xdr:from>
    <xdr:to>
      <xdr:col>15</xdr:col>
      <xdr:colOff>101600</xdr:colOff>
      <xdr:row>103</xdr:row>
      <xdr:rowOff>165100</xdr:rowOff>
    </xdr:to>
    <xdr:sp macro="" textlink="">
      <xdr:nvSpPr>
        <xdr:cNvPr id="415" name="フローチャート: 判断 414">
          <a:extLst>
            <a:ext uri="{FF2B5EF4-FFF2-40B4-BE49-F238E27FC236}">
              <a16:creationId xmlns:a16="http://schemas.microsoft.com/office/drawing/2014/main" id="{769147AC-5483-4CD4-A0D0-0169A62D0D65}"/>
            </a:ext>
          </a:extLst>
        </xdr:cNvPr>
        <xdr:cNvSpPr/>
      </xdr:nvSpPr>
      <xdr:spPr>
        <a:xfrm>
          <a:off x="2857500" y="1772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3</xdr:row>
      <xdr:rowOff>42545</xdr:rowOff>
    </xdr:from>
    <xdr:to>
      <xdr:col>10</xdr:col>
      <xdr:colOff>165100</xdr:colOff>
      <xdr:row>103</xdr:row>
      <xdr:rowOff>144145</xdr:rowOff>
    </xdr:to>
    <xdr:sp macro="" textlink="">
      <xdr:nvSpPr>
        <xdr:cNvPr id="416" name="フローチャート: 判断 415">
          <a:extLst>
            <a:ext uri="{FF2B5EF4-FFF2-40B4-BE49-F238E27FC236}">
              <a16:creationId xmlns:a16="http://schemas.microsoft.com/office/drawing/2014/main" id="{AD474131-9D9A-499C-9561-4733B0D7EAE6}"/>
            </a:ext>
          </a:extLst>
        </xdr:cNvPr>
        <xdr:cNvSpPr/>
      </xdr:nvSpPr>
      <xdr:spPr>
        <a:xfrm>
          <a:off x="1968500" y="17701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3</xdr:row>
      <xdr:rowOff>40639</xdr:rowOff>
    </xdr:from>
    <xdr:to>
      <xdr:col>6</xdr:col>
      <xdr:colOff>38100</xdr:colOff>
      <xdr:row>103</xdr:row>
      <xdr:rowOff>142239</xdr:rowOff>
    </xdr:to>
    <xdr:sp macro="" textlink="">
      <xdr:nvSpPr>
        <xdr:cNvPr id="417" name="フローチャート: 判断 416">
          <a:extLst>
            <a:ext uri="{FF2B5EF4-FFF2-40B4-BE49-F238E27FC236}">
              <a16:creationId xmlns:a16="http://schemas.microsoft.com/office/drawing/2014/main" id="{D54FE505-AD3B-4B53-892D-97E2089F2797}"/>
            </a:ext>
          </a:extLst>
        </xdr:cNvPr>
        <xdr:cNvSpPr/>
      </xdr:nvSpPr>
      <xdr:spPr>
        <a:xfrm>
          <a:off x="1079500" y="17699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418" name="テキスト ボックス 417">
          <a:extLst>
            <a:ext uri="{FF2B5EF4-FFF2-40B4-BE49-F238E27FC236}">
              <a16:creationId xmlns:a16="http://schemas.microsoft.com/office/drawing/2014/main" id="{16DC21C8-1DEB-4043-9AB1-970B49218534}"/>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419" name="テキスト ボックス 418">
          <a:extLst>
            <a:ext uri="{FF2B5EF4-FFF2-40B4-BE49-F238E27FC236}">
              <a16:creationId xmlns:a16="http://schemas.microsoft.com/office/drawing/2014/main" id="{55B08A43-88A5-4B61-91AB-CC5E7B46D053}"/>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20" name="テキスト ボックス 419">
          <a:extLst>
            <a:ext uri="{FF2B5EF4-FFF2-40B4-BE49-F238E27FC236}">
              <a16:creationId xmlns:a16="http://schemas.microsoft.com/office/drawing/2014/main" id="{A254F1B0-818F-4981-BB65-A593145A137F}"/>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21" name="テキスト ボックス 420">
          <a:extLst>
            <a:ext uri="{FF2B5EF4-FFF2-40B4-BE49-F238E27FC236}">
              <a16:creationId xmlns:a16="http://schemas.microsoft.com/office/drawing/2014/main" id="{2E4368E6-D73C-41CC-BA48-57610C74B322}"/>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22" name="テキスト ボックス 421">
          <a:extLst>
            <a:ext uri="{FF2B5EF4-FFF2-40B4-BE49-F238E27FC236}">
              <a16:creationId xmlns:a16="http://schemas.microsoft.com/office/drawing/2014/main" id="{8F38AA2F-16A3-43D4-8280-1FE18EF7DC91}"/>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7</xdr:row>
      <xdr:rowOff>92075</xdr:rowOff>
    </xdr:from>
    <xdr:to>
      <xdr:col>24</xdr:col>
      <xdr:colOff>114300</xdr:colOff>
      <xdr:row>108</xdr:row>
      <xdr:rowOff>22225</xdr:rowOff>
    </xdr:to>
    <xdr:sp macro="" textlink="">
      <xdr:nvSpPr>
        <xdr:cNvPr id="423" name="楕円 422">
          <a:extLst>
            <a:ext uri="{FF2B5EF4-FFF2-40B4-BE49-F238E27FC236}">
              <a16:creationId xmlns:a16="http://schemas.microsoft.com/office/drawing/2014/main" id="{791EAEE1-C67D-4A95-8C1B-0F5507141DDD}"/>
            </a:ext>
          </a:extLst>
        </xdr:cNvPr>
        <xdr:cNvSpPr/>
      </xdr:nvSpPr>
      <xdr:spPr>
        <a:xfrm>
          <a:off x="4584700" y="18437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7002</xdr:rowOff>
    </xdr:from>
    <xdr:ext cx="405111" cy="259045"/>
    <xdr:sp macro="" textlink="">
      <xdr:nvSpPr>
        <xdr:cNvPr id="424" name="【市民会館】&#10;有形固定資産減価償却率該当値テキスト">
          <a:extLst>
            <a:ext uri="{FF2B5EF4-FFF2-40B4-BE49-F238E27FC236}">
              <a16:creationId xmlns:a16="http://schemas.microsoft.com/office/drawing/2014/main" id="{33D6E173-693A-43E6-A933-88336383654C}"/>
            </a:ext>
          </a:extLst>
        </xdr:cNvPr>
        <xdr:cNvSpPr txBox="1"/>
      </xdr:nvSpPr>
      <xdr:spPr>
        <a:xfrm>
          <a:off x="4673600" y="18352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7</xdr:row>
      <xdr:rowOff>50164</xdr:rowOff>
    </xdr:from>
    <xdr:to>
      <xdr:col>20</xdr:col>
      <xdr:colOff>38100</xdr:colOff>
      <xdr:row>107</xdr:row>
      <xdr:rowOff>151764</xdr:rowOff>
    </xdr:to>
    <xdr:sp macro="" textlink="">
      <xdr:nvSpPr>
        <xdr:cNvPr id="425" name="楕円 424">
          <a:extLst>
            <a:ext uri="{FF2B5EF4-FFF2-40B4-BE49-F238E27FC236}">
              <a16:creationId xmlns:a16="http://schemas.microsoft.com/office/drawing/2014/main" id="{CBB05840-E66F-41AF-8084-075CC841AEAA}"/>
            </a:ext>
          </a:extLst>
        </xdr:cNvPr>
        <xdr:cNvSpPr/>
      </xdr:nvSpPr>
      <xdr:spPr>
        <a:xfrm>
          <a:off x="3746500" y="18395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7</xdr:row>
      <xdr:rowOff>100964</xdr:rowOff>
    </xdr:from>
    <xdr:to>
      <xdr:col>24</xdr:col>
      <xdr:colOff>63500</xdr:colOff>
      <xdr:row>107</xdr:row>
      <xdr:rowOff>142875</xdr:rowOff>
    </xdr:to>
    <xdr:cxnSp macro="">
      <xdr:nvCxnSpPr>
        <xdr:cNvPr id="426" name="直線コネクタ 425">
          <a:extLst>
            <a:ext uri="{FF2B5EF4-FFF2-40B4-BE49-F238E27FC236}">
              <a16:creationId xmlns:a16="http://schemas.microsoft.com/office/drawing/2014/main" id="{81CEB700-D1EB-471C-998D-1F246F7C86F7}"/>
            </a:ext>
          </a:extLst>
        </xdr:cNvPr>
        <xdr:cNvCxnSpPr/>
      </xdr:nvCxnSpPr>
      <xdr:spPr>
        <a:xfrm>
          <a:off x="3797300" y="18446114"/>
          <a:ext cx="838200" cy="419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7</xdr:row>
      <xdr:rowOff>8255</xdr:rowOff>
    </xdr:from>
    <xdr:to>
      <xdr:col>15</xdr:col>
      <xdr:colOff>101600</xdr:colOff>
      <xdr:row>107</xdr:row>
      <xdr:rowOff>109855</xdr:rowOff>
    </xdr:to>
    <xdr:sp macro="" textlink="">
      <xdr:nvSpPr>
        <xdr:cNvPr id="427" name="楕円 426">
          <a:extLst>
            <a:ext uri="{FF2B5EF4-FFF2-40B4-BE49-F238E27FC236}">
              <a16:creationId xmlns:a16="http://schemas.microsoft.com/office/drawing/2014/main" id="{0C00223D-1FDF-496C-ADD0-DA6A367635D0}"/>
            </a:ext>
          </a:extLst>
        </xdr:cNvPr>
        <xdr:cNvSpPr/>
      </xdr:nvSpPr>
      <xdr:spPr>
        <a:xfrm>
          <a:off x="2857500" y="18353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7</xdr:row>
      <xdr:rowOff>59055</xdr:rowOff>
    </xdr:from>
    <xdr:to>
      <xdr:col>19</xdr:col>
      <xdr:colOff>177800</xdr:colOff>
      <xdr:row>107</xdr:row>
      <xdr:rowOff>100964</xdr:rowOff>
    </xdr:to>
    <xdr:cxnSp macro="">
      <xdr:nvCxnSpPr>
        <xdr:cNvPr id="428" name="直線コネクタ 427">
          <a:extLst>
            <a:ext uri="{FF2B5EF4-FFF2-40B4-BE49-F238E27FC236}">
              <a16:creationId xmlns:a16="http://schemas.microsoft.com/office/drawing/2014/main" id="{9A563E63-DE33-4C40-B2A6-1FCB6F48E1FA}"/>
            </a:ext>
          </a:extLst>
        </xdr:cNvPr>
        <xdr:cNvCxnSpPr/>
      </xdr:nvCxnSpPr>
      <xdr:spPr>
        <a:xfrm>
          <a:off x="2908300" y="18404205"/>
          <a:ext cx="889000" cy="41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6</xdr:row>
      <xdr:rowOff>135889</xdr:rowOff>
    </xdr:from>
    <xdr:to>
      <xdr:col>10</xdr:col>
      <xdr:colOff>165100</xdr:colOff>
      <xdr:row>107</xdr:row>
      <xdr:rowOff>66039</xdr:rowOff>
    </xdr:to>
    <xdr:sp macro="" textlink="">
      <xdr:nvSpPr>
        <xdr:cNvPr id="429" name="楕円 428">
          <a:extLst>
            <a:ext uri="{FF2B5EF4-FFF2-40B4-BE49-F238E27FC236}">
              <a16:creationId xmlns:a16="http://schemas.microsoft.com/office/drawing/2014/main" id="{EB2AAC72-54AC-4563-8801-01FCD05D25E9}"/>
            </a:ext>
          </a:extLst>
        </xdr:cNvPr>
        <xdr:cNvSpPr/>
      </xdr:nvSpPr>
      <xdr:spPr>
        <a:xfrm>
          <a:off x="1968500" y="18309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7</xdr:row>
      <xdr:rowOff>15239</xdr:rowOff>
    </xdr:from>
    <xdr:to>
      <xdr:col>15</xdr:col>
      <xdr:colOff>50800</xdr:colOff>
      <xdr:row>107</xdr:row>
      <xdr:rowOff>59055</xdr:rowOff>
    </xdr:to>
    <xdr:cxnSp macro="">
      <xdr:nvCxnSpPr>
        <xdr:cNvPr id="430" name="直線コネクタ 429">
          <a:extLst>
            <a:ext uri="{FF2B5EF4-FFF2-40B4-BE49-F238E27FC236}">
              <a16:creationId xmlns:a16="http://schemas.microsoft.com/office/drawing/2014/main" id="{A3CC846A-0B4F-4E68-B5D3-6BA91B0E3432}"/>
            </a:ext>
          </a:extLst>
        </xdr:cNvPr>
        <xdr:cNvCxnSpPr/>
      </xdr:nvCxnSpPr>
      <xdr:spPr>
        <a:xfrm>
          <a:off x="2019300" y="18360389"/>
          <a:ext cx="889000" cy="4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6</xdr:row>
      <xdr:rowOff>92075</xdr:rowOff>
    </xdr:from>
    <xdr:to>
      <xdr:col>6</xdr:col>
      <xdr:colOff>38100</xdr:colOff>
      <xdr:row>107</xdr:row>
      <xdr:rowOff>22225</xdr:rowOff>
    </xdr:to>
    <xdr:sp macro="" textlink="">
      <xdr:nvSpPr>
        <xdr:cNvPr id="431" name="楕円 430">
          <a:extLst>
            <a:ext uri="{FF2B5EF4-FFF2-40B4-BE49-F238E27FC236}">
              <a16:creationId xmlns:a16="http://schemas.microsoft.com/office/drawing/2014/main" id="{3FA1C34E-11E5-4B7C-9F6E-5C1D17F89DE6}"/>
            </a:ext>
          </a:extLst>
        </xdr:cNvPr>
        <xdr:cNvSpPr/>
      </xdr:nvSpPr>
      <xdr:spPr>
        <a:xfrm>
          <a:off x="1079500" y="18265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6</xdr:row>
      <xdr:rowOff>142875</xdr:rowOff>
    </xdr:from>
    <xdr:to>
      <xdr:col>10</xdr:col>
      <xdr:colOff>114300</xdr:colOff>
      <xdr:row>107</xdr:row>
      <xdr:rowOff>15239</xdr:rowOff>
    </xdr:to>
    <xdr:cxnSp macro="">
      <xdr:nvCxnSpPr>
        <xdr:cNvPr id="432" name="直線コネクタ 431">
          <a:extLst>
            <a:ext uri="{FF2B5EF4-FFF2-40B4-BE49-F238E27FC236}">
              <a16:creationId xmlns:a16="http://schemas.microsoft.com/office/drawing/2014/main" id="{CA453AC8-3FBC-4B7E-B94E-31D4398A9035}"/>
            </a:ext>
          </a:extLst>
        </xdr:cNvPr>
        <xdr:cNvCxnSpPr/>
      </xdr:nvCxnSpPr>
      <xdr:spPr>
        <a:xfrm>
          <a:off x="1130300" y="18316575"/>
          <a:ext cx="889000" cy="43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2</xdr:row>
      <xdr:rowOff>12082</xdr:rowOff>
    </xdr:from>
    <xdr:ext cx="405111" cy="259045"/>
    <xdr:sp macro="" textlink="">
      <xdr:nvSpPr>
        <xdr:cNvPr id="433" name="n_1aveValue【市民会館】&#10;有形固定資産減価償却率">
          <a:extLst>
            <a:ext uri="{FF2B5EF4-FFF2-40B4-BE49-F238E27FC236}">
              <a16:creationId xmlns:a16="http://schemas.microsoft.com/office/drawing/2014/main" id="{06CC79AD-449E-42BF-8C4E-C4CE9AE300B2}"/>
            </a:ext>
          </a:extLst>
        </xdr:cNvPr>
        <xdr:cNvSpPr txBox="1"/>
      </xdr:nvSpPr>
      <xdr:spPr>
        <a:xfrm>
          <a:off x="3582044" y="174999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2</xdr:row>
      <xdr:rowOff>10177</xdr:rowOff>
    </xdr:from>
    <xdr:ext cx="405111" cy="259045"/>
    <xdr:sp macro="" textlink="">
      <xdr:nvSpPr>
        <xdr:cNvPr id="434" name="n_2aveValue【市民会館】&#10;有形固定資産減価償却率">
          <a:extLst>
            <a:ext uri="{FF2B5EF4-FFF2-40B4-BE49-F238E27FC236}">
              <a16:creationId xmlns:a16="http://schemas.microsoft.com/office/drawing/2014/main" id="{24BB8059-42EE-4AA2-832E-9363CC426737}"/>
            </a:ext>
          </a:extLst>
        </xdr:cNvPr>
        <xdr:cNvSpPr txBox="1"/>
      </xdr:nvSpPr>
      <xdr:spPr>
        <a:xfrm>
          <a:off x="2705744" y="17498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160672</xdr:rowOff>
    </xdr:from>
    <xdr:ext cx="405111" cy="259045"/>
    <xdr:sp macro="" textlink="">
      <xdr:nvSpPr>
        <xdr:cNvPr id="435" name="n_3aveValue【市民会館】&#10;有形固定資産減価償却率">
          <a:extLst>
            <a:ext uri="{FF2B5EF4-FFF2-40B4-BE49-F238E27FC236}">
              <a16:creationId xmlns:a16="http://schemas.microsoft.com/office/drawing/2014/main" id="{F1F7F4A0-106E-4AF9-ABC9-354AFFF35D5A}"/>
            </a:ext>
          </a:extLst>
        </xdr:cNvPr>
        <xdr:cNvSpPr txBox="1"/>
      </xdr:nvSpPr>
      <xdr:spPr>
        <a:xfrm>
          <a:off x="1816744" y="17477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158766</xdr:rowOff>
    </xdr:from>
    <xdr:ext cx="405111" cy="259045"/>
    <xdr:sp macro="" textlink="">
      <xdr:nvSpPr>
        <xdr:cNvPr id="436" name="n_4aveValue【市民会館】&#10;有形固定資産減価償却率">
          <a:extLst>
            <a:ext uri="{FF2B5EF4-FFF2-40B4-BE49-F238E27FC236}">
              <a16:creationId xmlns:a16="http://schemas.microsoft.com/office/drawing/2014/main" id="{D875E664-1A9C-4A8E-8D31-811E8FBF46D5}"/>
            </a:ext>
          </a:extLst>
        </xdr:cNvPr>
        <xdr:cNvSpPr txBox="1"/>
      </xdr:nvSpPr>
      <xdr:spPr>
        <a:xfrm>
          <a:off x="927744" y="174752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7</xdr:row>
      <xdr:rowOff>142891</xdr:rowOff>
    </xdr:from>
    <xdr:ext cx="405111" cy="259045"/>
    <xdr:sp macro="" textlink="">
      <xdr:nvSpPr>
        <xdr:cNvPr id="437" name="n_1mainValue【市民会館】&#10;有形固定資産減価償却率">
          <a:extLst>
            <a:ext uri="{FF2B5EF4-FFF2-40B4-BE49-F238E27FC236}">
              <a16:creationId xmlns:a16="http://schemas.microsoft.com/office/drawing/2014/main" id="{BCB8C087-2260-4E07-A6A1-F48C57CA744D}"/>
            </a:ext>
          </a:extLst>
        </xdr:cNvPr>
        <xdr:cNvSpPr txBox="1"/>
      </xdr:nvSpPr>
      <xdr:spPr>
        <a:xfrm>
          <a:off x="3582044" y="18488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7</xdr:row>
      <xdr:rowOff>100982</xdr:rowOff>
    </xdr:from>
    <xdr:ext cx="405111" cy="259045"/>
    <xdr:sp macro="" textlink="">
      <xdr:nvSpPr>
        <xdr:cNvPr id="438" name="n_2mainValue【市民会館】&#10;有形固定資産減価償却率">
          <a:extLst>
            <a:ext uri="{FF2B5EF4-FFF2-40B4-BE49-F238E27FC236}">
              <a16:creationId xmlns:a16="http://schemas.microsoft.com/office/drawing/2014/main" id="{8A5D51B4-3BD7-4ED9-8AEE-7269229C3553}"/>
            </a:ext>
          </a:extLst>
        </xdr:cNvPr>
        <xdr:cNvSpPr txBox="1"/>
      </xdr:nvSpPr>
      <xdr:spPr>
        <a:xfrm>
          <a:off x="2705744" y="18446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7</xdr:row>
      <xdr:rowOff>57166</xdr:rowOff>
    </xdr:from>
    <xdr:ext cx="405111" cy="259045"/>
    <xdr:sp macro="" textlink="">
      <xdr:nvSpPr>
        <xdr:cNvPr id="439" name="n_3mainValue【市民会館】&#10;有形固定資産減価償却率">
          <a:extLst>
            <a:ext uri="{FF2B5EF4-FFF2-40B4-BE49-F238E27FC236}">
              <a16:creationId xmlns:a16="http://schemas.microsoft.com/office/drawing/2014/main" id="{7F5BA685-6121-4869-82CB-518B21E23101}"/>
            </a:ext>
          </a:extLst>
        </xdr:cNvPr>
        <xdr:cNvSpPr txBox="1"/>
      </xdr:nvSpPr>
      <xdr:spPr>
        <a:xfrm>
          <a:off x="1816744" y="184023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7</xdr:row>
      <xdr:rowOff>13352</xdr:rowOff>
    </xdr:from>
    <xdr:ext cx="405111" cy="259045"/>
    <xdr:sp macro="" textlink="">
      <xdr:nvSpPr>
        <xdr:cNvPr id="440" name="n_4mainValue【市民会館】&#10;有形固定資産減価償却率">
          <a:extLst>
            <a:ext uri="{FF2B5EF4-FFF2-40B4-BE49-F238E27FC236}">
              <a16:creationId xmlns:a16="http://schemas.microsoft.com/office/drawing/2014/main" id="{F8D1BBE6-6622-430A-843B-C9326FD1DB7D}"/>
            </a:ext>
          </a:extLst>
        </xdr:cNvPr>
        <xdr:cNvSpPr txBox="1"/>
      </xdr:nvSpPr>
      <xdr:spPr>
        <a:xfrm>
          <a:off x="927744" y="18358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41" name="正方形/長方形 440">
          <a:extLst>
            <a:ext uri="{FF2B5EF4-FFF2-40B4-BE49-F238E27FC236}">
              <a16:creationId xmlns:a16="http://schemas.microsoft.com/office/drawing/2014/main" id="{E2C355A6-B3BF-473C-B452-9E4FA52CEBBA}"/>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42" name="正方形/長方形 441">
          <a:extLst>
            <a:ext uri="{FF2B5EF4-FFF2-40B4-BE49-F238E27FC236}">
              <a16:creationId xmlns:a16="http://schemas.microsoft.com/office/drawing/2014/main" id="{DD01CB8A-3254-4EED-B8AE-9D43EA4AD60B}"/>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43" name="正方形/長方形 442">
          <a:extLst>
            <a:ext uri="{FF2B5EF4-FFF2-40B4-BE49-F238E27FC236}">
              <a16:creationId xmlns:a16="http://schemas.microsoft.com/office/drawing/2014/main" id="{E97587BF-4200-4B0A-B81E-B5B9EBE98207}"/>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44" name="正方形/長方形 443">
          <a:extLst>
            <a:ext uri="{FF2B5EF4-FFF2-40B4-BE49-F238E27FC236}">
              <a16:creationId xmlns:a16="http://schemas.microsoft.com/office/drawing/2014/main" id="{3E1D5DB2-19EB-4855-95F3-065A65BB8E4E}"/>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45" name="正方形/長方形 444">
          <a:extLst>
            <a:ext uri="{FF2B5EF4-FFF2-40B4-BE49-F238E27FC236}">
              <a16:creationId xmlns:a16="http://schemas.microsoft.com/office/drawing/2014/main" id="{9530D169-9DCA-410D-B3C2-75899624C653}"/>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46" name="正方形/長方形 445">
          <a:extLst>
            <a:ext uri="{FF2B5EF4-FFF2-40B4-BE49-F238E27FC236}">
              <a16:creationId xmlns:a16="http://schemas.microsoft.com/office/drawing/2014/main" id="{5A1ECB91-B707-4EF5-ABF9-2BF98776A8F9}"/>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47" name="正方形/長方形 446">
          <a:extLst>
            <a:ext uri="{FF2B5EF4-FFF2-40B4-BE49-F238E27FC236}">
              <a16:creationId xmlns:a16="http://schemas.microsoft.com/office/drawing/2014/main" id="{FE884DFA-16F2-4815-8674-CA26BF15620D}"/>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48" name="正方形/長方形 447">
          <a:extLst>
            <a:ext uri="{FF2B5EF4-FFF2-40B4-BE49-F238E27FC236}">
              <a16:creationId xmlns:a16="http://schemas.microsoft.com/office/drawing/2014/main" id="{7D193250-E1F0-4E37-8A1E-0827FB7B6D97}"/>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49" name="テキスト ボックス 448">
          <a:extLst>
            <a:ext uri="{FF2B5EF4-FFF2-40B4-BE49-F238E27FC236}">
              <a16:creationId xmlns:a16="http://schemas.microsoft.com/office/drawing/2014/main" id="{24136746-10D0-4F39-A7C2-F24FCA603000}"/>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50" name="直線コネクタ 449">
          <a:extLst>
            <a:ext uri="{FF2B5EF4-FFF2-40B4-BE49-F238E27FC236}">
              <a16:creationId xmlns:a16="http://schemas.microsoft.com/office/drawing/2014/main" id="{7102F3DA-58F2-496C-91B4-78916A4549E7}"/>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51" name="直線コネクタ 450">
          <a:extLst>
            <a:ext uri="{FF2B5EF4-FFF2-40B4-BE49-F238E27FC236}">
              <a16:creationId xmlns:a16="http://schemas.microsoft.com/office/drawing/2014/main" id="{AEA27905-73AA-4F3B-9921-D7E77D798948}"/>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7</xdr:row>
      <xdr:rowOff>105427</xdr:rowOff>
    </xdr:from>
    <xdr:ext cx="467179" cy="259045"/>
    <xdr:sp macro="" textlink="">
      <xdr:nvSpPr>
        <xdr:cNvPr id="452" name="テキスト ボックス 451">
          <a:extLst>
            <a:ext uri="{FF2B5EF4-FFF2-40B4-BE49-F238E27FC236}">
              <a16:creationId xmlns:a16="http://schemas.microsoft.com/office/drawing/2014/main" id="{6B4F5261-0993-4BAE-BA06-0169F7B2790F}"/>
            </a:ext>
          </a:extLst>
        </xdr:cNvPr>
        <xdr:cNvSpPr txBox="1"/>
      </xdr:nvSpPr>
      <xdr:spPr>
        <a:xfrm>
          <a:off x="6136821" y="1845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53" name="直線コネクタ 452">
          <a:extLst>
            <a:ext uri="{FF2B5EF4-FFF2-40B4-BE49-F238E27FC236}">
              <a16:creationId xmlns:a16="http://schemas.microsoft.com/office/drawing/2014/main" id="{FD248FA0-7C4A-48DB-AF02-36190B001C8B}"/>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4</xdr:row>
      <xdr:rowOff>162577</xdr:rowOff>
    </xdr:from>
    <xdr:ext cx="467179" cy="259045"/>
    <xdr:sp macro="" textlink="">
      <xdr:nvSpPr>
        <xdr:cNvPr id="454" name="テキスト ボックス 453">
          <a:extLst>
            <a:ext uri="{FF2B5EF4-FFF2-40B4-BE49-F238E27FC236}">
              <a16:creationId xmlns:a16="http://schemas.microsoft.com/office/drawing/2014/main" id="{B4E09AE4-5B7C-4937-B95B-9E2F4F7F7071}"/>
            </a:ext>
          </a:extLst>
        </xdr:cNvPr>
        <xdr:cNvSpPr txBox="1"/>
      </xdr:nvSpPr>
      <xdr:spPr>
        <a:xfrm>
          <a:off x="6136821" y="1799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55" name="直線コネクタ 454">
          <a:extLst>
            <a:ext uri="{FF2B5EF4-FFF2-40B4-BE49-F238E27FC236}">
              <a16:creationId xmlns:a16="http://schemas.microsoft.com/office/drawing/2014/main" id="{6051400A-71F8-46B1-AC49-121688F92683}"/>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2</xdr:row>
      <xdr:rowOff>48277</xdr:rowOff>
    </xdr:from>
    <xdr:ext cx="467179" cy="259045"/>
    <xdr:sp macro="" textlink="">
      <xdr:nvSpPr>
        <xdr:cNvPr id="456" name="テキスト ボックス 455">
          <a:extLst>
            <a:ext uri="{FF2B5EF4-FFF2-40B4-BE49-F238E27FC236}">
              <a16:creationId xmlns:a16="http://schemas.microsoft.com/office/drawing/2014/main" id="{63E17093-6AD2-4166-9C8C-8407DA40E935}"/>
            </a:ext>
          </a:extLst>
        </xdr:cNvPr>
        <xdr:cNvSpPr txBox="1"/>
      </xdr:nvSpPr>
      <xdr:spPr>
        <a:xfrm>
          <a:off x="6136821" y="1753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57" name="直線コネクタ 456">
          <a:extLst>
            <a:ext uri="{FF2B5EF4-FFF2-40B4-BE49-F238E27FC236}">
              <a16:creationId xmlns:a16="http://schemas.microsoft.com/office/drawing/2014/main" id="{32D34F94-1DAB-4CE6-B9A2-FFA0109C1419}"/>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105427</xdr:rowOff>
    </xdr:from>
    <xdr:ext cx="467179" cy="259045"/>
    <xdr:sp macro="" textlink="">
      <xdr:nvSpPr>
        <xdr:cNvPr id="458" name="テキスト ボックス 457">
          <a:extLst>
            <a:ext uri="{FF2B5EF4-FFF2-40B4-BE49-F238E27FC236}">
              <a16:creationId xmlns:a16="http://schemas.microsoft.com/office/drawing/2014/main" id="{99E7E996-3721-4EA2-BF55-697480B545BD}"/>
            </a:ext>
          </a:extLst>
        </xdr:cNvPr>
        <xdr:cNvSpPr txBox="1"/>
      </xdr:nvSpPr>
      <xdr:spPr>
        <a:xfrm>
          <a:off x="6136821" y="1707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59" name="直線コネクタ 458">
          <a:extLst>
            <a:ext uri="{FF2B5EF4-FFF2-40B4-BE49-F238E27FC236}">
              <a16:creationId xmlns:a16="http://schemas.microsoft.com/office/drawing/2014/main" id="{BA79FC98-1906-4ABC-9A04-479F8B55D499}"/>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60" name="テキスト ボックス 459">
          <a:extLst>
            <a:ext uri="{FF2B5EF4-FFF2-40B4-BE49-F238E27FC236}">
              <a16:creationId xmlns:a16="http://schemas.microsoft.com/office/drawing/2014/main" id="{D03A5735-2773-49D2-9C7B-EB5223A397E9}"/>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61" name="【市民会館】&#10;一人当たり面積グラフ枠">
          <a:extLst>
            <a:ext uri="{FF2B5EF4-FFF2-40B4-BE49-F238E27FC236}">
              <a16:creationId xmlns:a16="http://schemas.microsoft.com/office/drawing/2014/main" id="{B3DD0D65-85B7-4D0F-A3E0-1C314BB08C42}"/>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1</xdr:row>
      <xdr:rowOff>83058</xdr:rowOff>
    </xdr:from>
    <xdr:to>
      <xdr:col>54</xdr:col>
      <xdr:colOff>189865</xdr:colOff>
      <xdr:row>108</xdr:row>
      <xdr:rowOff>3048</xdr:rowOff>
    </xdr:to>
    <xdr:cxnSp macro="">
      <xdr:nvCxnSpPr>
        <xdr:cNvPr id="462" name="直線コネクタ 461">
          <a:extLst>
            <a:ext uri="{FF2B5EF4-FFF2-40B4-BE49-F238E27FC236}">
              <a16:creationId xmlns:a16="http://schemas.microsoft.com/office/drawing/2014/main" id="{3B81C450-4EAA-48C5-BBEF-159F820EDCB1}"/>
            </a:ext>
          </a:extLst>
        </xdr:cNvPr>
        <xdr:cNvCxnSpPr/>
      </xdr:nvCxnSpPr>
      <xdr:spPr>
        <a:xfrm flipV="1">
          <a:off x="10476865" y="17399508"/>
          <a:ext cx="0" cy="1120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6875</xdr:rowOff>
    </xdr:from>
    <xdr:ext cx="469744" cy="259045"/>
    <xdr:sp macro="" textlink="">
      <xdr:nvSpPr>
        <xdr:cNvPr id="463" name="【市民会館】&#10;一人当たり面積最小値テキスト">
          <a:extLst>
            <a:ext uri="{FF2B5EF4-FFF2-40B4-BE49-F238E27FC236}">
              <a16:creationId xmlns:a16="http://schemas.microsoft.com/office/drawing/2014/main" id="{C40BF6E5-4E25-4F98-B97C-B2A9DD103C36}"/>
            </a:ext>
          </a:extLst>
        </xdr:cNvPr>
        <xdr:cNvSpPr txBox="1"/>
      </xdr:nvSpPr>
      <xdr:spPr>
        <a:xfrm>
          <a:off x="10515600" y="1852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3048</xdr:rowOff>
    </xdr:from>
    <xdr:to>
      <xdr:col>55</xdr:col>
      <xdr:colOff>88900</xdr:colOff>
      <xdr:row>108</xdr:row>
      <xdr:rowOff>3048</xdr:rowOff>
    </xdr:to>
    <xdr:cxnSp macro="">
      <xdr:nvCxnSpPr>
        <xdr:cNvPr id="464" name="直線コネクタ 463">
          <a:extLst>
            <a:ext uri="{FF2B5EF4-FFF2-40B4-BE49-F238E27FC236}">
              <a16:creationId xmlns:a16="http://schemas.microsoft.com/office/drawing/2014/main" id="{A590F809-CA2A-4207-943C-EAFF2A0DDF05}"/>
            </a:ext>
          </a:extLst>
        </xdr:cNvPr>
        <xdr:cNvCxnSpPr/>
      </xdr:nvCxnSpPr>
      <xdr:spPr>
        <a:xfrm>
          <a:off x="10388600" y="185196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0</xdr:row>
      <xdr:rowOff>29735</xdr:rowOff>
    </xdr:from>
    <xdr:ext cx="469744" cy="259045"/>
    <xdr:sp macro="" textlink="">
      <xdr:nvSpPr>
        <xdr:cNvPr id="465" name="【市民会館】&#10;一人当たり面積最大値テキスト">
          <a:extLst>
            <a:ext uri="{FF2B5EF4-FFF2-40B4-BE49-F238E27FC236}">
              <a16:creationId xmlns:a16="http://schemas.microsoft.com/office/drawing/2014/main" id="{9DBC94B0-D5B9-462D-A59E-F6C50F9AC708}"/>
            </a:ext>
          </a:extLst>
        </xdr:cNvPr>
        <xdr:cNvSpPr txBox="1"/>
      </xdr:nvSpPr>
      <xdr:spPr>
        <a:xfrm>
          <a:off x="10515600" y="171747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1</xdr:row>
      <xdr:rowOff>83058</xdr:rowOff>
    </xdr:from>
    <xdr:to>
      <xdr:col>55</xdr:col>
      <xdr:colOff>88900</xdr:colOff>
      <xdr:row>101</xdr:row>
      <xdr:rowOff>83058</xdr:rowOff>
    </xdr:to>
    <xdr:cxnSp macro="">
      <xdr:nvCxnSpPr>
        <xdr:cNvPr id="466" name="直線コネクタ 465">
          <a:extLst>
            <a:ext uri="{FF2B5EF4-FFF2-40B4-BE49-F238E27FC236}">
              <a16:creationId xmlns:a16="http://schemas.microsoft.com/office/drawing/2014/main" id="{CFC0CDB0-0A57-498C-B7A7-9BFBDD9A7179}"/>
            </a:ext>
          </a:extLst>
        </xdr:cNvPr>
        <xdr:cNvCxnSpPr/>
      </xdr:nvCxnSpPr>
      <xdr:spPr>
        <a:xfrm>
          <a:off x="10388600" y="17399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100855</xdr:rowOff>
    </xdr:from>
    <xdr:ext cx="469744" cy="259045"/>
    <xdr:sp macro="" textlink="">
      <xdr:nvSpPr>
        <xdr:cNvPr id="467" name="【市民会館】&#10;一人当たり面積平均値テキスト">
          <a:extLst>
            <a:ext uri="{FF2B5EF4-FFF2-40B4-BE49-F238E27FC236}">
              <a16:creationId xmlns:a16="http://schemas.microsoft.com/office/drawing/2014/main" id="{63E71C8E-7C8A-47E2-8F06-666C814466F6}"/>
            </a:ext>
          </a:extLst>
        </xdr:cNvPr>
        <xdr:cNvSpPr txBox="1"/>
      </xdr:nvSpPr>
      <xdr:spPr>
        <a:xfrm>
          <a:off x="10515600" y="1793165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77978</xdr:rowOff>
    </xdr:from>
    <xdr:to>
      <xdr:col>55</xdr:col>
      <xdr:colOff>50800</xdr:colOff>
      <xdr:row>106</xdr:row>
      <xdr:rowOff>8128</xdr:rowOff>
    </xdr:to>
    <xdr:sp macro="" textlink="">
      <xdr:nvSpPr>
        <xdr:cNvPr id="468" name="フローチャート: 判断 467">
          <a:extLst>
            <a:ext uri="{FF2B5EF4-FFF2-40B4-BE49-F238E27FC236}">
              <a16:creationId xmlns:a16="http://schemas.microsoft.com/office/drawing/2014/main" id="{5FAED3C0-7FD6-47F3-895E-16435F38E9A0}"/>
            </a:ext>
          </a:extLst>
        </xdr:cNvPr>
        <xdr:cNvSpPr/>
      </xdr:nvSpPr>
      <xdr:spPr>
        <a:xfrm>
          <a:off x="10426700" y="1808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5118</xdr:rowOff>
    </xdr:from>
    <xdr:to>
      <xdr:col>50</xdr:col>
      <xdr:colOff>165100</xdr:colOff>
      <xdr:row>105</xdr:row>
      <xdr:rowOff>156718</xdr:rowOff>
    </xdr:to>
    <xdr:sp macro="" textlink="">
      <xdr:nvSpPr>
        <xdr:cNvPr id="469" name="フローチャート: 判断 468">
          <a:extLst>
            <a:ext uri="{FF2B5EF4-FFF2-40B4-BE49-F238E27FC236}">
              <a16:creationId xmlns:a16="http://schemas.microsoft.com/office/drawing/2014/main" id="{DFA8023B-6980-446F-99CF-36F2A2C66216}"/>
            </a:ext>
          </a:extLst>
        </xdr:cNvPr>
        <xdr:cNvSpPr/>
      </xdr:nvSpPr>
      <xdr:spPr>
        <a:xfrm>
          <a:off x="9588500" y="18057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41402</xdr:rowOff>
    </xdr:from>
    <xdr:to>
      <xdr:col>46</xdr:col>
      <xdr:colOff>38100</xdr:colOff>
      <xdr:row>105</xdr:row>
      <xdr:rowOff>143002</xdr:rowOff>
    </xdr:to>
    <xdr:sp macro="" textlink="">
      <xdr:nvSpPr>
        <xdr:cNvPr id="470" name="フローチャート: 判断 469">
          <a:extLst>
            <a:ext uri="{FF2B5EF4-FFF2-40B4-BE49-F238E27FC236}">
              <a16:creationId xmlns:a16="http://schemas.microsoft.com/office/drawing/2014/main" id="{53221EDB-7619-48B7-9D4C-9B8E85EE65FE}"/>
            </a:ext>
          </a:extLst>
        </xdr:cNvPr>
        <xdr:cNvSpPr/>
      </xdr:nvSpPr>
      <xdr:spPr>
        <a:xfrm>
          <a:off x="8699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41402</xdr:rowOff>
    </xdr:from>
    <xdr:to>
      <xdr:col>41</xdr:col>
      <xdr:colOff>101600</xdr:colOff>
      <xdr:row>105</xdr:row>
      <xdr:rowOff>143002</xdr:rowOff>
    </xdr:to>
    <xdr:sp macro="" textlink="">
      <xdr:nvSpPr>
        <xdr:cNvPr id="471" name="フローチャート: 判断 470">
          <a:extLst>
            <a:ext uri="{FF2B5EF4-FFF2-40B4-BE49-F238E27FC236}">
              <a16:creationId xmlns:a16="http://schemas.microsoft.com/office/drawing/2014/main" id="{A0F207A3-39B6-476A-9965-60EBB834A492}"/>
            </a:ext>
          </a:extLst>
        </xdr:cNvPr>
        <xdr:cNvSpPr/>
      </xdr:nvSpPr>
      <xdr:spPr>
        <a:xfrm>
          <a:off x="7810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1402</xdr:rowOff>
    </xdr:from>
    <xdr:to>
      <xdr:col>36</xdr:col>
      <xdr:colOff>165100</xdr:colOff>
      <xdr:row>105</xdr:row>
      <xdr:rowOff>143002</xdr:rowOff>
    </xdr:to>
    <xdr:sp macro="" textlink="">
      <xdr:nvSpPr>
        <xdr:cNvPr id="472" name="フローチャート: 判断 471">
          <a:extLst>
            <a:ext uri="{FF2B5EF4-FFF2-40B4-BE49-F238E27FC236}">
              <a16:creationId xmlns:a16="http://schemas.microsoft.com/office/drawing/2014/main" id="{B1F4468C-9389-4772-B064-3F5CAB813AF7}"/>
            </a:ext>
          </a:extLst>
        </xdr:cNvPr>
        <xdr:cNvSpPr/>
      </xdr:nvSpPr>
      <xdr:spPr>
        <a:xfrm>
          <a:off x="6921500" y="1804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73" name="テキスト ボックス 472">
          <a:extLst>
            <a:ext uri="{FF2B5EF4-FFF2-40B4-BE49-F238E27FC236}">
              <a16:creationId xmlns:a16="http://schemas.microsoft.com/office/drawing/2014/main" id="{A9F54C88-FDAE-46F0-8800-F67B5999B503}"/>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74" name="テキスト ボックス 473">
          <a:extLst>
            <a:ext uri="{FF2B5EF4-FFF2-40B4-BE49-F238E27FC236}">
              <a16:creationId xmlns:a16="http://schemas.microsoft.com/office/drawing/2014/main" id="{D8317558-C520-48E3-8E20-EBCF9C9B7622}"/>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75" name="テキスト ボックス 474">
          <a:extLst>
            <a:ext uri="{FF2B5EF4-FFF2-40B4-BE49-F238E27FC236}">
              <a16:creationId xmlns:a16="http://schemas.microsoft.com/office/drawing/2014/main" id="{FC9F6E9B-B6B8-4CA2-B204-0B7E1344640D}"/>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76" name="テキスト ボックス 475">
          <a:extLst>
            <a:ext uri="{FF2B5EF4-FFF2-40B4-BE49-F238E27FC236}">
              <a16:creationId xmlns:a16="http://schemas.microsoft.com/office/drawing/2014/main" id="{F57A6343-693F-4850-84C3-F67200CDF7E9}"/>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77" name="テキスト ボックス 476">
          <a:extLst>
            <a:ext uri="{FF2B5EF4-FFF2-40B4-BE49-F238E27FC236}">
              <a16:creationId xmlns:a16="http://schemas.microsoft.com/office/drawing/2014/main" id="{BDDE5892-736D-4EC2-98A4-37C1B7A27646}"/>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43687</xdr:rowOff>
    </xdr:from>
    <xdr:to>
      <xdr:col>55</xdr:col>
      <xdr:colOff>50800</xdr:colOff>
      <xdr:row>106</xdr:row>
      <xdr:rowOff>145287</xdr:rowOff>
    </xdr:to>
    <xdr:sp macro="" textlink="">
      <xdr:nvSpPr>
        <xdr:cNvPr id="478" name="楕円 477">
          <a:extLst>
            <a:ext uri="{FF2B5EF4-FFF2-40B4-BE49-F238E27FC236}">
              <a16:creationId xmlns:a16="http://schemas.microsoft.com/office/drawing/2014/main" id="{BB9A4DA9-23F3-429A-BFCC-30CCA1AE7D24}"/>
            </a:ext>
          </a:extLst>
        </xdr:cNvPr>
        <xdr:cNvSpPr/>
      </xdr:nvSpPr>
      <xdr:spPr>
        <a:xfrm>
          <a:off x="104267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6</xdr:row>
      <xdr:rowOff>22114</xdr:rowOff>
    </xdr:from>
    <xdr:ext cx="469744" cy="259045"/>
    <xdr:sp macro="" textlink="">
      <xdr:nvSpPr>
        <xdr:cNvPr id="479" name="【市民会館】&#10;一人当たり面積該当値テキスト">
          <a:extLst>
            <a:ext uri="{FF2B5EF4-FFF2-40B4-BE49-F238E27FC236}">
              <a16:creationId xmlns:a16="http://schemas.microsoft.com/office/drawing/2014/main" id="{81AF9F74-BDAF-4A5F-A67B-0C260165D782}"/>
            </a:ext>
          </a:extLst>
        </xdr:cNvPr>
        <xdr:cNvSpPr txBox="1"/>
      </xdr:nvSpPr>
      <xdr:spPr>
        <a:xfrm>
          <a:off x="10515600" y="181958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43687</xdr:rowOff>
    </xdr:from>
    <xdr:to>
      <xdr:col>50</xdr:col>
      <xdr:colOff>165100</xdr:colOff>
      <xdr:row>106</xdr:row>
      <xdr:rowOff>145287</xdr:rowOff>
    </xdr:to>
    <xdr:sp macro="" textlink="">
      <xdr:nvSpPr>
        <xdr:cNvPr id="480" name="楕円 479">
          <a:extLst>
            <a:ext uri="{FF2B5EF4-FFF2-40B4-BE49-F238E27FC236}">
              <a16:creationId xmlns:a16="http://schemas.microsoft.com/office/drawing/2014/main" id="{C39BAE98-82B2-4B7C-9100-CDCD04876CE8}"/>
            </a:ext>
          </a:extLst>
        </xdr:cNvPr>
        <xdr:cNvSpPr/>
      </xdr:nvSpPr>
      <xdr:spPr>
        <a:xfrm>
          <a:off x="9588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94487</xdr:rowOff>
    </xdr:from>
    <xdr:to>
      <xdr:col>55</xdr:col>
      <xdr:colOff>0</xdr:colOff>
      <xdr:row>106</xdr:row>
      <xdr:rowOff>94487</xdr:rowOff>
    </xdr:to>
    <xdr:cxnSp macro="">
      <xdr:nvCxnSpPr>
        <xdr:cNvPr id="481" name="直線コネクタ 480">
          <a:extLst>
            <a:ext uri="{FF2B5EF4-FFF2-40B4-BE49-F238E27FC236}">
              <a16:creationId xmlns:a16="http://schemas.microsoft.com/office/drawing/2014/main" id="{38E92D91-0C9B-4635-BAAA-37E087F005AB}"/>
            </a:ext>
          </a:extLst>
        </xdr:cNvPr>
        <xdr:cNvCxnSpPr/>
      </xdr:nvCxnSpPr>
      <xdr:spPr>
        <a:xfrm>
          <a:off x="9639300" y="1826818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43687</xdr:rowOff>
    </xdr:from>
    <xdr:to>
      <xdr:col>46</xdr:col>
      <xdr:colOff>38100</xdr:colOff>
      <xdr:row>106</xdr:row>
      <xdr:rowOff>145287</xdr:rowOff>
    </xdr:to>
    <xdr:sp macro="" textlink="">
      <xdr:nvSpPr>
        <xdr:cNvPr id="482" name="楕円 481">
          <a:extLst>
            <a:ext uri="{FF2B5EF4-FFF2-40B4-BE49-F238E27FC236}">
              <a16:creationId xmlns:a16="http://schemas.microsoft.com/office/drawing/2014/main" id="{447532D5-3A79-414E-A3DD-7A533AF60B64}"/>
            </a:ext>
          </a:extLst>
        </xdr:cNvPr>
        <xdr:cNvSpPr/>
      </xdr:nvSpPr>
      <xdr:spPr>
        <a:xfrm>
          <a:off x="8699500" y="18217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94487</xdr:rowOff>
    </xdr:from>
    <xdr:to>
      <xdr:col>50</xdr:col>
      <xdr:colOff>114300</xdr:colOff>
      <xdr:row>106</xdr:row>
      <xdr:rowOff>94487</xdr:rowOff>
    </xdr:to>
    <xdr:cxnSp macro="">
      <xdr:nvCxnSpPr>
        <xdr:cNvPr id="483" name="直線コネクタ 482">
          <a:extLst>
            <a:ext uri="{FF2B5EF4-FFF2-40B4-BE49-F238E27FC236}">
              <a16:creationId xmlns:a16="http://schemas.microsoft.com/office/drawing/2014/main" id="{1AB3D976-4A48-492F-A99A-11D4C80AFBF4}"/>
            </a:ext>
          </a:extLst>
        </xdr:cNvPr>
        <xdr:cNvCxnSpPr/>
      </xdr:nvCxnSpPr>
      <xdr:spPr>
        <a:xfrm>
          <a:off x="8750300" y="1826818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48261</xdr:rowOff>
    </xdr:from>
    <xdr:to>
      <xdr:col>41</xdr:col>
      <xdr:colOff>101600</xdr:colOff>
      <xdr:row>106</xdr:row>
      <xdr:rowOff>149861</xdr:rowOff>
    </xdr:to>
    <xdr:sp macro="" textlink="">
      <xdr:nvSpPr>
        <xdr:cNvPr id="484" name="楕円 483">
          <a:extLst>
            <a:ext uri="{FF2B5EF4-FFF2-40B4-BE49-F238E27FC236}">
              <a16:creationId xmlns:a16="http://schemas.microsoft.com/office/drawing/2014/main" id="{7C221FBE-93E7-48E2-9929-4252AD012480}"/>
            </a:ext>
          </a:extLst>
        </xdr:cNvPr>
        <xdr:cNvSpPr/>
      </xdr:nvSpPr>
      <xdr:spPr>
        <a:xfrm>
          <a:off x="7810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94487</xdr:rowOff>
    </xdr:from>
    <xdr:to>
      <xdr:col>45</xdr:col>
      <xdr:colOff>177800</xdr:colOff>
      <xdr:row>106</xdr:row>
      <xdr:rowOff>99061</xdr:rowOff>
    </xdr:to>
    <xdr:cxnSp macro="">
      <xdr:nvCxnSpPr>
        <xdr:cNvPr id="485" name="直線コネクタ 484">
          <a:extLst>
            <a:ext uri="{FF2B5EF4-FFF2-40B4-BE49-F238E27FC236}">
              <a16:creationId xmlns:a16="http://schemas.microsoft.com/office/drawing/2014/main" id="{F08B36DD-8B70-4981-A0B5-7713085AD611}"/>
            </a:ext>
          </a:extLst>
        </xdr:cNvPr>
        <xdr:cNvCxnSpPr/>
      </xdr:nvCxnSpPr>
      <xdr:spPr>
        <a:xfrm flipV="1">
          <a:off x="7861300" y="18268187"/>
          <a:ext cx="889000" cy="4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48261</xdr:rowOff>
    </xdr:from>
    <xdr:to>
      <xdr:col>36</xdr:col>
      <xdr:colOff>165100</xdr:colOff>
      <xdr:row>106</xdr:row>
      <xdr:rowOff>149861</xdr:rowOff>
    </xdr:to>
    <xdr:sp macro="" textlink="">
      <xdr:nvSpPr>
        <xdr:cNvPr id="486" name="楕円 485">
          <a:extLst>
            <a:ext uri="{FF2B5EF4-FFF2-40B4-BE49-F238E27FC236}">
              <a16:creationId xmlns:a16="http://schemas.microsoft.com/office/drawing/2014/main" id="{312E0047-4293-4C34-B8A8-1200B4DE0000}"/>
            </a:ext>
          </a:extLst>
        </xdr:cNvPr>
        <xdr:cNvSpPr/>
      </xdr:nvSpPr>
      <xdr:spPr>
        <a:xfrm>
          <a:off x="6921500" y="18221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99061</xdr:rowOff>
    </xdr:from>
    <xdr:to>
      <xdr:col>41</xdr:col>
      <xdr:colOff>50800</xdr:colOff>
      <xdr:row>106</xdr:row>
      <xdr:rowOff>99061</xdr:rowOff>
    </xdr:to>
    <xdr:cxnSp macro="">
      <xdr:nvCxnSpPr>
        <xdr:cNvPr id="487" name="直線コネクタ 486">
          <a:extLst>
            <a:ext uri="{FF2B5EF4-FFF2-40B4-BE49-F238E27FC236}">
              <a16:creationId xmlns:a16="http://schemas.microsoft.com/office/drawing/2014/main" id="{5B5A85EE-F4D3-4379-88A4-E62818D588D3}"/>
            </a:ext>
          </a:extLst>
        </xdr:cNvPr>
        <xdr:cNvCxnSpPr/>
      </xdr:nvCxnSpPr>
      <xdr:spPr>
        <a:xfrm>
          <a:off x="6972300" y="18272761"/>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4</xdr:row>
      <xdr:rowOff>1795</xdr:rowOff>
    </xdr:from>
    <xdr:ext cx="469744" cy="259045"/>
    <xdr:sp macro="" textlink="">
      <xdr:nvSpPr>
        <xdr:cNvPr id="488" name="n_1aveValue【市民会館】&#10;一人当たり面積">
          <a:extLst>
            <a:ext uri="{FF2B5EF4-FFF2-40B4-BE49-F238E27FC236}">
              <a16:creationId xmlns:a16="http://schemas.microsoft.com/office/drawing/2014/main" id="{FE42F71D-3174-4CBC-8841-E6C10EE09A58}"/>
            </a:ext>
          </a:extLst>
        </xdr:cNvPr>
        <xdr:cNvSpPr txBox="1"/>
      </xdr:nvSpPr>
      <xdr:spPr>
        <a:xfrm>
          <a:off x="9391727" y="178325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59529</xdr:rowOff>
    </xdr:from>
    <xdr:ext cx="469744" cy="259045"/>
    <xdr:sp macro="" textlink="">
      <xdr:nvSpPr>
        <xdr:cNvPr id="489" name="n_2aveValue【市民会館】&#10;一人当たり面積">
          <a:extLst>
            <a:ext uri="{FF2B5EF4-FFF2-40B4-BE49-F238E27FC236}">
              <a16:creationId xmlns:a16="http://schemas.microsoft.com/office/drawing/2014/main" id="{E9D83E20-ED05-4A43-B933-AB4BC2C17C6B}"/>
            </a:ext>
          </a:extLst>
        </xdr:cNvPr>
        <xdr:cNvSpPr txBox="1"/>
      </xdr:nvSpPr>
      <xdr:spPr>
        <a:xfrm>
          <a:off x="8515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9529</xdr:rowOff>
    </xdr:from>
    <xdr:ext cx="469744" cy="259045"/>
    <xdr:sp macro="" textlink="">
      <xdr:nvSpPr>
        <xdr:cNvPr id="490" name="n_3aveValue【市民会館】&#10;一人当たり面積">
          <a:extLst>
            <a:ext uri="{FF2B5EF4-FFF2-40B4-BE49-F238E27FC236}">
              <a16:creationId xmlns:a16="http://schemas.microsoft.com/office/drawing/2014/main" id="{29CE1168-CD18-4851-867D-4ECD39DB1AE4}"/>
            </a:ext>
          </a:extLst>
        </xdr:cNvPr>
        <xdr:cNvSpPr txBox="1"/>
      </xdr:nvSpPr>
      <xdr:spPr>
        <a:xfrm>
          <a:off x="7626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59529</xdr:rowOff>
    </xdr:from>
    <xdr:ext cx="469744" cy="259045"/>
    <xdr:sp macro="" textlink="">
      <xdr:nvSpPr>
        <xdr:cNvPr id="491" name="n_4aveValue【市民会館】&#10;一人当たり面積">
          <a:extLst>
            <a:ext uri="{FF2B5EF4-FFF2-40B4-BE49-F238E27FC236}">
              <a16:creationId xmlns:a16="http://schemas.microsoft.com/office/drawing/2014/main" id="{4103C254-319A-464A-B1FF-7DA8D21441D8}"/>
            </a:ext>
          </a:extLst>
        </xdr:cNvPr>
        <xdr:cNvSpPr txBox="1"/>
      </xdr:nvSpPr>
      <xdr:spPr>
        <a:xfrm>
          <a:off x="6737427" y="17818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136414</xdr:rowOff>
    </xdr:from>
    <xdr:ext cx="469744" cy="259045"/>
    <xdr:sp macro="" textlink="">
      <xdr:nvSpPr>
        <xdr:cNvPr id="492" name="n_1mainValue【市民会館】&#10;一人当たり面積">
          <a:extLst>
            <a:ext uri="{FF2B5EF4-FFF2-40B4-BE49-F238E27FC236}">
              <a16:creationId xmlns:a16="http://schemas.microsoft.com/office/drawing/2014/main" id="{162E7358-462D-4B4F-AAFF-575979EDD564}"/>
            </a:ext>
          </a:extLst>
        </xdr:cNvPr>
        <xdr:cNvSpPr txBox="1"/>
      </xdr:nvSpPr>
      <xdr:spPr>
        <a:xfrm>
          <a:off x="93917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36414</xdr:rowOff>
    </xdr:from>
    <xdr:ext cx="469744" cy="259045"/>
    <xdr:sp macro="" textlink="">
      <xdr:nvSpPr>
        <xdr:cNvPr id="493" name="n_2mainValue【市民会館】&#10;一人当たり面積">
          <a:extLst>
            <a:ext uri="{FF2B5EF4-FFF2-40B4-BE49-F238E27FC236}">
              <a16:creationId xmlns:a16="http://schemas.microsoft.com/office/drawing/2014/main" id="{46F1704F-6885-4D49-AA16-4CE6EE9443D9}"/>
            </a:ext>
          </a:extLst>
        </xdr:cNvPr>
        <xdr:cNvSpPr txBox="1"/>
      </xdr:nvSpPr>
      <xdr:spPr>
        <a:xfrm>
          <a:off x="8515427" y="18310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40988</xdr:rowOff>
    </xdr:from>
    <xdr:ext cx="469744" cy="259045"/>
    <xdr:sp macro="" textlink="">
      <xdr:nvSpPr>
        <xdr:cNvPr id="494" name="n_3mainValue【市民会館】&#10;一人当たり面積">
          <a:extLst>
            <a:ext uri="{FF2B5EF4-FFF2-40B4-BE49-F238E27FC236}">
              <a16:creationId xmlns:a16="http://schemas.microsoft.com/office/drawing/2014/main" id="{6C7944AD-641E-48AC-B6C3-41615607D776}"/>
            </a:ext>
          </a:extLst>
        </xdr:cNvPr>
        <xdr:cNvSpPr txBox="1"/>
      </xdr:nvSpPr>
      <xdr:spPr>
        <a:xfrm>
          <a:off x="76264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40988</xdr:rowOff>
    </xdr:from>
    <xdr:ext cx="469744" cy="259045"/>
    <xdr:sp macro="" textlink="">
      <xdr:nvSpPr>
        <xdr:cNvPr id="495" name="n_4mainValue【市民会館】&#10;一人当たり面積">
          <a:extLst>
            <a:ext uri="{FF2B5EF4-FFF2-40B4-BE49-F238E27FC236}">
              <a16:creationId xmlns:a16="http://schemas.microsoft.com/office/drawing/2014/main" id="{336A091C-E214-4F9C-9678-FE2374CAA4E0}"/>
            </a:ext>
          </a:extLst>
        </xdr:cNvPr>
        <xdr:cNvSpPr txBox="1"/>
      </xdr:nvSpPr>
      <xdr:spPr>
        <a:xfrm>
          <a:off x="6737427" y="183146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96" name="正方形/長方形 495">
          <a:extLst>
            <a:ext uri="{FF2B5EF4-FFF2-40B4-BE49-F238E27FC236}">
              <a16:creationId xmlns:a16="http://schemas.microsoft.com/office/drawing/2014/main" id="{AB92D01F-507B-4325-978B-B886C620FB4B}"/>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97" name="正方形/長方形 496">
          <a:extLst>
            <a:ext uri="{FF2B5EF4-FFF2-40B4-BE49-F238E27FC236}">
              <a16:creationId xmlns:a16="http://schemas.microsoft.com/office/drawing/2014/main" id="{D58F1DE3-91BC-41FF-8051-D5B43053FF8D}"/>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98" name="正方形/長方形 497">
          <a:extLst>
            <a:ext uri="{FF2B5EF4-FFF2-40B4-BE49-F238E27FC236}">
              <a16:creationId xmlns:a16="http://schemas.microsoft.com/office/drawing/2014/main" id="{1B067A29-C55A-49CD-A357-40C30A6FCA2C}"/>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99" name="正方形/長方形 498">
          <a:extLst>
            <a:ext uri="{FF2B5EF4-FFF2-40B4-BE49-F238E27FC236}">
              <a16:creationId xmlns:a16="http://schemas.microsoft.com/office/drawing/2014/main" id="{7DECB91A-070B-4DA6-8453-FB4A453B2433}"/>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500" name="正方形/長方形 499">
          <a:extLst>
            <a:ext uri="{FF2B5EF4-FFF2-40B4-BE49-F238E27FC236}">
              <a16:creationId xmlns:a16="http://schemas.microsoft.com/office/drawing/2014/main" id="{FA78D368-86DA-41B2-BD52-74A809DD402E}"/>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501" name="正方形/長方形 500">
          <a:extLst>
            <a:ext uri="{FF2B5EF4-FFF2-40B4-BE49-F238E27FC236}">
              <a16:creationId xmlns:a16="http://schemas.microsoft.com/office/drawing/2014/main" id="{B4870252-8805-4E08-82D2-F8ECC0445025}"/>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502" name="正方形/長方形 501">
          <a:extLst>
            <a:ext uri="{FF2B5EF4-FFF2-40B4-BE49-F238E27FC236}">
              <a16:creationId xmlns:a16="http://schemas.microsoft.com/office/drawing/2014/main" id="{CA46DA50-A45E-482E-9C6F-7264B8D0A943}"/>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503" name="正方形/長方形 502">
          <a:extLst>
            <a:ext uri="{FF2B5EF4-FFF2-40B4-BE49-F238E27FC236}">
              <a16:creationId xmlns:a16="http://schemas.microsoft.com/office/drawing/2014/main" id="{38B38A2F-9D98-4CF6-A117-79C37BB0CC92}"/>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504" name="テキスト ボックス 503">
          <a:extLst>
            <a:ext uri="{FF2B5EF4-FFF2-40B4-BE49-F238E27FC236}">
              <a16:creationId xmlns:a16="http://schemas.microsoft.com/office/drawing/2014/main" id="{3429CE63-F374-4469-A08A-03D636B28829}"/>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505" name="直線コネクタ 504">
          <a:extLst>
            <a:ext uri="{FF2B5EF4-FFF2-40B4-BE49-F238E27FC236}">
              <a16:creationId xmlns:a16="http://schemas.microsoft.com/office/drawing/2014/main" id="{06F6E468-ADB5-46BC-A504-51CBB8E0AE96}"/>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506" name="テキスト ボックス 505">
          <a:extLst>
            <a:ext uri="{FF2B5EF4-FFF2-40B4-BE49-F238E27FC236}">
              <a16:creationId xmlns:a16="http://schemas.microsoft.com/office/drawing/2014/main" id="{4B939608-7668-4655-AA6F-1479FEC8F034}"/>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507" name="直線コネクタ 506">
          <a:extLst>
            <a:ext uri="{FF2B5EF4-FFF2-40B4-BE49-F238E27FC236}">
              <a16:creationId xmlns:a16="http://schemas.microsoft.com/office/drawing/2014/main" id="{3CEE694F-7A56-4BCA-B134-9C87C1F9ED2B}"/>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508" name="テキスト ボックス 507">
          <a:extLst>
            <a:ext uri="{FF2B5EF4-FFF2-40B4-BE49-F238E27FC236}">
              <a16:creationId xmlns:a16="http://schemas.microsoft.com/office/drawing/2014/main" id="{97EFD118-1299-4951-953D-56BAD98CA9F3}"/>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509" name="直線コネクタ 508">
          <a:extLst>
            <a:ext uri="{FF2B5EF4-FFF2-40B4-BE49-F238E27FC236}">
              <a16:creationId xmlns:a16="http://schemas.microsoft.com/office/drawing/2014/main" id="{E0E81C5A-A113-4EF8-891A-9A5298E88379}"/>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510" name="テキスト ボックス 509">
          <a:extLst>
            <a:ext uri="{FF2B5EF4-FFF2-40B4-BE49-F238E27FC236}">
              <a16:creationId xmlns:a16="http://schemas.microsoft.com/office/drawing/2014/main" id="{2B6CD319-2434-499F-A50C-46F0FDA7EC1E}"/>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511" name="直線コネクタ 510">
          <a:extLst>
            <a:ext uri="{FF2B5EF4-FFF2-40B4-BE49-F238E27FC236}">
              <a16:creationId xmlns:a16="http://schemas.microsoft.com/office/drawing/2014/main" id="{2C86AA07-0663-47B2-BC5E-3F85A2840E2C}"/>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512" name="テキスト ボックス 511">
          <a:extLst>
            <a:ext uri="{FF2B5EF4-FFF2-40B4-BE49-F238E27FC236}">
              <a16:creationId xmlns:a16="http://schemas.microsoft.com/office/drawing/2014/main" id="{AB68C27E-CB55-4836-878D-26F68E61A49F}"/>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513" name="直線コネクタ 512">
          <a:extLst>
            <a:ext uri="{FF2B5EF4-FFF2-40B4-BE49-F238E27FC236}">
              <a16:creationId xmlns:a16="http://schemas.microsoft.com/office/drawing/2014/main" id="{AFB05925-CBF6-47A2-9483-8D9EE589C968}"/>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514" name="テキスト ボックス 513">
          <a:extLst>
            <a:ext uri="{FF2B5EF4-FFF2-40B4-BE49-F238E27FC236}">
              <a16:creationId xmlns:a16="http://schemas.microsoft.com/office/drawing/2014/main" id="{6A09EDE0-93C8-4A0F-BACB-B14404B3A361}"/>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515" name="直線コネクタ 514">
          <a:extLst>
            <a:ext uri="{FF2B5EF4-FFF2-40B4-BE49-F238E27FC236}">
              <a16:creationId xmlns:a16="http://schemas.microsoft.com/office/drawing/2014/main" id="{19FEECF3-3146-4532-B718-19EEDEF11DE5}"/>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516" name="テキスト ボックス 515">
          <a:extLst>
            <a:ext uri="{FF2B5EF4-FFF2-40B4-BE49-F238E27FC236}">
              <a16:creationId xmlns:a16="http://schemas.microsoft.com/office/drawing/2014/main" id="{75236976-E0FE-4500-8F40-21AB46CDB2D2}"/>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517" name="直線コネクタ 516">
          <a:extLst>
            <a:ext uri="{FF2B5EF4-FFF2-40B4-BE49-F238E27FC236}">
              <a16:creationId xmlns:a16="http://schemas.microsoft.com/office/drawing/2014/main" id="{D4651B72-8E99-4397-AAF8-C7FF6D4F6152}"/>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518" name="テキスト ボックス 517">
          <a:extLst>
            <a:ext uri="{FF2B5EF4-FFF2-40B4-BE49-F238E27FC236}">
              <a16:creationId xmlns:a16="http://schemas.microsoft.com/office/drawing/2014/main" id="{974238C2-A8A2-4F82-8080-646C69A66D02}"/>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519" name="直線コネクタ 518">
          <a:extLst>
            <a:ext uri="{FF2B5EF4-FFF2-40B4-BE49-F238E27FC236}">
              <a16:creationId xmlns:a16="http://schemas.microsoft.com/office/drawing/2014/main" id="{AF299E7B-FF00-4DF7-AB84-FA6BDEFCA96E}"/>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520" name="【一般廃棄物処理施設】&#10;有形固定資産減価償却率グラフ枠">
          <a:extLst>
            <a:ext uri="{FF2B5EF4-FFF2-40B4-BE49-F238E27FC236}">
              <a16:creationId xmlns:a16="http://schemas.microsoft.com/office/drawing/2014/main" id="{692026FE-C524-4C81-AB64-EA98641FCC30}"/>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44780</xdr:rowOff>
    </xdr:from>
    <xdr:to>
      <xdr:col>85</xdr:col>
      <xdr:colOff>126364</xdr:colOff>
      <xdr:row>42</xdr:row>
      <xdr:rowOff>72934</xdr:rowOff>
    </xdr:to>
    <xdr:cxnSp macro="">
      <xdr:nvCxnSpPr>
        <xdr:cNvPr id="521" name="直線コネクタ 520">
          <a:extLst>
            <a:ext uri="{FF2B5EF4-FFF2-40B4-BE49-F238E27FC236}">
              <a16:creationId xmlns:a16="http://schemas.microsoft.com/office/drawing/2014/main" id="{5AFD08A4-B518-4DA2-B37F-79ACE4075635}"/>
            </a:ext>
          </a:extLst>
        </xdr:cNvPr>
        <xdr:cNvCxnSpPr/>
      </xdr:nvCxnSpPr>
      <xdr:spPr>
        <a:xfrm flipV="1">
          <a:off x="16318864" y="5802630"/>
          <a:ext cx="0" cy="147120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76761</xdr:rowOff>
    </xdr:from>
    <xdr:ext cx="405111" cy="259045"/>
    <xdr:sp macro="" textlink="">
      <xdr:nvSpPr>
        <xdr:cNvPr id="522" name="【一般廃棄物処理施設】&#10;有形固定資産減価償却率最小値テキスト">
          <a:extLst>
            <a:ext uri="{FF2B5EF4-FFF2-40B4-BE49-F238E27FC236}">
              <a16:creationId xmlns:a16="http://schemas.microsoft.com/office/drawing/2014/main" id="{5612AD08-F824-44F1-B533-B1168473BA58}"/>
            </a:ext>
          </a:extLst>
        </xdr:cNvPr>
        <xdr:cNvSpPr txBox="1"/>
      </xdr:nvSpPr>
      <xdr:spPr>
        <a:xfrm>
          <a:off x="16357600" y="72776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72934</xdr:rowOff>
    </xdr:from>
    <xdr:to>
      <xdr:col>86</xdr:col>
      <xdr:colOff>25400</xdr:colOff>
      <xdr:row>42</xdr:row>
      <xdr:rowOff>72934</xdr:rowOff>
    </xdr:to>
    <xdr:cxnSp macro="">
      <xdr:nvCxnSpPr>
        <xdr:cNvPr id="523" name="直線コネクタ 522">
          <a:extLst>
            <a:ext uri="{FF2B5EF4-FFF2-40B4-BE49-F238E27FC236}">
              <a16:creationId xmlns:a16="http://schemas.microsoft.com/office/drawing/2014/main" id="{BDA2FA09-08F5-4F34-A844-7CFEC0D26CC2}"/>
            </a:ext>
          </a:extLst>
        </xdr:cNvPr>
        <xdr:cNvCxnSpPr/>
      </xdr:nvCxnSpPr>
      <xdr:spPr>
        <a:xfrm>
          <a:off x="16230600" y="7273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91457</xdr:rowOff>
    </xdr:from>
    <xdr:ext cx="340478" cy="259045"/>
    <xdr:sp macro="" textlink="">
      <xdr:nvSpPr>
        <xdr:cNvPr id="524" name="【一般廃棄物処理施設】&#10;有形固定資産減価償却率最大値テキスト">
          <a:extLst>
            <a:ext uri="{FF2B5EF4-FFF2-40B4-BE49-F238E27FC236}">
              <a16:creationId xmlns:a16="http://schemas.microsoft.com/office/drawing/2014/main" id="{57659078-CA0E-4F8F-ACBE-EAA665B663F6}"/>
            </a:ext>
          </a:extLst>
        </xdr:cNvPr>
        <xdr:cNvSpPr txBox="1"/>
      </xdr:nvSpPr>
      <xdr:spPr>
        <a:xfrm>
          <a:off x="16357600" y="557785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44780</xdr:rowOff>
    </xdr:from>
    <xdr:to>
      <xdr:col>86</xdr:col>
      <xdr:colOff>25400</xdr:colOff>
      <xdr:row>33</xdr:row>
      <xdr:rowOff>144780</xdr:rowOff>
    </xdr:to>
    <xdr:cxnSp macro="">
      <xdr:nvCxnSpPr>
        <xdr:cNvPr id="525" name="直線コネクタ 524">
          <a:extLst>
            <a:ext uri="{FF2B5EF4-FFF2-40B4-BE49-F238E27FC236}">
              <a16:creationId xmlns:a16="http://schemas.microsoft.com/office/drawing/2014/main" id="{56BF3793-4595-4BDD-B967-EF73010F09F2}"/>
            </a:ext>
          </a:extLst>
        </xdr:cNvPr>
        <xdr:cNvCxnSpPr/>
      </xdr:nvCxnSpPr>
      <xdr:spPr>
        <a:xfrm>
          <a:off x="16230600" y="580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54412</xdr:rowOff>
    </xdr:from>
    <xdr:ext cx="405111" cy="259045"/>
    <xdr:sp macro="" textlink="">
      <xdr:nvSpPr>
        <xdr:cNvPr id="526" name="【一般廃棄物処理施設】&#10;有形固定資産減価償却率平均値テキスト">
          <a:extLst>
            <a:ext uri="{FF2B5EF4-FFF2-40B4-BE49-F238E27FC236}">
              <a16:creationId xmlns:a16="http://schemas.microsoft.com/office/drawing/2014/main" id="{8137A50C-BC36-4E60-8B35-B58A252CBA39}"/>
            </a:ext>
          </a:extLst>
        </xdr:cNvPr>
        <xdr:cNvSpPr txBox="1"/>
      </xdr:nvSpPr>
      <xdr:spPr>
        <a:xfrm>
          <a:off x="16357600" y="649806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1535</xdr:rowOff>
    </xdr:from>
    <xdr:to>
      <xdr:col>85</xdr:col>
      <xdr:colOff>177800</xdr:colOff>
      <xdr:row>39</xdr:row>
      <xdr:rowOff>61685</xdr:rowOff>
    </xdr:to>
    <xdr:sp macro="" textlink="">
      <xdr:nvSpPr>
        <xdr:cNvPr id="527" name="フローチャート: 判断 526">
          <a:extLst>
            <a:ext uri="{FF2B5EF4-FFF2-40B4-BE49-F238E27FC236}">
              <a16:creationId xmlns:a16="http://schemas.microsoft.com/office/drawing/2014/main" id="{D61BC15A-60F8-4C5F-AEFC-66D90785D53F}"/>
            </a:ext>
          </a:extLst>
        </xdr:cNvPr>
        <xdr:cNvSpPr/>
      </xdr:nvSpPr>
      <xdr:spPr>
        <a:xfrm>
          <a:off x="16268700" y="664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128270</xdr:rowOff>
    </xdr:from>
    <xdr:to>
      <xdr:col>81</xdr:col>
      <xdr:colOff>101600</xdr:colOff>
      <xdr:row>39</xdr:row>
      <xdr:rowOff>58420</xdr:rowOff>
    </xdr:to>
    <xdr:sp macro="" textlink="">
      <xdr:nvSpPr>
        <xdr:cNvPr id="528" name="フローチャート: 判断 527">
          <a:extLst>
            <a:ext uri="{FF2B5EF4-FFF2-40B4-BE49-F238E27FC236}">
              <a16:creationId xmlns:a16="http://schemas.microsoft.com/office/drawing/2014/main" id="{70CF9B0A-770E-41B8-BB17-88534A5C9B02}"/>
            </a:ext>
          </a:extLst>
        </xdr:cNvPr>
        <xdr:cNvSpPr/>
      </xdr:nvSpPr>
      <xdr:spPr>
        <a:xfrm>
          <a:off x="15430500" y="6643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146231</xdr:rowOff>
    </xdr:from>
    <xdr:to>
      <xdr:col>76</xdr:col>
      <xdr:colOff>165100</xdr:colOff>
      <xdr:row>39</xdr:row>
      <xdr:rowOff>76381</xdr:rowOff>
    </xdr:to>
    <xdr:sp macro="" textlink="">
      <xdr:nvSpPr>
        <xdr:cNvPr id="529" name="フローチャート: 判断 528">
          <a:extLst>
            <a:ext uri="{FF2B5EF4-FFF2-40B4-BE49-F238E27FC236}">
              <a16:creationId xmlns:a16="http://schemas.microsoft.com/office/drawing/2014/main" id="{17216153-78A7-45E0-9C3D-8B8ECDDC736F}"/>
            </a:ext>
          </a:extLst>
        </xdr:cNvPr>
        <xdr:cNvSpPr/>
      </xdr:nvSpPr>
      <xdr:spPr>
        <a:xfrm>
          <a:off x="14541500" y="6661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160927</xdr:rowOff>
    </xdr:from>
    <xdr:to>
      <xdr:col>72</xdr:col>
      <xdr:colOff>38100</xdr:colOff>
      <xdr:row>39</xdr:row>
      <xdr:rowOff>91077</xdr:rowOff>
    </xdr:to>
    <xdr:sp macro="" textlink="">
      <xdr:nvSpPr>
        <xdr:cNvPr id="530" name="フローチャート: 判断 529">
          <a:extLst>
            <a:ext uri="{FF2B5EF4-FFF2-40B4-BE49-F238E27FC236}">
              <a16:creationId xmlns:a16="http://schemas.microsoft.com/office/drawing/2014/main" id="{E94EE715-B543-4ED3-A45F-AF31C341F710}"/>
            </a:ext>
          </a:extLst>
        </xdr:cNvPr>
        <xdr:cNvSpPr/>
      </xdr:nvSpPr>
      <xdr:spPr>
        <a:xfrm>
          <a:off x="13652500" y="6676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9</xdr:row>
      <xdr:rowOff>74385</xdr:rowOff>
    </xdr:from>
    <xdr:to>
      <xdr:col>67</xdr:col>
      <xdr:colOff>101600</xdr:colOff>
      <xdr:row>40</xdr:row>
      <xdr:rowOff>4535</xdr:rowOff>
    </xdr:to>
    <xdr:sp macro="" textlink="">
      <xdr:nvSpPr>
        <xdr:cNvPr id="531" name="フローチャート: 判断 530">
          <a:extLst>
            <a:ext uri="{FF2B5EF4-FFF2-40B4-BE49-F238E27FC236}">
              <a16:creationId xmlns:a16="http://schemas.microsoft.com/office/drawing/2014/main" id="{6B4CC77F-433B-4BD0-9DF2-5F7FF75EE3B7}"/>
            </a:ext>
          </a:extLst>
        </xdr:cNvPr>
        <xdr:cNvSpPr/>
      </xdr:nvSpPr>
      <xdr:spPr>
        <a:xfrm>
          <a:off x="12763500" y="6760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32" name="テキスト ボックス 531">
          <a:extLst>
            <a:ext uri="{FF2B5EF4-FFF2-40B4-BE49-F238E27FC236}">
              <a16:creationId xmlns:a16="http://schemas.microsoft.com/office/drawing/2014/main" id="{5936029B-D967-4130-949E-2946525B58D7}"/>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33" name="テキスト ボックス 532">
          <a:extLst>
            <a:ext uri="{FF2B5EF4-FFF2-40B4-BE49-F238E27FC236}">
              <a16:creationId xmlns:a16="http://schemas.microsoft.com/office/drawing/2014/main" id="{C3C15363-5D5E-40B0-92A8-73A9998723CF}"/>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34" name="テキスト ボックス 533">
          <a:extLst>
            <a:ext uri="{FF2B5EF4-FFF2-40B4-BE49-F238E27FC236}">
              <a16:creationId xmlns:a16="http://schemas.microsoft.com/office/drawing/2014/main" id="{3D30052E-14CA-4AD5-803C-A8FE86024A17}"/>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35" name="テキスト ボックス 534">
          <a:extLst>
            <a:ext uri="{FF2B5EF4-FFF2-40B4-BE49-F238E27FC236}">
              <a16:creationId xmlns:a16="http://schemas.microsoft.com/office/drawing/2014/main" id="{4FE8E727-78E6-461B-807F-CD988F181140}"/>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36" name="テキスト ボックス 535">
          <a:extLst>
            <a:ext uri="{FF2B5EF4-FFF2-40B4-BE49-F238E27FC236}">
              <a16:creationId xmlns:a16="http://schemas.microsoft.com/office/drawing/2014/main" id="{395B6C06-87F5-4B41-9C6A-A644B300989C}"/>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0</xdr:row>
      <xdr:rowOff>907</xdr:rowOff>
    </xdr:from>
    <xdr:to>
      <xdr:col>85</xdr:col>
      <xdr:colOff>177800</xdr:colOff>
      <xdr:row>40</xdr:row>
      <xdr:rowOff>102507</xdr:rowOff>
    </xdr:to>
    <xdr:sp macro="" textlink="">
      <xdr:nvSpPr>
        <xdr:cNvPr id="537" name="楕円 536">
          <a:extLst>
            <a:ext uri="{FF2B5EF4-FFF2-40B4-BE49-F238E27FC236}">
              <a16:creationId xmlns:a16="http://schemas.microsoft.com/office/drawing/2014/main" id="{1401E713-2CEA-4904-B407-1B67CB3AC2F3}"/>
            </a:ext>
          </a:extLst>
        </xdr:cNvPr>
        <xdr:cNvSpPr/>
      </xdr:nvSpPr>
      <xdr:spPr>
        <a:xfrm>
          <a:off x="16268700" y="6858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9</xdr:row>
      <xdr:rowOff>150784</xdr:rowOff>
    </xdr:from>
    <xdr:ext cx="405111" cy="259045"/>
    <xdr:sp macro="" textlink="">
      <xdr:nvSpPr>
        <xdr:cNvPr id="538" name="【一般廃棄物処理施設】&#10;有形固定資産減価償却率該当値テキスト">
          <a:extLst>
            <a:ext uri="{FF2B5EF4-FFF2-40B4-BE49-F238E27FC236}">
              <a16:creationId xmlns:a16="http://schemas.microsoft.com/office/drawing/2014/main" id="{067A3529-7542-49F2-B362-127511450C42}"/>
            </a:ext>
          </a:extLst>
        </xdr:cNvPr>
        <xdr:cNvSpPr txBox="1"/>
      </xdr:nvSpPr>
      <xdr:spPr>
        <a:xfrm>
          <a:off x="16357600" y="68373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149497</xdr:rowOff>
    </xdr:from>
    <xdr:to>
      <xdr:col>81</xdr:col>
      <xdr:colOff>101600</xdr:colOff>
      <xdr:row>40</xdr:row>
      <xdr:rowOff>79647</xdr:rowOff>
    </xdr:to>
    <xdr:sp macro="" textlink="">
      <xdr:nvSpPr>
        <xdr:cNvPr id="539" name="楕円 538">
          <a:extLst>
            <a:ext uri="{FF2B5EF4-FFF2-40B4-BE49-F238E27FC236}">
              <a16:creationId xmlns:a16="http://schemas.microsoft.com/office/drawing/2014/main" id="{4424BA47-22EF-4BCC-9243-B9FB3097EF7D}"/>
            </a:ext>
          </a:extLst>
        </xdr:cNvPr>
        <xdr:cNvSpPr/>
      </xdr:nvSpPr>
      <xdr:spPr>
        <a:xfrm>
          <a:off x="15430500" y="68360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28847</xdr:rowOff>
    </xdr:from>
    <xdr:to>
      <xdr:col>85</xdr:col>
      <xdr:colOff>127000</xdr:colOff>
      <xdr:row>40</xdr:row>
      <xdr:rowOff>51707</xdr:rowOff>
    </xdr:to>
    <xdr:cxnSp macro="">
      <xdr:nvCxnSpPr>
        <xdr:cNvPr id="540" name="直線コネクタ 539">
          <a:extLst>
            <a:ext uri="{FF2B5EF4-FFF2-40B4-BE49-F238E27FC236}">
              <a16:creationId xmlns:a16="http://schemas.microsoft.com/office/drawing/2014/main" id="{421E2360-E6C1-42D2-AB81-149D34D87E0F}"/>
            </a:ext>
          </a:extLst>
        </xdr:cNvPr>
        <xdr:cNvCxnSpPr/>
      </xdr:nvCxnSpPr>
      <xdr:spPr>
        <a:xfrm>
          <a:off x="15481300" y="6886847"/>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126637</xdr:rowOff>
    </xdr:from>
    <xdr:to>
      <xdr:col>76</xdr:col>
      <xdr:colOff>165100</xdr:colOff>
      <xdr:row>40</xdr:row>
      <xdr:rowOff>56787</xdr:rowOff>
    </xdr:to>
    <xdr:sp macro="" textlink="">
      <xdr:nvSpPr>
        <xdr:cNvPr id="541" name="楕円 540">
          <a:extLst>
            <a:ext uri="{FF2B5EF4-FFF2-40B4-BE49-F238E27FC236}">
              <a16:creationId xmlns:a16="http://schemas.microsoft.com/office/drawing/2014/main" id="{9BF51B58-917B-415A-86ED-C237FB494B7C}"/>
            </a:ext>
          </a:extLst>
        </xdr:cNvPr>
        <xdr:cNvSpPr/>
      </xdr:nvSpPr>
      <xdr:spPr>
        <a:xfrm>
          <a:off x="14541500" y="6813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40</xdr:row>
      <xdr:rowOff>5987</xdr:rowOff>
    </xdr:from>
    <xdr:to>
      <xdr:col>81</xdr:col>
      <xdr:colOff>50800</xdr:colOff>
      <xdr:row>40</xdr:row>
      <xdr:rowOff>28847</xdr:rowOff>
    </xdr:to>
    <xdr:cxnSp macro="">
      <xdr:nvCxnSpPr>
        <xdr:cNvPr id="542" name="直線コネクタ 541">
          <a:extLst>
            <a:ext uri="{FF2B5EF4-FFF2-40B4-BE49-F238E27FC236}">
              <a16:creationId xmlns:a16="http://schemas.microsoft.com/office/drawing/2014/main" id="{496CAD52-B315-4D2E-818D-9D76C74B4CAE}"/>
            </a:ext>
          </a:extLst>
        </xdr:cNvPr>
        <xdr:cNvCxnSpPr/>
      </xdr:nvCxnSpPr>
      <xdr:spPr>
        <a:xfrm>
          <a:off x="14592300" y="6863987"/>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103777</xdr:rowOff>
    </xdr:from>
    <xdr:to>
      <xdr:col>72</xdr:col>
      <xdr:colOff>38100</xdr:colOff>
      <xdr:row>40</xdr:row>
      <xdr:rowOff>33927</xdr:rowOff>
    </xdr:to>
    <xdr:sp macro="" textlink="">
      <xdr:nvSpPr>
        <xdr:cNvPr id="543" name="楕円 542">
          <a:extLst>
            <a:ext uri="{FF2B5EF4-FFF2-40B4-BE49-F238E27FC236}">
              <a16:creationId xmlns:a16="http://schemas.microsoft.com/office/drawing/2014/main" id="{0D397E26-41D8-4D51-B898-01FA10044462}"/>
            </a:ext>
          </a:extLst>
        </xdr:cNvPr>
        <xdr:cNvSpPr/>
      </xdr:nvSpPr>
      <xdr:spPr>
        <a:xfrm>
          <a:off x="13652500" y="6790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54577</xdr:rowOff>
    </xdr:from>
    <xdr:to>
      <xdr:col>76</xdr:col>
      <xdr:colOff>114300</xdr:colOff>
      <xdr:row>40</xdr:row>
      <xdr:rowOff>5987</xdr:rowOff>
    </xdr:to>
    <xdr:cxnSp macro="">
      <xdr:nvCxnSpPr>
        <xdr:cNvPr id="544" name="直線コネクタ 543">
          <a:extLst>
            <a:ext uri="{FF2B5EF4-FFF2-40B4-BE49-F238E27FC236}">
              <a16:creationId xmlns:a16="http://schemas.microsoft.com/office/drawing/2014/main" id="{AB456669-11CF-4AC1-AA40-0B9CB6B61EFF}"/>
            </a:ext>
          </a:extLst>
        </xdr:cNvPr>
        <xdr:cNvCxnSpPr/>
      </xdr:nvCxnSpPr>
      <xdr:spPr>
        <a:xfrm>
          <a:off x="13703300" y="6841127"/>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28666</xdr:rowOff>
    </xdr:from>
    <xdr:to>
      <xdr:col>67</xdr:col>
      <xdr:colOff>101600</xdr:colOff>
      <xdr:row>39</xdr:row>
      <xdr:rowOff>130266</xdr:rowOff>
    </xdr:to>
    <xdr:sp macro="" textlink="">
      <xdr:nvSpPr>
        <xdr:cNvPr id="545" name="楕円 544">
          <a:extLst>
            <a:ext uri="{FF2B5EF4-FFF2-40B4-BE49-F238E27FC236}">
              <a16:creationId xmlns:a16="http://schemas.microsoft.com/office/drawing/2014/main" id="{8881EA4D-6CD2-4095-95CA-74D654BFD0E9}"/>
            </a:ext>
          </a:extLst>
        </xdr:cNvPr>
        <xdr:cNvSpPr/>
      </xdr:nvSpPr>
      <xdr:spPr>
        <a:xfrm>
          <a:off x="12763500" y="6715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79466</xdr:rowOff>
    </xdr:from>
    <xdr:to>
      <xdr:col>71</xdr:col>
      <xdr:colOff>177800</xdr:colOff>
      <xdr:row>39</xdr:row>
      <xdr:rowOff>154577</xdr:rowOff>
    </xdr:to>
    <xdr:cxnSp macro="">
      <xdr:nvCxnSpPr>
        <xdr:cNvPr id="546" name="直線コネクタ 545">
          <a:extLst>
            <a:ext uri="{FF2B5EF4-FFF2-40B4-BE49-F238E27FC236}">
              <a16:creationId xmlns:a16="http://schemas.microsoft.com/office/drawing/2014/main" id="{BEC4C3A1-2BF6-4086-8B5D-02C7BE891812}"/>
            </a:ext>
          </a:extLst>
        </xdr:cNvPr>
        <xdr:cNvCxnSpPr/>
      </xdr:nvCxnSpPr>
      <xdr:spPr>
        <a:xfrm>
          <a:off x="12814300" y="6766016"/>
          <a:ext cx="889000" cy="75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4947</xdr:rowOff>
    </xdr:from>
    <xdr:ext cx="405111" cy="259045"/>
    <xdr:sp macro="" textlink="">
      <xdr:nvSpPr>
        <xdr:cNvPr id="547" name="n_1aveValue【一般廃棄物処理施設】&#10;有形固定資産減価償却率">
          <a:extLst>
            <a:ext uri="{FF2B5EF4-FFF2-40B4-BE49-F238E27FC236}">
              <a16:creationId xmlns:a16="http://schemas.microsoft.com/office/drawing/2014/main" id="{548CB444-E868-4ACE-B42B-78EE53AC277D}"/>
            </a:ext>
          </a:extLst>
        </xdr:cNvPr>
        <xdr:cNvSpPr txBox="1"/>
      </xdr:nvSpPr>
      <xdr:spPr>
        <a:xfrm>
          <a:off x="15266044" y="641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92908</xdr:rowOff>
    </xdr:from>
    <xdr:ext cx="405111" cy="259045"/>
    <xdr:sp macro="" textlink="">
      <xdr:nvSpPr>
        <xdr:cNvPr id="548" name="n_2aveValue【一般廃棄物処理施設】&#10;有形固定資産減価償却率">
          <a:extLst>
            <a:ext uri="{FF2B5EF4-FFF2-40B4-BE49-F238E27FC236}">
              <a16:creationId xmlns:a16="http://schemas.microsoft.com/office/drawing/2014/main" id="{5B3F87DC-F860-449F-A255-58546D29030F}"/>
            </a:ext>
          </a:extLst>
        </xdr:cNvPr>
        <xdr:cNvSpPr txBox="1"/>
      </xdr:nvSpPr>
      <xdr:spPr>
        <a:xfrm>
          <a:off x="14389744" y="64365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7</xdr:row>
      <xdr:rowOff>107604</xdr:rowOff>
    </xdr:from>
    <xdr:ext cx="405111" cy="259045"/>
    <xdr:sp macro="" textlink="">
      <xdr:nvSpPr>
        <xdr:cNvPr id="549" name="n_3aveValue【一般廃棄物処理施設】&#10;有形固定資産減価償却率">
          <a:extLst>
            <a:ext uri="{FF2B5EF4-FFF2-40B4-BE49-F238E27FC236}">
              <a16:creationId xmlns:a16="http://schemas.microsoft.com/office/drawing/2014/main" id="{DE5BF8A7-6B71-479C-8B0D-D538E56F85E3}"/>
            </a:ext>
          </a:extLst>
        </xdr:cNvPr>
        <xdr:cNvSpPr txBox="1"/>
      </xdr:nvSpPr>
      <xdr:spPr>
        <a:xfrm>
          <a:off x="13500744" y="64512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67112</xdr:rowOff>
    </xdr:from>
    <xdr:ext cx="405111" cy="259045"/>
    <xdr:sp macro="" textlink="">
      <xdr:nvSpPr>
        <xdr:cNvPr id="550" name="n_4aveValue【一般廃棄物処理施設】&#10;有形固定資産減価償却率">
          <a:extLst>
            <a:ext uri="{FF2B5EF4-FFF2-40B4-BE49-F238E27FC236}">
              <a16:creationId xmlns:a16="http://schemas.microsoft.com/office/drawing/2014/main" id="{686435EA-189D-4576-9285-58AAB1DF821F}"/>
            </a:ext>
          </a:extLst>
        </xdr:cNvPr>
        <xdr:cNvSpPr txBox="1"/>
      </xdr:nvSpPr>
      <xdr:spPr>
        <a:xfrm>
          <a:off x="12611744" y="6853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40</xdr:row>
      <xdr:rowOff>70774</xdr:rowOff>
    </xdr:from>
    <xdr:ext cx="405111" cy="259045"/>
    <xdr:sp macro="" textlink="">
      <xdr:nvSpPr>
        <xdr:cNvPr id="551" name="n_1mainValue【一般廃棄物処理施設】&#10;有形固定資産減価償却率">
          <a:extLst>
            <a:ext uri="{FF2B5EF4-FFF2-40B4-BE49-F238E27FC236}">
              <a16:creationId xmlns:a16="http://schemas.microsoft.com/office/drawing/2014/main" id="{780EDA5A-719D-44A4-8CDE-93B0CB4EC882}"/>
            </a:ext>
          </a:extLst>
        </xdr:cNvPr>
        <xdr:cNvSpPr txBox="1"/>
      </xdr:nvSpPr>
      <xdr:spPr>
        <a:xfrm>
          <a:off x="15266044" y="69287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47914</xdr:rowOff>
    </xdr:from>
    <xdr:ext cx="405111" cy="259045"/>
    <xdr:sp macro="" textlink="">
      <xdr:nvSpPr>
        <xdr:cNvPr id="552" name="n_2mainValue【一般廃棄物処理施設】&#10;有形固定資産減価償却率">
          <a:extLst>
            <a:ext uri="{FF2B5EF4-FFF2-40B4-BE49-F238E27FC236}">
              <a16:creationId xmlns:a16="http://schemas.microsoft.com/office/drawing/2014/main" id="{A18E2D89-ABBD-41DE-9929-A92554B21513}"/>
            </a:ext>
          </a:extLst>
        </xdr:cNvPr>
        <xdr:cNvSpPr txBox="1"/>
      </xdr:nvSpPr>
      <xdr:spPr>
        <a:xfrm>
          <a:off x="14389744" y="69059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40</xdr:row>
      <xdr:rowOff>25054</xdr:rowOff>
    </xdr:from>
    <xdr:ext cx="405111" cy="259045"/>
    <xdr:sp macro="" textlink="">
      <xdr:nvSpPr>
        <xdr:cNvPr id="553" name="n_3mainValue【一般廃棄物処理施設】&#10;有形固定資産減価償却率">
          <a:extLst>
            <a:ext uri="{FF2B5EF4-FFF2-40B4-BE49-F238E27FC236}">
              <a16:creationId xmlns:a16="http://schemas.microsoft.com/office/drawing/2014/main" id="{34717328-CC19-4D33-891C-927C4AF6D08B}"/>
            </a:ext>
          </a:extLst>
        </xdr:cNvPr>
        <xdr:cNvSpPr txBox="1"/>
      </xdr:nvSpPr>
      <xdr:spPr>
        <a:xfrm>
          <a:off x="13500744" y="6883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46793</xdr:rowOff>
    </xdr:from>
    <xdr:ext cx="405111" cy="259045"/>
    <xdr:sp macro="" textlink="">
      <xdr:nvSpPr>
        <xdr:cNvPr id="554" name="n_4mainValue【一般廃棄物処理施設】&#10;有形固定資産減価償却率">
          <a:extLst>
            <a:ext uri="{FF2B5EF4-FFF2-40B4-BE49-F238E27FC236}">
              <a16:creationId xmlns:a16="http://schemas.microsoft.com/office/drawing/2014/main" id="{C22E7EA1-AB3D-42AB-97CA-DC68BC49D171}"/>
            </a:ext>
          </a:extLst>
        </xdr:cNvPr>
        <xdr:cNvSpPr txBox="1"/>
      </xdr:nvSpPr>
      <xdr:spPr>
        <a:xfrm>
          <a:off x="12611744" y="64904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55" name="正方形/長方形 554">
          <a:extLst>
            <a:ext uri="{FF2B5EF4-FFF2-40B4-BE49-F238E27FC236}">
              <a16:creationId xmlns:a16="http://schemas.microsoft.com/office/drawing/2014/main" id="{D0F93D1A-41F5-4245-9A83-B47986AA440E}"/>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56" name="正方形/長方形 555">
          <a:extLst>
            <a:ext uri="{FF2B5EF4-FFF2-40B4-BE49-F238E27FC236}">
              <a16:creationId xmlns:a16="http://schemas.microsoft.com/office/drawing/2014/main" id="{96B5D873-42D5-4AB9-8AF2-447E112CEBB7}"/>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57" name="正方形/長方形 556">
          <a:extLst>
            <a:ext uri="{FF2B5EF4-FFF2-40B4-BE49-F238E27FC236}">
              <a16:creationId xmlns:a16="http://schemas.microsoft.com/office/drawing/2014/main" id="{D8EBF67A-AC23-4E64-A8B3-D297942FA1C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58" name="正方形/長方形 557">
          <a:extLst>
            <a:ext uri="{FF2B5EF4-FFF2-40B4-BE49-F238E27FC236}">
              <a16:creationId xmlns:a16="http://schemas.microsoft.com/office/drawing/2014/main" id="{923154C5-09FA-4D1A-BAC7-295DE91C6AA5}"/>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59" name="正方形/長方形 558">
          <a:extLst>
            <a:ext uri="{FF2B5EF4-FFF2-40B4-BE49-F238E27FC236}">
              <a16:creationId xmlns:a16="http://schemas.microsoft.com/office/drawing/2014/main" id="{481B7B7E-1F4E-4F7B-904A-B7B542635D5C}"/>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5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60" name="正方形/長方形 559">
          <a:extLst>
            <a:ext uri="{FF2B5EF4-FFF2-40B4-BE49-F238E27FC236}">
              <a16:creationId xmlns:a16="http://schemas.microsoft.com/office/drawing/2014/main" id="{2DEACBC2-D722-4DC2-8DE4-9FFC5CAE0732}"/>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61" name="正方形/長方形 560">
          <a:extLst>
            <a:ext uri="{FF2B5EF4-FFF2-40B4-BE49-F238E27FC236}">
              <a16:creationId xmlns:a16="http://schemas.microsoft.com/office/drawing/2014/main" id="{FD4D9A36-EB36-49DE-B482-81AB5244493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62" name="正方形/長方形 561">
          <a:extLst>
            <a:ext uri="{FF2B5EF4-FFF2-40B4-BE49-F238E27FC236}">
              <a16:creationId xmlns:a16="http://schemas.microsoft.com/office/drawing/2014/main" id="{06B6B5E6-93BB-41FF-8484-C265BBA7CA04}"/>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63" name="テキスト ボックス 562">
          <a:extLst>
            <a:ext uri="{FF2B5EF4-FFF2-40B4-BE49-F238E27FC236}">
              <a16:creationId xmlns:a16="http://schemas.microsoft.com/office/drawing/2014/main" id="{B924BAA7-8C98-4023-B1CF-34ABABF30B1B}"/>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64" name="直線コネクタ 563">
          <a:extLst>
            <a:ext uri="{FF2B5EF4-FFF2-40B4-BE49-F238E27FC236}">
              <a16:creationId xmlns:a16="http://schemas.microsoft.com/office/drawing/2014/main" id="{17525F04-AE42-4C7A-B91D-EF43B112FB91}"/>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65" name="直線コネクタ 564">
          <a:extLst>
            <a:ext uri="{FF2B5EF4-FFF2-40B4-BE49-F238E27FC236}">
              <a16:creationId xmlns:a16="http://schemas.microsoft.com/office/drawing/2014/main" id="{73C12A58-E3D3-4F9F-B747-24E8D178199C}"/>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66" name="テキスト ボックス 565">
          <a:extLst>
            <a:ext uri="{FF2B5EF4-FFF2-40B4-BE49-F238E27FC236}">
              <a16:creationId xmlns:a16="http://schemas.microsoft.com/office/drawing/2014/main" id="{C12F4174-579D-42EF-A378-789AA33E4239}"/>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67" name="直線コネクタ 566">
          <a:extLst>
            <a:ext uri="{FF2B5EF4-FFF2-40B4-BE49-F238E27FC236}">
              <a16:creationId xmlns:a16="http://schemas.microsoft.com/office/drawing/2014/main" id="{1B22ADD2-D1B9-447D-8F95-562445E328BF}"/>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68" name="テキスト ボックス 567">
          <a:extLst>
            <a:ext uri="{FF2B5EF4-FFF2-40B4-BE49-F238E27FC236}">
              <a16:creationId xmlns:a16="http://schemas.microsoft.com/office/drawing/2014/main" id="{4F7F253A-2CF4-4BAC-A9E2-84BDFC8C1B9B}"/>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69" name="直線コネクタ 568">
          <a:extLst>
            <a:ext uri="{FF2B5EF4-FFF2-40B4-BE49-F238E27FC236}">
              <a16:creationId xmlns:a16="http://schemas.microsoft.com/office/drawing/2014/main" id="{23E6941F-20AD-4C2A-BE34-D547B99A6B00}"/>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70" name="テキスト ボックス 569">
          <a:extLst>
            <a:ext uri="{FF2B5EF4-FFF2-40B4-BE49-F238E27FC236}">
              <a16:creationId xmlns:a16="http://schemas.microsoft.com/office/drawing/2014/main" id="{BE3AB85F-32D0-45D7-8E89-C5333C0EA93B}"/>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71" name="直線コネクタ 570">
          <a:extLst>
            <a:ext uri="{FF2B5EF4-FFF2-40B4-BE49-F238E27FC236}">
              <a16:creationId xmlns:a16="http://schemas.microsoft.com/office/drawing/2014/main" id="{21B42EB0-82FA-4AE2-A240-55C5284E785D}"/>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72" name="テキスト ボックス 571">
          <a:extLst>
            <a:ext uri="{FF2B5EF4-FFF2-40B4-BE49-F238E27FC236}">
              <a16:creationId xmlns:a16="http://schemas.microsoft.com/office/drawing/2014/main" id="{1916BA52-D984-44EB-9C41-97327BE8C67B}"/>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73" name="直線コネクタ 572">
          <a:extLst>
            <a:ext uri="{FF2B5EF4-FFF2-40B4-BE49-F238E27FC236}">
              <a16:creationId xmlns:a16="http://schemas.microsoft.com/office/drawing/2014/main" id="{72938793-0674-4167-9F6D-F3420BA5E62A}"/>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74" name="テキスト ボックス 573">
          <a:extLst>
            <a:ext uri="{FF2B5EF4-FFF2-40B4-BE49-F238E27FC236}">
              <a16:creationId xmlns:a16="http://schemas.microsoft.com/office/drawing/2014/main" id="{C3907116-1033-47F5-AFD4-2D8BCD6E4E10}"/>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75" name="【一般廃棄物処理施設】&#10;一人当たり有形固定資産（償却資産）額グラフ枠">
          <a:extLst>
            <a:ext uri="{FF2B5EF4-FFF2-40B4-BE49-F238E27FC236}">
              <a16:creationId xmlns:a16="http://schemas.microsoft.com/office/drawing/2014/main" id="{F41FE918-73D1-403F-9CE1-ED5701EB7ED9}"/>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160105</xdr:rowOff>
    </xdr:from>
    <xdr:to>
      <xdr:col>116</xdr:col>
      <xdr:colOff>62864</xdr:colOff>
      <xdr:row>41</xdr:row>
      <xdr:rowOff>103728</xdr:rowOff>
    </xdr:to>
    <xdr:cxnSp macro="">
      <xdr:nvCxnSpPr>
        <xdr:cNvPr id="576" name="直線コネクタ 575">
          <a:extLst>
            <a:ext uri="{FF2B5EF4-FFF2-40B4-BE49-F238E27FC236}">
              <a16:creationId xmlns:a16="http://schemas.microsoft.com/office/drawing/2014/main" id="{4148DAC6-BB97-4B72-B2C0-9BBE6D01942C}"/>
            </a:ext>
          </a:extLst>
        </xdr:cNvPr>
        <xdr:cNvCxnSpPr/>
      </xdr:nvCxnSpPr>
      <xdr:spPr>
        <a:xfrm flipV="1">
          <a:off x="22160864" y="5817955"/>
          <a:ext cx="0" cy="1315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7555</xdr:rowOff>
    </xdr:from>
    <xdr:ext cx="469744" cy="259045"/>
    <xdr:sp macro="" textlink="">
      <xdr:nvSpPr>
        <xdr:cNvPr id="577" name="【一般廃棄物処理施設】&#10;一人当たり有形固定資産（償却資産）額最小値テキスト">
          <a:extLst>
            <a:ext uri="{FF2B5EF4-FFF2-40B4-BE49-F238E27FC236}">
              <a16:creationId xmlns:a16="http://schemas.microsoft.com/office/drawing/2014/main" id="{F9CA90C9-18A7-432D-BCD7-C89105C2ADCD}"/>
            </a:ext>
          </a:extLst>
        </xdr:cNvPr>
        <xdr:cNvSpPr txBox="1"/>
      </xdr:nvSpPr>
      <xdr:spPr>
        <a:xfrm>
          <a:off x="22199600" y="71370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3728</xdr:rowOff>
    </xdr:from>
    <xdr:to>
      <xdr:col>116</xdr:col>
      <xdr:colOff>152400</xdr:colOff>
      <xdr:row>41</xdr:row>
      <xdr:rowOff>103728</xdr:rowOff>
    </xdr:to>
    <xdr:cxnSp macro="">
      <xdr:nvCxnSpPr>
        <xdr:cNvPr id="578" name="直線コネクタ 577">
          <a:extLst>
            <a:ext uri="{FF2B5EF4-FFF2-40B4-BE49-F238E27FC236}">
              <a16:creationId xmlns:a16="http://schemas.microsoft.com/office/drawing/2014/main" id="{905104F8-FB3C-4941-86AA-8A351BE4EFAF}"/>
            </a:ext>
          </a:extLst>
        </xdr:cNvPr>
        <xdr:cNvCxnSpPr/>
      </xdr:nvCxnSpPr>
      <xdr:spPr>
        <a:xfrm>
          <a:off x="22072600" y="71331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06782</xdr:rowOff>
    </xdr:from>
    <xdr:ext cx="599010" cy="259045"/>
    <xdr:sp macro="" textlink="">
      <xdr:nvSpPr>
        <xdr:cNvPr id="579" name="【一般廃棄物処理施設】&#10;一人当たり有形固定資産（償却資産）額最大値テキスト">
          <a:extLst>
            <a:ext uri="{FF2B5EF4-FFF2-40B4-BE49-F238E27FC236}">
              <a16:creationId xmlns:a16="http://schemas.microsoft.com/office/drawing/2014/main" id="{2F2D6380-8600-469F-92AB-10AB5B9002C5}"/>
            </a:ext>
          </a:extLst>
        </xdr:cNvPr>
        <xdr:cNvSpPr txBox="1"/>
      </xdr:nvSpPr>
      <xdr:spPr>
        <a:xfrm>
          <a:off x="22199600" y="5593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160105</xdr:rowOff>
    </xdr:from>
    <xdr:to>
      <xdr:col>116</xdr:col>
      <xdr:colOff>152400</xdr:colOff>
      <xdr:row>33</xdr:row>
      <xdr:rowOff>160105</xdr:rowOff>
    </xdr:to>
    <xdr:cxnSp macro="">
      <xdr:nvCxnSpPr>
        <xdr:cNvPr id="580" name="直線コネクタ 579">
          <a:extLst>
            <a:ext uri="{FF2B5EF4-FFF2-40B4-BE49-F238E27FC236}">
              <a16:creationId xmlns:a16="http://schemas.microsoft.com/office/drawing/2014/main" id="{D5E445BF-2A13-4772-8561-1494E21797C5}"/>
            </a:ext>
          </a:extLst>
        </xdr:cNvPr>
        <xdr:cNvCxnSpPr/>
      </xdr:nvCxnSpPr>
      <xdr:spPr>
        <a:xfrm>
          <a:off x="22072600" y="5817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24287</xdr:rowOff>
    </xdr:from>
    <xdr:ext cx="534377" cy="259045"/>
    <xdr:sp macro="" textlink="">
      <xdr:nvSpPr>
        <xdr:cNvPr id="581" name="【一般廃棄物処理施設】&#10;一人当たり有形固定資産（償却資産）額平均値テキスト">
          <a:extLst>
            <a:ext uri="{FF2B5EF4-FFF2-40B4-BE49-F238E27FC236}">
              <a16:creationId xmlns:a16="http://schemas.microsoft.com/office/drawing/2014/main" id="{0159DBE1-17F7-4392-950F-8477720B1452}"/>
            </a:ext>
          </a:extLst>
        </xdr:cNvPr>
        <xdr:cNvSpPr txBox="1"/>
      </xdr:nvSpPr>
      <xdr:spPr>
        <a:xfrm>
          <a:off x="22199600" y="67108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5860</xdr:rowOff>
    </xdr:from>
    <xdr:to>
      <xdr:col>116</xdr:col>
      <xdr:colOff>114300</xdr:colOff>
      <xdr:row>39</xdr:row>
      <xdr:rowOff>147460</xdr:rowOff>
    </xdr:to>
    <xdr:sp macro="" textlink="">
      <xdr:nvSpPr>
        <xdr:cNvPr id="582" name="フローチャート: 判断 581">
          <a:extLst>
            <a:ext uri="{FF2B5EF4-FFF2-40B4-BE49-F238E27FC236}">
              <a16:creationId xmlns:a16="http://schemas.microsoft.com/office/drawing/2014/main" id="{E19A7121-CB83-4244-95C6-D331ABBA87A8}"/>
            </a:ext>
          </a:extLst>
        </xdr:cNvPr>
        <xdr:cNvSpPr/>
      </xdr:nvSpPr>
      <xdr:spPr>
        <a:xfrm>
          <a:off x="22110700" y="6732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36917</xdr:rowOff>
    </xdr:from>
    <xdr:to>
      <xdr:col>112</xdr:col>
      <xdr:colOff>38100</xdr:colOff>
      <xdr:row>39</xdr:row>
      <xdr:rowOff>138517</xdr:rowOff>
    </xdr:to>
    <xdr:sp macro="" textlink="">
      <xdr:nvSpPr>
        <xdr:cNvPr id="583" name="フローチャート: 判断 582">
          <a:extLst>
            <a:ext uri="{FF2B5EF4-FFF2-40B4-BE49-F238E27FC236}">
              <a16:creationId xmlns:a16="http://schemas.microsoft.com/office/drawing/2014/main" id="{D0C284F6-40A5-44A2-8ADE-6D3E79014F50}"/>
            </a:ext>
          </a:extLst>
        </xdr:cNvPr>
        <xdr:cNvSpPr/>
      </xdr:nvSpPr>
      <xdr:spPr>
        <a:xfrm>
          <a:off x="21272500" y="6723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36743</xdr:rowOff>
    </xdr:from>
    <xdr:to>
      <xdr:col>107</xdr:col>
      <xdr:colOff>101600</xdr:colOff>
      <xdr:row>39</xdr:row>
      <xdr:rowOff>138343</xdr:rowOff>
    </xdr:to>
    <xdr:sp macro="" textlink="">
      <xdr:nvSpPr>
        <xdr:cNvPr id="584" name="フローチャート: 判断 583">
          <a:extLst>
            <a:ext uri="{FF2B5EF4-FFF2-40B4-BE49-F238E27FC236}">
              <a16:creationId xmlns:a16="http://schemas.microsoft.com/office/drawing/2014/main" id="{76E3213C-0A15-4783-9C5C-48B70850827C}"/>
            </a:ext>
          </a:extLst>
        </xdr:cNvPr>
        <xdr:cNvSpPr/>
      </xdr:nvSpPr>
      <xdr:spPr>
        <a:xfrm>
          <a:off x="20383500" y="6723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8068</xdr:rowOff>
    </xdr:from>
    <xdr:to>
      <xdr:col>102</xdr:col>
      <xdr:colOff>165100</xdr:colOff>
      <xdr:row>39</xdr:row>
      <xdr:rowOff>149668</xdr:rowOff>
    </xdr:to>
    <xdr:sp macro="" textlink="">
      <xdr:nvSpPr>
        <xdr:cNvPr id="585" name="フローチャート: 判断 584">
          <a:extLst>
            <a:ext uri="{FF2B5EF4-FFF2-40B4-BE49-F238E27FC236}">
              <a16:creationId xmlns:a16="http://schemas.microsoft.com/office/drawing/2014/main" id="{A33F9FE4-1CB2-43B7-9838-CDFB888260AA}"/>
            </a:ext>
          </a:extLst>
        </xdr:cNvPr>
        <xdr:cNvSpPr/>
      </xdr:nvSpPr>
      <xdr:spPr>
        <a:xfrm>
          <a:off x="19494500" y="67346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77553</xdr:rowOff>
    </xdr:from>
    <xdr:to>
      <xdr:col>98</xdr:col>
      <xdr:colOff>38100</xdr:colOff>
      <xdr:row>40</xdr:row>
      <xdr:rowOff>7703</xdr:rowOff>
    </xdr:to>
    <xdr:sp macro="" textlink="">
      <xdr:nvSpPr>
        <xdr:cNvPr id="586" name="フローチャート: 判断 585">
          <a:extLst>
            <a:ext uri="{FF2B5EF4-FFF2-40B4-BE49-F238E27FC236}">
              <a16:creationId xmlns:a16="http://schemas.microsoft.com/office/drawing/2014/main" id="{F8774FFC-24E0-4C39-A8AA-1A0EDE674D96}"/>
            </a:ext>
          </a:extLst>
        </xdr:cNvPr>
        <xdr:cNvSpPr/>
      </xdr:nvSpPr>
      <xdr:spPr>
        <a:xfrm>
          <a:off x="18605500" y="6764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87" name="テキスト ボックス 586">
          <a:extLst>
            <a:ext uri="{FF2B5EF4-FFF2-40B4-BE49-F238E27FC236}">
              <a16:creationId xmlns:a16="http://schemas.microsoft.com/office/drawing/2014/main" id="{05925231-6882-4162-AF14-07A883723ABB}"/>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88" name="テキスト ボックス 587">
          <a:extLst>
            <a:ext uri="{FF2B5EF4-FFF2-40B4-BE49-F238E27FC236}">
              <a16:creationId xmlns:a16="http://schemas.microsoft.com/office/drawing/2014/main" id="{CDB94C61-FF9A-4235-892C-5338D02EAAA1}"/>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89" name="テキスト ボックス 588">
          <a:extLst>
            <a:ext uri="{FF2B5EF4-FFF2-40B4-BE49-F238E27FC236}">
              <a16:creationId xmlns:a16="http://schemas.microsoft.com/office/drawing/2014/main" id="{D480D709-7AB2-4654-92D5-2358DD416AFD}"/>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90" name="テキスト ボックス 589">
          <a:extLst>
            <a:ext uri="{FF2B5EF4-FFF2-40B4-BE49-F238E27FC236}">
              <a16:creationId xmlns:a16="http://schemas.microsoft.com/office/drawing/2014/main" id="{41DB9863-3644-4092-81E8-98A6FB11B4E9}"/>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91" name="テキスト ボックス 590">
          <a:extLst>
            <a:ext uri="{FF2B5EF4-FFF2-40B4-BE49-F238E27FC236}">
              <a16:creationId xmlns:a16="http://schemas.microsoft.com/office/drawing/2014/main" id="{36B24124-EC42-48DE-978A-CCB8E6CF849F}"/>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2967</xdr:rowOff>
    </xdr:from>
    <xdr:to>
      <xdr:col>116</xdr:col>
      <xdr:colOff>114300</xdr:colOff>
      <xdr:row>39</xdr:row>
      <xdr:rowOff>93117</xdr:rowOff>
    </xdr:to>
    <xdr:sp macro="" textlink="">
      <xdr:nvSpPr>
        <xdr:cNvPr id="592" name="楕円 591">
          <a:extLst>
            <a:ext uri="{FF2B5EF4-FFF2-40B4-BE49-F238E27FC236}">
              <a16:creationId xmlns:a16="http://schemas.microsoft.com/office/drawing/2014/main" id="{66995657-4591-4613-A330-F2F5CB79631B}"/>
            </a:ext>
          </a:extLst>
        </xdr:cNvPr>
        <xdr:cNvSpPr/>
      </xdr:nvSpPr>
      <xdr:spPr>
        <a:xfrm>
          <a:off x="22110700" y="6678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8</xdr:row>
      <xdr:rowOff>14394</xdr:rowOff>
    </xdr:from>
    <xdr:ext cx="534377" cy="259045"/>
    <xdr:sp macro="" textlink="">
      <xdr:nvSpPr>
        <xdr:cNvPr id="593" name="【一般廃棄物処理施設】&#10;一人当たり有形固定資産（償却資産）額該当値テキスト">
          <a:extLst>
            <a:ext uri="{FF2B5EF4-FFF2-40B4-BE49-F238E27FC236}">
              <a16:creationId xmlns:a16="http://schemas.microsoft.com/office/drawing/2014/main" id="{62FF08DF-8128-44E0-AA5D-CDD538FBA863}"/>
            </a:ext>
          </a:extLst>
        </xdr:cNvPr>
        <xdr:cNvSpPr txBox="1"/>
      </xdr:nvSpPr>
      <xdr:spPr>
        <a:xfrm>
          <a:off x="22199600" y="6529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3598</xdr:rowOff>
    </xdr:from>
    <xdr:to>
      <xdr:col>112</xdr:col>
      <xdr:colOff>38100</xdr:colOff>
      <xdr:row>39</xdr:row>
      <xdr:rowOff>93748</xdr:rowOff>
    </xdr:to>
    <xdr:sp macro="" textlink="">
      <xdr:nvSpPr>
        <xdr:cNvPr id="594" name="楕円 593">
          <a:extLst>
            <a:ext uri="{FF2B5EF4-FFF2-40B4-BE49-F238E27FC236}">
              <a16:creationId xmlns:a16="http://schemas.microsoft.com/office/drawing/2014/main" id="{916B2C4A-4D67-49A1-888E-6AD96B8C3158}"/>
            </a:ext>
          </a:extLst>
        </xdr:cNvPr>
        <xdr:cNvSpPr/>
      </xdr:nvSpPr>
      <xdr:spPr>
        <a:xfrm>
          <a:off x="21272500" y="6678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9</xdr:row>
      <xdr:rowOff>42317</xdr:rowOff>
    </xdr:from>
    <xdr:to>
      <xdr:col>116</xdr:col>
      <xdr:colOff>63500</xdr:colOff>
      <xdr:row>39</xdr:row>
      <xdr:rowOff>42948</xdr:rowOff>
    </xdr:to>
    <xdr:cxnSp macro="">
      <xdr:nvCxnSpPr>
        <xdr:cNvPr id="595" name="直線コネクタ 594">
          <a:extLst>
            <a:ext uri="{FF2B5EF4-FFF2-40B4-BE49-F238E27FC236}">
              <a16:creationId xmlns:a16="http://schemas.microsoft.com/office/drawing/2014/main" id="{E9CB5021-A90F-4EC8-8055-E4DB1CDE29F2}"/>
            </a:ext>
          </a:extLst>
        </xdr:cNvPr>
        <xdr:cNvCxnSpPr/>
      </xdr:nvCxnSpPr>
      <xdr:spPr>
        <a:xfrm flipV="1">
          <a:off x="21323300" y="6728867"/>
          <a:ext cx="838200" cy="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68901</xdr:rowOff>
    </xdr:from>
    <xdr:to>
      <xdr:col>107</xdr:col>
      <xdr:colOff>101600</xdr:colOff>
      <xdr:row>39</xdr:row>
      <xdr:rowOff>99051</xdr:rowOff>
    </xdr:to>
    <xdr:sp macro="" textlink="">
      <xdr:nvSpPr>
        <xdr:cNvPr id="596" name="楕円 595">
          <a:extLst>
            <a:ext uri="{FF2B5EF4-FFF2-40B4-BE49-F238E27FC236}">
              <a16:creationId xmlns:a16="http://schemas.microsoft.com/office/drawing/2014/main" id="{DE8B228C-4FAF-40CD-97D5-7D3DC57F2A93}"/>
            </a:ext>
          </a:extLst>
        </xdr:cNvPr>
        <xdr:cNvSpPr/>
      </xdr:nvSpPr>
      <xdr:spPr>
        <a:xfrm>
          <a:off x="20383500" y="66840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2948</xdr:rowOff>
    </xdr:from>
    <xdr:to>
      <xdr:col>111</xdr:col>
      <xdr:colOff>177800</xdr:colOff>
      <xdr:row>39</xdr:row>
      <xdr:rowOff>48251</xdr:rowOff>
    </xdr:to>
    <xdr:cxnSp macro="">
      <xdr:nvCxnSpPr>
        <xdr:cNvPr id="597" name="直線コネクタ 596">
          <a:extLst>
            <a:ext uri="{FF2B5EF4-FFF2-40B4-BE49-F238E27FC236}">
              <a16:creationId xmlns:a16="http://schemas.microsoft.com/office/drawing/2014/main" id="{B49E2510-1011-4880-8CDD-FCE8D1EBB3E1}"/>
            </a:ext>
          </a:extLst>
        </xdr:cNvPr>
        <xdr:cNvCxnSpPr/>
      </xdr:nvCxnSpPr>
      <xdr:spPr>
        <a:xfrm flipV="1">
          <a:off x="20434300" y="6729498"/>
          <a:ext cx="889000" cy="53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1909</xdr:rowOff>
    </xdr:from>
    <xdr:to>
      <xdr:col>102</xdr:col>
      <xdr:colOff>165100</xdr:colOff>
      <xdr:row>39</xdr:row>
      <xdr:rowOff>103509</xdr:rowOff>
    </xdr:to>
    <xdr:sp macro="" textlink="">
      <xdr:nvSpPr>
        <xdr:cNvPr id="598" name="楕円 597">
          <a:extLst>
            <a:ext uri="{FF2B5EF4-FFF2-40B4-BE49-F238E27FC236}">
              <a16:creationId xmlns:a16="http://schemas.microsoft.com/office/drawing/2014/main" id="{8F794248-7574-4AE6-9FA1-0049ADBD4216}"/>
            </a:ext>
          </a:extLst>
        </xdr:cNvPr>
        <xdr:cNvSpPr/>
      </xdr:nvSpPr>
      <xdr:spPr>
        <a:xfrm>
          <a:off x="19494500" y="66884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9</xdr:row>
      <xdr:rowOff>48251</xdr:rowOff>
    </xdr:from>
    <xdr:to>
      <xdr:col>107</xdr:col>
      <xdr:colOff>50800</xdr:colOff>
      <xdr:row>39</xdr:row>
      <xdr:rowOff>52709</xdr:rowOff>
    </xdr:to>
    <xdr:cxnSp macro="">
      <xdr:nvCxnSpPr>
        <xdr:cNvPr id="599" name="直線コネクタ 598">
          <a:extLst>
            <a:ext uri="{FF2B5EF4-FFF2-40B4-BE49-F238E27FC236}">
              <a16:creationId xmlns:a16="http://schemas.microsoft.com/office/drawing/2014/main" id="{C54CD122-0E18-4C0C-AD93-F0C8568D1E07}"/>
            </a:ext>
          </a:extLst>
        </xdr:cNvPr>
        <xdr:cNvCxnSpPr/>
      </xdr:nvCxnSpPr>
      <xdr:spPr>
        <a:xfrm flipV="1">
          <a:off x="19545300" y="6734801"/>
          <a:ext cx="889000" cy="4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39</xdr:row>
      <xdr:rowOff>14583</xdr:rowOff>
    </xdr:from>
    <xdr:to>
      <xdr:col>98</xdr:col>
      <xdr:colOff>38100</xdr:colOff>
      <xdr:row>39</xdr:row>
      <xdr:rowOff>116183</xdr:rowOff>
    </xdr:to>
    <xdr:sp macro="" textlink="">
      <xdr:nvSpPr>
        <xdr:cNvPr id="600" name="楕円 599">
          <a:extLst>
            <a:ext uri="{FF2B5EF4-FFF2-40B4-BE49-F238E27FC236}">
              <a16:creationId xmlns:a16="http://schemas.microsoft.com/office/drawing/2014/main" id="{2A49EFC6-F99B-4BBF-A938-2D3E285B2294}"/>
            </a:ext>
          </a:extLst>
        </xdr:cNvPr>
        <xdr:cNvSpPr/>
      </xdr:nvSpPr>
      <xdr:spPr>
        <a:xfrm>
          <a:off x="18605500" y="67011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39</xdr:row>
      <xdr:rowOff>52709</xdr:rowOff>
    </xdr:from>
    <xdr:to>
      <xdr:col>102</xdr:col>
      <xdr:colOff>114300</xdr:colOff>
      <xdr:row>39</xdr:row>
      <xdr:rowOff>65383</xdr:rowOff>
    </xdr:to>
    <xdr:cxnSp macro="">
      <xdr:nvCxnSpPr>
        <xdr:cNvPr id="601" name="直線コネクタ 600">
          <a:extLst>
            <a:ext uri="{FF2B5EF4-FFF2-40B4-BE49-F238E27FC236}">
              <a16:creationId xmlns:a16="http://schemas.microsoft.com/office/drawing/2014/main" id="{1C3DC45B-0171-41DB-8A0A-172D8F9515EF}"/>
            </a:ext>
          </a:extLst>
        </xdr:cNvPr>
        <xdr:cNvCxnSpPr/>
      </xdr:nvCxnSpPr>
      <xdr:spPr>
        <a:xfrm flipV="1">
          <a:off x="18656300" y="6739259"/>
          <a:ext cx="889000" cy="12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9</xdr:row>
      <xdr:rowOff>129644</xdr:rowOff>
    </xdr:from>
    <xdr:ext cx="534377" cy="259045"/>
    <xdr:sp macro="" textlink="">
      <xdr:nvSpPr>
        <xdr:cNvPr id="602" name="n_1aveValue【一般廃棄物処理施設】&#10;一人当たり有形固定資産（償却資産）額">
          <a:extLst>
            <a:ext uri="{FF2B5EF4-FFF2-40B4-BE49-F238E27FC236}">
              <a16:creationId xmlns:a16="http://schemas.microsoft.com/office/drawing/2014/main" id="{9AA8972F-F7C2-4279-89EB-FA0D1FC184C6}"/>
            </a:ext>
          </a:extLst>
        </xdr:cNvPr>
        <xdr:cNvSpPr txBox="1"/>
      </xdr:nvSpPr>
      <xdr:spPr>
        <a:xfrm>
          <a:off x="21043411" y="68161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9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9</xdr:row>
      <xdr:rowOff>129470</xdr:rowOff>
    </xdr:from>
    <xdr:ext cx="534377" cy="259045"/>
    <xdr:sp macro="" textlink="">
      <xdr:nvSpPr>
        <xdr:cNvPr id="603" name="n_2aveValue【一般廃棄物処理施設】&#10;一人当たり有形固定資産（償却資産）額">
          <a:extLst>
            <a:ext uri="{FF2B5EF4-FFF2-40B4-BE49-F238E27FC236}">
              <a16:creationId xmlns:a16="http://schemas.microsoft.com/office/drawing/2014/main" id="{6FF28B11-2094-49C6-8DE6-34BB480D92B6}"/>
            </a:ext>
          </a:extLst>
        </xdr:cNvPr>
        <xdr:cNvSpPr txBox="1"/>
      </xdr:nvSpPr>
      <xdr:spPr>
        <a:xfrm>
          <a:off x="20167111" y="6816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9</xdr:row>
      <xdr:rowOff>140795</xdr:rowOff>
    </xdr:from>
    <xdr:ext cx="534377" cy="259045"/>
    <xdr:sp macro="" textlink="">
      <xdr:nvSpPr>
        <xdr:cNvPr id="604" name="n_3aveValue【一般廃棄物処理施設】&#10;一人当たり有形固定資産（償却資産）額">
          <a:extLst>
            <a:ext uri="{FF2B5EF4-FFF2-40B4-BE49-F238E27FC236}">
              <a16:creationId xmlns:a16="http://schemas.microsoft.com/office/drawing/2014/main" id="{3BD970CA-4143-4BB7-B9B4-0347FC6C278A}"/>
            </a:ext>
          </a:extLst>
        </xdr:cNvPr>
        <xdr:cNvSpPr txBox="1"/>
      </xdr:nvSpPr>
      <xdr:spPr>
        <a:xfrm>
          <a:off x="19278111" y="68273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9</xdr:row>
      <xdr:rowOff>170280</xdr:rowOff>
    </xdr:from>
    <xdr:ext cx="534377" cy="259045"/>
    <xdr:sp macro="" textlink="">
      <xdr:nvSpPr>
        <xdr:cNvPr id="605" name="n_4aveValue【一般廃棄物処理施設】&#10;一人当たり有形固定資産（償却資産）額">
          <a:extLst>
            <a:ext uri="{FF2B5EF4-FFF2-40B4-BE49-F238E27FC236}">
              <a16:creationId xmlns:a16="http://schemas.microsoft.com/office/drawing/2014/main" id="{561AA225-54E6-4CF1-A497-5BB20288B8FA}"/>
            </a:ext>
          </a:extLst>
        </xdr:cNvPr>
        <xdr:cNvSpPr txBox="1"/>
      </xdr:nvSpPr>
      <xdr:spPr>
        <a:xfrm>
          <a:off x="18389111" y="68568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7</xdr:row>
      <xdr:rowOff>110275</xdr:rowOff>
    </xdr:from>
    <xdr:ext cx="534377" cy="259045"/>
    <xdr:sp macro="" textlink="">
      <xdr:nvSpPr>
        <xdr:cNvPr id="606" name="n_1mainValue【一般廃棄物処理施設】&#10;一人当たり有形固定資産（償却資産）額">
          <a:extLst>
            <a:ext uri="{FF2B5EF4-FFF2-40B4-BE49-F238E27FC236}">
              <a16:creationId xmlns:a16="http://schemas.microsoft.com/office/drawing/2014/main" id="{4F319529-A17A-4173-B323-805E7B9A779C}"/>
            </a:ext>
          </a:extLst>
        </xdr:cNvPr>
        <xdr:cNvSpPr txBox="1"/>
      </xdr:nvSpPr>
      <xdr:spPr>
        <a:xfrm>
          <a:off x="21043411" y="64539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7</xdr:row>
      <xdr:rowOff>115578</xdr:rowOff>
    </xdr:from>
    <xdr:ext cx="534377" cy="259045"/>
    <xdr:sp macro="" textlink="">
      <xdr:nvSpPr>
        <xdr:cNvPr id="607" name="n_2mainValue【一般廃棄物処理施設】&#10;一人当たり有形固定資産（償却資産）額">
          <a:extLst>
            <a:ext uri="{FF2B5EF4-FFF2-40B4-BE49-F238E27FC236}">
              <a16:creationId xmlns:a16="http://schemas.microsoft.com/office/drawing/2014/main" id="{67757C25-CE10-415C-A766-0D8ED9CF55AD}"/>
            </a:ext>
          </a:extLst>
        </xdr:cNvPr>
        <xdr:cNvSpPr txBox="1"/>
      </xdr:nvSpPr>
      <xdr:spPr>
        <a:xfrm>
          <a:off x="20167111" y="6459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7</xdr:row>
      <xdr:rowOff>120036</xdr:rowOff>
    </xdr:from>
    <xdr:ext cx="534377" cy="259045"/>
    <xdr:sp macro="" textlink="">
      <xdr:nvSpPr>
        <xdr:cNvPr id="608" name="n_3mainValue【一般廃棄物処理施設】&#10;一人当たり有形固定資産（償却資産）額">
          <a:extLst>
            <a:ext uri="{FF2B5EF4-FFF2-40B4-BE49-F238E27FC236}">
              <a16:creationId xmlns:a16="http://schemas.microsoft.com/office/drawing/2014/main" id="{32DD94B2-7017-4BEC-8615-3ED07B08D883}"/>
            </a:ext>
          </a:extLst>
        </xdr:cNvPr>
        <xdr:cNvSpPr txBox="1"/>
      </xdr:nvSpPr>
      <xdr:spPr>
        <a:xfrm>
          <a:off x="19278111" y="6463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7</xdr:row>
      <xdr:rowOff>132710</xdr:rowOff>
    </xdr:from>
    <xdr:ext cx="534377" cy="259045"/>
    <xdr:sp macro="" textlink="">
      <xdr:nvSpPr>
        <xdr:cNvPr id="609" name="n_4mainValue【一般廃棄物処理施設】&#10;一人当たり有形固定資産（償却資産）額">
          <a:extLst>
            <a:ext uri="{FF2B5EF4-FFF2-40B4-BE49-F238E27FC236}">
              <a16:creationId xmlns:a16="http://schemas.microsoft.com/office/drawing/2014/main" id="{76137FFE-214E-4E25-92FA-19280B056D9C}"/>
            </a:ext>
          </a:extLst>
        </xdr:cNvPr>
        <xdr:cNvSpPr txBox="1"/>
      </xdr:nvSpPr>
      <xdr:spPr>
        <a:xfrm>
          <a:off x="18389111" y="6476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610" name="正方形/長方形 609">
          <a:extLst>
            <a:ext uri="{FF2B5EF4-FFF2-40B4-BE49-F238E27FC236}">
              <a16:creationId xmlns:a16="http://schemas.microsoft.com/office/drawing/2014/main" id="{C142A181-019A-4C94-A9C9-0AC4345C5979}"/>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611" name="正方形/長方形 610">
          <a:extLst>
            <a:ext uri="{FF2B5EF4-FFF2-40B4-BE49-F238E27FC236}">
              <a16:creationId xmlns:a16="http://schemas.microsoft.com/office/drawing/2014/main" id="{F9AD0CEC-04F7-401F-9B95-E7298CC78F4A}"/>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612" name="正方形/長方形 611">
          <a:extLst>
            <a:ext uri="{FF2B5EF4-FFF2-40B4-BE49-F238E27FC236}">
              <a16:creationId xmlns:a16="http://schemas.microsoft.com/office/drawing/2014/main" id="{04D8F6A0-ADE6-47FD-AEF4-EB325818E589}"/>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613" name="正方形/長方形 612">
          <a:extLst>
            <a:ext uri="{FF2B5EF4-FFF2-40B4-BE49-F238E27FC236}">
              <a16:creationId xmlns:a16="http://schemas.microsoft.com/office/drawing/2014/main" id="{7242CA56-C656-4B6F-80B1-AD41033297B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614" name="正方形/長方形 613">
          <a:extLst>
            <a:ext uri="{FF2B5EF4-FFF2-40B4-BE49-F238E27FC236}">
              <a16:creationId xmlns:a16="http://schemas.microsoft.com/office/drawing/2014/main" id="{D588042D-4DF1-4068-AE28-0CC0FDDE1088}"/>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615" name="正方形/長方形 614">
          <a:extLst>
            <a:ext uri="{FF2B5EF4-FFF2-40B4-BE49-F238E27FC236}">
              <a16:creationId xmlns:a16="http://schemas.microsoft.com/office/drawing/2014/main" id="{F791114B-C4C9-4D2D-8C21-15424E4BA42C}"/>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616" name="正方形/長方形 615">
          <a:extLst>
            <a:ext uri="{FF2B5EF4-FFF2-40B4-BE49-F238E27FC236}">
              <a16:creationId xmlns:a16="http://schemas.microsoft.com/office/drawing/2014/main" id="{6AC6B87D-499C-45A8-842E-6574B85D22D5}"/>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617" name="正方形/長方形 616">
          <a:extLst>
            <a:ext uri="{FF2B5EF4-FFF2-40B4-BE49-F238E27FC236}">
              <a16:creationId xmlns:a16="http://schemas.microsoft.com/office/drawing/2014/main" id="{DCD4DB31-CDE5-4A93-A254-D52BE0401217}"/>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618" name="正方形/長方形 617">
          <a:extLst>
            <a:ext uri="{FF2B5EF4-FFF2-40B4-BE49-F238E27FC236}">
              <a16:creationId xmlns:a16="http://schemas.microsoft.com/office/drawing/2014/main" id="{BCDE0C87-6D64-438D-AA57-7097A5E662E9}"/>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19" name="正方形/長方形 618">
          <a:extLst>
            <a:ext uri="{FF2B5EF4-FFF2-40B4-BE49-F238E27FC236}">
              <a16:creationId xmlns:a16="http://schemas.microsoft.com/office/drawing/2014/main" id="{649BDD04-7056-46C1-B155-CAA9C526028F}"/>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20" name="正方形/長方形 619">
          <a:extLst>
            <a:ext uri="{FF2B5EF4-FFF2-40B4-BE49-F238E27FC236}">
              <a16:creationId xmlns:a16="http://schemas.microsoft.com/office/drawing/2014/main" id="{E880FBF0-41CC-4AE4-941F-C701AA6D365B}"/>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21" name="正方形/長方形 620">
          <a:extLst>
            <a:ext uri="{FF2B5EF4-FFF2-40B4-BE49-F238E27FC236}">
              <a16:creationId xmlns:a16="http://schemas.microsoft.com/office/drawing/2014/main" id="{7D7CCE48-8426-43CE-8D30-BF00A64BD76F}"/>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22" name="正方形/長方形 621">
          <a:extLst>
            <a:ext uri="{FF2B5EF4-FFF2-40B4-BE49-F238E27FC236}">
              <a16:creationId xmlns:a16="http://schemas.microsoft.com/office/drawing/2014/main" id="{50436D13-C03F-4D8C-84A6-9F259AB93CDC}"/>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23" name="正方形/長方形 622">
          <a:extLst>
            <a:ext uri="{FF2B5EF4-FFF2-40B4-BE49-F238E27FC236}">
              <a16:creationId xmlns:a16="http://schemas.microsoft.com/office/drawing/2014/main" id="{1956DDEC-BD5F-4337-A863-94F9B7322D3E}"/>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24" name="正方形/長方形 623">
          <a:extLst>
            <a:ext uri="{FF2B5EF4-FFF2-40B4-BE49-F238E27FC236}">
              <a16:creationId xmlns:a16="http://schemas.microsoft.com/office/drawing/2014/main" id="{EFB301BA-5839-47B9-998C-0292A1BD3DA2}"/>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25" name="正方形/長方形 624">
          <a:extLst>
            <a:ext uri="{FF2B5EF4-FFF2-40B4-BE49-F238E27FC236}">
              <a16:creationId xmlns:a16="http://schemas.microsoft.com/office/drawing/2014/main" id="{1D795DBC-18CA-4EEB-ADD9-F136EAC8C7B5}"/>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626" name="正方形/長方形 625">
          <a:extLst>
            <a:ext uri="{FF2B5EF4-FFF2-40B4-BE49-F238E27FC236}">
              <a16:creationId xmlns:a16="http://schemas.microsoft.com/office/drawing/2014/main" id="{D26AECC0-DF8D-4BC0-8ED1-7167524C515D}"/>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7" name="正方形/長方形 626">
          <a:extLst>
            <a:ext uri="{FF2B5EF4-FFF2-40B4-BE49-F238E27FC236}">
              <a16:creationId xmlns:a16="http://schemas.microsoft.com/office/drawing/2014/main" id="{DD853A3A-470F-40D8-9499-0B3CFDD5FE3F}"/>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8" name="正方形/長方形 627">
          <a:extLst>
            <a:ext uri="{FF2B5EF4-FFF2-40B4-BE49-F238E27FC236}">
              <a16:creationId xmlns:a16="http://schemas.microsoft.com/office/drawing/2014/main" id="{8578CB22-53DD-497E-B663-9F816191D57E}"/>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9" name="正方形/長方形 628">
          <a:extLst>
            <a:ext uri="{FF2B5EF4-FFF2-40B4-BE49-F238E27FC236}">
              <a16:creationId xmlns:a16="http://schemas.microsoft.com/office/drawing/2014/main" id="{0EE66B74-AC9A-4152-85B3-E55980A224DF}"/>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0" name="正方形/長方形 629">
          <a:extLst>
            <a:ext uri="{FF2B5EF4-FFF2-40B4-BE49-F238E27FC236}">
              <a16:creationId xmlns:a16="http://schemas.microsoft.com/office/drawing/2014/main" id="{06654D06-B4CB-4E7D-AFCE-BDE596DC3BCA}"/>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1" name="正方形/長方形 630">
          <a:extLst>
            <a:ext uri="{FF2B5EF4-FFF2-40B4-BE49-F238E27FC236}">
              <a16:creationId xmlns:a16="http://schemas.microsoft.com/office/drawing/2014/main" id="{D825C064-B563-47BC-9C60-9E636F2B66B9}"/>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2" name="正方形/長方形 631">
          <a:extLst>
            <a:ext uri="{FF2B5EF4-FFF2-40B4-BE49-F238E27FC236}">
              <a16:creationId xmlns:a16="http://schemas.microsoft.com/office/drawing/2014/main" id="{1EACFC18-2614-4F9B-813E-4AF6957B91C1}"/>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3" name="正方形/長方形 632">
          <a:extLst>
            <a:ext uri="{FF2B5EF4-FFF2-40B4-BE49-F238E27FC236}">
              <a16:creationId xmlns:a16="http://schemas.microsoft.com/office/drawing/2014/main" id="{89C82A3F-1507-46E1-ADAE-D181A84CCD46}"/>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4" name="テキスト ボックス 633">
          <a:extLst>
            <a:ext uri="{FF2B5EF4-FFF2-40B4-BE49-F238E27FC236}">
              <a16:creationId xmlns:a16="http://schemas.microsoft.com/office/drawing/2014/main" id="{BBF5205B-292A-48AE-8B77-1F25638B87E7}"/>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5" name="直線コネクタ 634">
          <a:extLst>
            <a:ext uri="{FF2B5EF4-FFF2-40B4-BE49-F238E27FC236}">
              <a16:creationId xmlns:a16="http://schemas.microsoft.com/office/drawing/2014/main" id="{4C738CE2-FA47-4417-AA87-A1323DE47BBB}"/>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36" name="テキスト ボックス 635">
          <a:extLst>
            <a:ext uri="{FF2B5EF4-FFF2-40B4-BE49-F238E27FC236}">
              <a16:creationId xmlns:a16="http://schemas.microsoft.com/office/drawing/2014/main" id="{AAEDD30D-A265-4CE0-89DB-19FDF4D28EFA}"/>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7" name="直線コネクタ 636">
          <a:extLst>
            <a:ext uri="{FF2B5EF4-FFF2-40B4-BE49-F238E27FC236}">
              <a16:creationId xmlns:a16="http://schemas.microsoft.com/office/drawing/2014/main" id="{D52C2E0C-98E7-46D6-AA23-5CE82A75F375}"/>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38" name="テキスト ボックス 637">
          <a:extLst>
            <a:ext uri="{FF2B5EF4-FFF2-40B4-BE49-F238E27FC236}">
              <a16:creationId xmlns:a16="http://schemas.microsoft.com/office/drawing/2014/main" id="{EDE93A75-2268-40C5-BFDB-A59F5575F059}"/>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39" name="直線コネクタ 638">
          <a:extLst>
            <a:ext uri="{FF2B5EF4-FFF2-40B4-BE49-F238E27FC236}">
              <a16:creationId xmlns:a16="http://schemas.microsoft.com/office/drawing/2014/main" id="{573D8049-DD6E-47BF-BCAE-935E13F70B9F}"/>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40" name="テキスト ボックス 639">
          <a:extLst>
            <a:ext uri="{FF2B5EF4-FFF2-40B4-BE49-F238E27FC236}">
              <a16:creationId xmlns:a16="http://schemas.microsoft.com/office/drawing/2014/main" id="{91C29509-AFD8-4965-8E02-67583C9A3A25}"/>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1" name="直線コネクタ 640">
          <a:extLst>
            <a:ext uri="{FF2B5EF4-FFF2-40B4-BE49-F238E27FC236}">
              <a16:creationId xmlns:a16="http://schemas.microsoft.com/office/drawing/2014/main" id="{A853697F-6115-413C-B919-EAC9D72A3AF7}"/>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2" name="テキスト ボックス 641">
          <a:extLst>
            <a:ext uri="{FF2B5EF4-FFF2-40B4-BE49-F238E27FC236}">
              <a16:creationId xmlns:a16="http://schemas.microsoft.com/office/drawing/2014/main" id="{8959F1B3-9C66-43A9-BC41-A6FAF536D07D}"/>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3" name="直線コネクタ 642">
          <a:extLst>
            <a:ext uri="{FF2B5EF4-FFF2-40B4-BE49-F238E27FC236}">
              <a16:creationId xmlns:a16="http://schemas.microsoft.com/office/drawing/2014/main" id="{F140D9BA-4519-487C-8E6C-AA1FF23EED58}"/>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4" name="テキスト ボックス 643">
          <a:extLst>
            <a:ext uri="{FF2B5EF4-FFF2-40B4-BE49-F238E27FC236}">
              <a16:creationId xmlns:a16="http://schemas.microsoft.com/office/drawing/2014/main" id="{75734D72-EEF3-4210-811B-D2095885C28A}"/>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5" name="直線コネクタ 644">
          <a:extLst>
            <a:ext uri="{FF2B5EF4-FFF2-40B4-BE49-F238E27FC236}">
              <a16:creationId xmlns:a16="http://schemas.microsoft.com/office/drawing/2014/main" id="{94EFEF84-D2EE-4774-B1A5-FA481BD216BF}"/>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6" name="テキスト ボックス 645">
          <a:extLst>
            <a:ext uri="{FF2B5EF4-FFF2-40B4-BE49-F238E27FC236}">
              <a16:creationId xmlns:a16="http://schemas.microsoft.com/office/drawing/2014/main" id="{B635D16D-AFBE-4F3E-9F5C-22CAD1C6094D}"/>
            </a:ext>
          </a:extLst>
        </xdr:cNvPr>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7" name="直線コネクタ 646">
          <a:extLst>
            <a:ext uri="{FF2B5EF4-FFF2-40B4-BE49-F238E27FC236}">
              <a16:creationId xmlns:a16="http://schemas.microsoft.com/office/drawing/2014/main" id="{8FC74015-9D22-4A2C-A3DF-E8C46EA61E03}"/>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4</xdr:row>
      <xdr:rowOff>124477</xdr:rowOff>
    </xdr:from>
    <xdr:ext cx="338939" cy="259045"/>
    <xdr:sp macro="" textlink="">
      <xdr:nvSpPr>
        <xdr:cNvPr id="648" name="テキスト ボックス 647">
          <a:extLst>
            <a:ext uri="{FF2B5EF4-FFF2-40B4-BE49-F238E27FC236}">
              <a16:creationId xmlns:a16="http://schemas.microsoft.com/office/drawing/2014/main" id="{E43D3862-61E8-4EA4-A28E-DBBDC3EA7B13}"/>
            </a:ext>
          </a:extLst>
        </xdr:cNvPr>
        <xdr:cNvSpPr txBox="1"/>
      </xdr:nvSpPr>
      <xdr:spPr>
        <a:xfrm>
          <a:off x="12107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49" name="【消防施設】&#10;有形固定資産減価償却率グラフ枠">
          <a:extLst>
            <a:ext uri="{FF2B5EF4-FFF2-40B4-BE49-F238E27FC236}">
              <a16:creationId xmlns:a16="http://schemas.microsoft.com/office/drawing/2014/main" id="{A228AC59-59AE-4874-8960-C85F37ED79A7}"/>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40005</xdr:rowOff>
    </xdr:from>
    <xdr:to>
      <xdr:col>85</xdr:col>
      <xdr:colOff>126364</xdr:colOff>
      <xdr:row>86</xdr:row>
      <xdr:rowOff>3811</xdr:rowOff>
    </xdr:to>
    <xdr:cxnSp macro="">
      <xdr:nvCxnSpPr>
        <xdr:cNvPr id="650" name="直線コネクタ 649">
          <a:extLst>
            <a:ext uri="{FF2B5EF4-FFF2-40B4-BE49-F238E27FC236}">
              <a16:creationId xmlns:a16="http://schemas.microsoft.com/office/drawing/2014/main" id="{B18BD16E-95E3-47C7-B782-05710A23691C}"/>
            </a:ext>
          </a:extLst>
        </xdr:cNvPr>
        <xdr:cNvCxnSpPr/>
      </xdr:nvCxnSpPr>
      <xdr:spPr>
        <a:xfrm flipV="1">
          <a:off x="16318864" y="13241655"/>
          <a:ext cx="0" cy="15068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651" name="【消防施設】&#10;有形固定資産減価償却率最小値テキスト">
          <a:extLst>
            <a:ext uri="{FF2B5EF4-FFF2-40B4-BE49-F238E27FC236}">
              <a16:creationId xmlns:a16="http://schemas.microsoft.com/office/drawing/2014/main" id="{49B46F40-32F9-4CE8-B089-FF680B87B220}"/>
            </a:ext>
          </a:extLst>
        </xdr:cNvPr>
        <xdr:cNvSpPr txBox="1"/>
      </xdr:nvSpPr>
      <xdr:spPr>
        <a:xfrm>
          <a:off x="16357600" y="1475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652" name="直線コネクタ 651">
          <a:extLst>
            <a:ext uri="{FF2B5EF4-FFF2-40B4-BE49-F238E27FC236}">
              <a16:creationId xmlns:a16="http://schemas.microsoft.com/office/drawing/2014/main" id="{6955E1BA-EE42-465E-8F2C-6A89C3A1C10A}"/>
            </a:ext>
          </a:extLst>
        </xdr:cNvPr>
        <xdr:cNvCxnSpPr/>
      </xdr:nvCxnSpPr>
      <xdr:spPr>
        <a:xfrm>
          <a:off x="16230600" y="1474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5</xdr:row>
      <xdr:rowOff>158132</xdr:rowOff>
    </xdr:from>
    <xdr:ext cx="405111" cy="259045"/>
    <xdr:sp macro="" textlink="">
      <xdr:nvSpPr>
        <xdr:cNvPr id="653" name="【消防施設】&#10;有形固定資産減価償却率最大値テキスト">
          <a:extLst>
            <a:ext uri="{FF2B5EF4-FFF2-40B4-BE49-F238E27FC236}">
              <a16:creationId xmlns:a16="http://schemas.microsoft.com/office/drawing/2014/main" id="{ADC21C23-0905-4FD3-90BA-C74DE08163A2}"/>
            </a:ext>
          </a:extLst>
        </xdr:cNvPr>
        <xdr:cNvSpPr txBox="1"/>
      </xdr:nvSpPr>
      <xdr:spPr>
        <a:xfrm>
          <a:off x="16357600" y="130168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40005</xdr:rowOff>
    </xdr:from>
    <xdr:to>
      <xdr:col>86</xdr:col>
      <xdr:colOff>25400</xdr:colOff>
      <xdr:row>77</xdr:row>
      <xdr:rowOff>40005</xdr:rowOff>
    </xdr:to>
    <xdr:cxnSp macro="">
      <xdr:nvCxnSpPr>
        <xdr:cNvPr id="654" name="直線コネクタ 653">
          <a:extLst>
            <a:ext uri="{FF2B5EF4-FFF2-40B4-BE49-F238E27FC236}">
              <a16:creationId xmlns:a16="http://schemas.microsoft.com/office/drawing/2014/main" id="{72ADBFA6-6723-4C08-8136-AAE0BBF18180}"/>
            </a:ext>
          </a:extLst>
        </xdr:cNvPr>
        <xdr:cNvCxnSpPr/>
      </xdr:nvCxnSpPr>
      <xdr:spPr>
        <a:xfrm>
          <a:off x="16230600" y="132416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49241</xdr:rowOff>
    </xdr:from>
    <xdr:ext cx="405111" cy="259045"/>
    <xdr:sp macro="" textlink="">
      <xdr:nvSpPr>
        <xdr:cNvPr id="655" name="【消防施設】&#10;有形固定資産減価償却率平均値テキスト">
          <a:extLst>
            <a:ext uri="{FF2B5EF4-FFF2-40B4-BE49-F238E27FC236}">
              <a16:creationId xmlns:a16="http://schemas.microsoft.com/office/drawing/2014/main" id="{989E7FCD-552E-4700-B005-D6408EE9D00D}"/>
            </a:ext>
          </a:extLst>
        </xdr:cNvPr>
        <xdr:cNvSpPr txBox="1"/>
      </xdr:nvSpPr>
      <xdr:spPr>
        <a:xfrm>
          <a:off x="16357600" y="1386524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26364</xdr:rowOff>
    </xdr:from>
    <xdr:to>
      <xdr:col>85</xdr:col>
      <xdr:colOff>177800</xdr:colOff>
      <xdr:row>82</xdr:row>
      <xdr:rowOff>56514</xdr:rowOff>
    </xdr:to>
    <xdr:sp macro="" textlink="">
      <xdr:nvSpPr>
        <xdr:cNvPr id="656" name="フローチャート: 判断 655">
          <a:extLst>
            <a:ext uri="{FF2B5EF4-FFF2-40B4-BE49-F238E27FC236}">
              <a16:creationId xmlns:a16="http://schemas.microsoft.com/office/drawing/2014/main" id="{87270F70-3A00-41BF-A65E-2EF2348FB871}"/>
            </a:ext>
          </a:extLst>
        </xdr:cNvPr>
        <xdr:cNvSpPr/>
      </xdr:nvSpPr>
      <xdr:spPr>
        <a:xfrm>
          <a:off x="16268700" y="14013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92075</xdr:rowOff>
    </xdr:from>
    <xdr:to>
      <xdr:col>81</xdr:col>
      <xdr:colOff>101600</xdr:colOff>
      <xdr:row>82</xdr:row>
      <xdr:rowOff>22225</xdr:rowOff>
    </xdr:to>
    <xdr:sp macro="" textlink="">
      <xdr:nvSpPr>
        <xdr:cNvPr id="657" name="フローチャート: 判断 656">
          <a:extLst>
            <a:ext uri="{FF2B5EF4-FFF2-40B4-BE49-F238E27FC236}">
              <a16:creationId xmlns:a16="http://schemas.microsoft.com/office/drawing/2014/main" id="{1ECDE09D-FB16-403B-92B0-9B21A398F34C}"/>
            </a:ext>
          </a:extLst>
        </xdr:cNvPr>
        <xdr:cNvSpPr/>
      </xdr:nvSpPr>
      <xdr:spPr>
        <a:xfrm>
          <a:off x="15430500" y="1397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52070</xdr:rowOff>
    </xdr:from>
    <xdr:to>
      <xdr:col>76</xdr:col>
      <xdr:colOff>165100</xdr:colOff>
      <xdr:row>81</xdr:row>
      <xdr:rowOff>153670</xdr:rowOff>
    </xdr:to>
    <xdr:sp macro="" textlink="">
      <xdr:nvSpPr>
        <xdr:cNvPr id="658" name="フローチャート: 判断 657">
          <a:extLst>
            <a:ext uri="{FF2B5EF4-FFF2-40B4-BE49-F238E27FC236}">
              <a16:creationId xmlns:a16="http://schemas.microsoft.com/office/drawing/2014/main" id="{9EA79CAA-735D-42C5-8F7E-307F3207476A}"/>
            </a:ext>
          </a:extLst>
        </xdr:cNvPr>
        <xdr:cNvSpPr/>
      </xdr:nvSpPr>
      <xdr:spPr>
        <a:xfrm>
          <a:off x="14541500" y="13939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57786</xdr:rowOff>
    </xdr:from>
    <xdr:to>
      <xdr:col>72</xdr:col>
      <xdr:colOff>38100</xdr:colOff>
      <xdr:row>81</xdr:row>
      <xdr:rowOff>159386</xdr:rowOff>
    </xdr:to>
    <xdr:sp macro="" textlink="">
      <xdr:nvSpPr>
        <xdr:cNvPr id="659" name="フローチャート: 判断 658">
          <a:extLst>
            <a:ext uri="{FF2B5EF4-FFF2-40B4-BE49-F238E27FC236}">
              <a16:creationId xmlns:a16="http://schemas.microsoft.com/office/drawing/2014/main" id="{5C2E764E-100F-4CB3-91B5-F9DE6E4E1E5A}"/>
            </a:ext>
          </a:extLst>
        </xdr:cNvPr>
        <xdr:cNvSpPr/>
      </xdr:nvSpPr>
      <xdr:spPr>
        <a:xfrm>
          <a:off x="13652500" y="13945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21589</xdr:rowOff>
    </xdr:from>
    <xdr:to>
      <xdr:col>67</xdr:col>
      <xdr:colOff>101600</xdr:colOff>
      <xdr:row>81</xdr:row>
      <xdr:rowOff>123189</xdr:rowOff>
    </xdr:to>
    <xdr:sp macro="" textlink="">
      <xdr:nvSpPr>
        <xdr:cNvPr id="660" name="フローチャート: 判断 659">
          <a:extLst>
            <a:ext uri="{FF2B5EF4-FFF2-40B4-BE49-F238E27FC236}">
              <a16:creationId xmlns:a16="http://schemas.microsoft.com/office/drawing/2014/main" id="{315F5C6F-B504-4BD8-9531-8C599B52BD6A}"/>
            </a:ext>
          </a:extLst>
        </xdr:cNvPr>
        <xdr:cNvSpPr/>
      </xdr:nvSpPr>
      <xdr:spPr>
        <a:xfrm>
          <a:off x="12763500" y="13909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1" name="テキスト ボックス 660">
          <a:extLst>
            <a:ext uri="{FF2B5EF4-FFF2-40B4-BE49-F238E27FC236}">
              <a16:creationId xmlns:a16="http://schemas.microsoft.com/office/drawing/2014/main" id="{95C0244F-0371-4D9C-B1B3-CA61B41C2357}"/>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2" name="テキスト ボックス 661">
          <a:extLst>
            <a:ext uri="{FF2B5EF4-FFF2-40B4-BE49-F238E27FC236}">
              <a16:creationId xmlns:a16="http://schemas.microsoft.com/office/drawing/2014/main" id="{129A0C40-91F7-4980-9AB2-03E47BFB1C3C}"/>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3" name="テキスト ボックス 662">
          <a:extLst>
            <a:ext uri="{FF2B5EF4-FFF2-40B4-BE49-F238E27FC236}">
              <a16:creationId xmlns:a16="http://schemas.microsoft.com/office/drawing/2014/main" id="{B47C208C-909C-412D-9C47-B6937283C05A}"/>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4" name="テキスト ボックス 663">
          <a:extLst>
            <a:ext uri="{FF2B5EF4-FFF2-40B4-BE49-F238E27FC236}">
              <a16:creationId xmlns:a16="http://schemas.microsoft.com/office/drawing/2014/main" id="{F8FEF478-272D-4AEA-B548-04240AF8ABA9}"/>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5" name="テキスト ボックス 664">
          <a:extLst>
            <a:ext uri="{FF2B5EF4-FFF2-40B4-BE49-F238E27FC236}">
              <a16:creationId xmlns:a16="http://schemas.microsoft.com/office/drawing/2014/main" id="{ECD6A7C6-6D34-4A15-91D7-96704742DBEE}"/>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3</xdr:row>
      <xdr:rowOff>133986</xdr:rowOff>
    </xdr:from>
    <xdr:to>
      <xdr:col>85</xdr:col>
      <xdr:colOff>177800</xdr:colOff>
      <xdr:row>84</xdr:row>
      <xdr:rowOff>64136</xdr:rowOff>
    </xdr:to>
    <xdr:sp macro="" textlink="">
      <xdr:nvSpPr>
        <xdr:cNvPr id="666" name="楕円 665">
          <a:extLst>
            <a:ext uri="{FF2B5EF4-FFF2-40B4-BE49-F238E27FC236}">
              <a16:creationId xmlns:a16="http://schemas.microsoft.com/office/drawing/2014/main" id="{93A46A94-247E-417A-A12B-DD4FF6841A6F}"/>
            </a:ext>
          </a:extLst>
        </xdr:cNvPr>
        <xdr:cNvSpPr/>
      </xdr:nvSpPr>
      <xdr:spPr>
        <a:xfrm>
          <a:off x="16268700" y="14364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3</xdr:row>
      <xdr:rowOff>112413</xdr:rowOff>
    </xdr:from>
    <xdr:ext cx="405111" cy="259045"/>
    <xdr:sp macro="" textlink="">
      <xdr:nvSpPr>
        <xdr:cNvPr id="667" name="【消防施設】&#10;有形固定資産減価償却率該当値テキスト">
          <a:extLst>
            <a:ext uri="{FF2B5EF4-FFF2-40B4-BE49-F238E27FC236}">
              <a16:creationId xmlns:a16="http://schemas.microsoft.com/office/drawing/2014/main" id="{3F8E088A-D799-4EF5-B8CC-40BF82283151}"/>
            </a:ext>
          </a:extLst>
        </xdr:cNvPr>
        <xdr:cNvSpPr txBox="1"/>
      </xdr:nvSpPr>
      <xdr:spPr>
        <a:xfrm>
          <a:off x="16357600" y="14342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3</xdr:row>
      <xdr:rowOff>95886</xdr:rowOff>
    </xdr:from>
    <xdr:to>
      <xdr:col>81</xdr:col>
      <xdr:colOff>101600</xdr:colOff>
      <xdr:row>84</xdr:row>
      <xdr:rowOff>26036</xdr:rowOff>
    </xdr:to>
    <xdr:sp macro="" textlink="">
      <xdr:nvSpPr>
        <xdr:cNvPr id="668" name="楕円 667">
          <a:extLst>
            <a:ext uri="{FF2B5EF4-FFF2-40B4-BE49-F238E27FC236}">
              <a16:creationId xmlns:a16="http://schemas.microsoft.com/office/drawing/2014/main" id="{3A1A6AF9-CF1D-4494-BFB4-E3B658A32617}"/>
            </a:ext>
          </a:extLst>
        </xdr:cNvPr>
        <xdr:cNvSpPr/>
      </xdr:nvSpPr>
      <xdr:spPr>
        <a:xfrm>
          <a:off x="15430500" y="14326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3</xdr:row>
      <xdr:rowOff>146686</xdr:rowOff>
    </xdr:from>
    <xdr:to>
      <xdr:col>85</xdr:col>
      <xdr:colOff>127000</xdr:colOff>
      <xdr:row>84</xdr:row>
      <xdr:rowOff>13336</xdr:rowOff>
    </xdr:to>
    <xdr:cxnSp macro="">
      <xdr:nvCxnSpPr>
        <xdr:cNvPr id="669" name="直線コネクタ 668">
          <a:extLst>
            <a:ext uri="{FF2B5EF4-FFF2-40B4-BE49-F238E27FC236}">
              <a16:creationId xmlns:a16="http://schemas.microsoft.com/office/drawing/2014/main" id="{35DD275C-46C4-4010-9E46-2645934CF1B2}"/>
            </a:ext>
          </a:extLst>
        </xdr:cNvPr>
        <xdr:cNvCxnSpPr/>
      </xdr:nvCxnSpPr>
      <xdr:spPr>
        <a:xfrm>
          <a:off x="15481300" y="14377036"/>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3</xdr:row>
      <xdr:rowOff>88264</xdr:rowOff>
    </xdr:from>
    <xdr:to>
      <xdr:col>76</xdr:col>
      <xdr:colOff>165100</xdr:colOff>
      <xdr:row>84</xdr:row>
      <xdr:rowOff>18414</xdr:rowOff>
    </xdr:to>
    <xdr:sp macro="" textlink="">
      <xdr:nvSpPr>
        <xdr:cNvPr id="670" name="楕円 669">
          <a:extLst>
            <a:ext uri="{FF2B5EF4-FFF2-40B4-BE49-F238E27FC236}">
              <a16:creationId xmlns:a16="http://schemas.microsoft.com/office/drawing/2014/main" id="{19CE52AD-00A8-4B5C-AC41-C6BE25575ADF}"/>
            </a:ext>
          </a:extLst>
        </xdr:cNvPr>
        <xdr:cNvSpPr/>
      </xdr:nvSpPr>
      <xdr:spPr>
        <a:xfrm>
          <a:off x="14541500" y="1431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3</xdr:row>
      <xdr:rowOff>139064</xdr:rowOff>
    </xdr:from>
    <xdr:to>
      <xdr:col>81</xdr:col>
      <xdr:colOff>50800</xdr:colOff>
      <xdr:row>83</xdr:row>
      <xdr:rowOff>146686</xdr:rowOff>
    </xdr:to>
    <xdr:cxnSp macro="">
      <xdr:nvCxnSpPr>
        <xdr:cNvPr id="671" name="直線コネクタ 670">
          <a:extLst>
            <a:ext uri="{FF2B5EF4-FFF2-40B4-BE49-F238E27FC236}">
              <a16:creationId xmlns:a16="http://schemas.microsoft.com/office/drawing/2014/main" id="{237D2297-F740-4406-B8C5-0D1A61336328}"/>
            </a:ext>
          </a:extLst>
        </xdr:cNvPr>
        <xdr:cNvCxnSpPr/>
      </xdr:nvCxnSpPr>
      <xdr:spPr>
        <a:xfrm>
          <a:off x="14592300" y="14369414"/>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3</xdr:row>
      <xdr:rowOff>65405</xdr:rowOff>
    </xdr:from>
    <xdr:to>
      <xdr:col>72</xdr:col>
      <xdr:colOff>38100</xdr:colOff>
      <xdr:row>83</xdr:row>
      <xdr:rowOff>167005</xdr:rowOff>
    </xdr:to>
    <xdr:sp macro="" textlink="">
      <xdr:nvSpPr>
        <xdr:cNvPr id="672" name="楕円 671">
          <a:extLst>
            <a:ext uri="{FF2B5EF4-FFF2-40B4-BE49-F238E27FC236}">
              <a16:creationId xmlns:a16="http://schemas.microsoft.com/office/drawing/2014/main" id="{B9AF2972-76A5-464A-B290-6F58ADF7E742}"/>
            </a:ext>
          </a:extLst>
        </xdr:cNvPr>
        <xdr:cNvSpPr/>
      </xdr:nvSpPr>
      <xdr:spPr>
        <a:xfrm>
          <a:off x="13652500" y="14295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3</xdr:row>
      <xdr:rowOff>116205</xdr:rowOff>
    </xdr:from>
    <xdr:to>
      <xdr:col>76</xdr:col>
      <xdr:colOff>114300</xdr:colOff>
      <xdr:row>83</xdr:row>
      <xdr:rowOff>139064</xdr:rowOff>
    </xdr:to>
    <xdr:cxnSp macro="">
      <xdr:nvCxnSpPr>
        <xdr:cNvPr id="673" name="直線コネクタ 672">
          <a:extLst>
            <a:ext uri="{FF2B5EF4-FFF2-40B4-BE49-F238E27FC236}">
              <a16:creationId xmlns:a16="http://schemas.microsoft.com/office/drawing/2014/main" id="{172F29C3-909D-4343-9363-369017548417}"/>
            </a:ext>
          </a:extLst>
        </xdr:cNvPr>
        <xdr:cNvCxnSpPr/>
      </xdr:nvCxnSpPr>
      <xdr:spPr>
        <a:xfrm>
          <a:off x="13703300" y="14346555"/>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3</xdr:row>
      <xdr:rowOff>25400</xdr:rowOff>
    </xdr:from>
    <xdr:to>
      <xdr:col>67</xdr:col>
      <xdr:colOff>101600</xdr:colOff>
      <xdr:row>83</xdr:row>
      <xdr:rowOff>127000</xdr:rowOff>
    </xdr:to>
    <xdr:sp macro="" textlink="">
      <xdr:nvSpPr>
        <xdr:cNvPr id="674" name="楕円 673">
          <a:extLst>
            <a:ext uri="{FF2B5EF4-FFF2-40B4-BE49-F238E27FC236}">
              <a16:creationId xmlns:a16="http://schemas.microsoft.com/office/drawing/2014/main" id="{7D3E76DF-361D-410F-8E7D-B35ECB662BB3}"/>
            </a:ext>
          </a:extLst>
        </xdr:cNvPr>
        <xdr:cNvSpPr/>
      </xdr:nvSpPr>
      <xdr:spPr>
        <a:xfrm>
          <a:off x="12763500" y="14255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3</xdr:row>
      <xdr:rowOff>76200</xdr:rowOff>
    </xdr:from>
    <xdr:to>
      <xdr:col>71</xdr:col>
      <xdr:colOff>177800</xdr:colOff>
      <xdr:row>83</xdr:row>
      <xdr:rowOff>116205</xdr:rowOff>
    </xdr:to>
    <xdr:cxnSp macro="">
      <xdr:nvCxnSpPr>
        <xdr:cNvPr id="675" name="直線コネクタ 674">
          <a:extLst>
            <a:ext uri="{FF2B5EF4-FFF2-40B4-BE49-F238E27FC236}">
              <a16:creationId xmlns:a16="http://schemas.microsoft.com/office/drawing/2014/main" id="{2D8E56D4-73A7-4025-AE8D-5B05EAAAA106}"/>
            </a:ext>
          </a:extLst>
        </xdr:cNvPr>
        <xdr:cNvCxnSpPr/>
      </xdr:nvCxnSpPr>
      <xdr:spPr>
        <a:xfrm>
          <a:off x="12814300" y="1430655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38752</xdr:rowOff>
    </xdr:from>
    <xdr:ext cx="405111" cy="259045"/>
    <xdr:sp macro="" textlink="">
      <xdr:nvSpPr>
        <xdr:cNvPr id="676" name="n_1aveValue【消防施設】&#10;有形固定資産減価償却率">
          <a:extLst>
            <a:ext uri="{FF2B5EF4-FFF2-40B4-BE49-F238E27FC236}">
              <a16:creationId xmlns:a16="http://schemas.microsoft.com/office/drawing/2014/main" id="{E9A27160-A3E8-4188-AC1F-7120EB09A8ED}"/>
            </a:ext>
          </a:extLst>
        </xdr:cNvPr>
        <xdr:cNvSpPr txBox="1"/>
      </xdr:nvSpPr>
      <xdr:spPr>
        <a:xfrm>
          <a:off x="15266044" y="137547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170197</xdr:rowOff>
    </xdr:from>
    <xdr:ext cx="405111" cy="259045"/>
    <xdr:sp macro="" textlink="">
      <xdr:nvSpPr>
        <xdr:cNvPr id="677" name="n_2aveValue【消防施設】&#10;有形固定資産減価償却率">
          <a:extLst>
            <a:ext uri="{FF2B5EF4-FFF2-40B4-BE49-F238E27FC236}">
              <a16:creationId xmlns:a16="http://schemas.microsoft.com/office/drawing/2014/main" id="{EB254EA5-3A5D-4C9E-9D38-28DF76AD6AC1}"/>
            </a:ext>
          </a:extLst>
        </xdr:cNvPr>
        <xdr:cNvSpPr txBox="1"/>
      </xdr:nvSpPr>
      <xdr:spPr>
        <a:xfrm>
          <a:off x="14389744" y="13714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4463</xdr:rowOff>
    </xdr:from>
    <xdr:ext cx="405111" cy="259045"/>
    <xdr:sp macro="" textlink="">
      <xdr:nvSpPr>
        <xdr:cNvPr id="678" name="n_3aveValue【消防施設】&#10;有形固定資産減価償却率">
          <a:extLst>
            <a:ext uri="{FF2B5EF4-FFF2-40B4-BE49-F238E27FC236}">
              <a16:creationId xmlns:a16="http://schemas.microsoft.com/office/drawing/2014/main" id="{3CB103D2-F981-4F44-BB02-CF8FF934B0CE}"/>
            </a:ext>
          </a:extLst>
        </xdr:cNvPr>
        <xdr:cNvSpPr txBox="1"/>
      </xdr:nvSpPr>
      <xdr:spPr>
        <a:xfrm>
          <a:off x="13500744" y="13720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9</xdr:row>
      <xdr:rowOff>139716</xdr:rowOff>
    </xdr:from>
    <xdr:ext cx="405111" cy="259045"/>
    <xdr:sp macro="" textlink="">
      <xdr:nvSpPr>
        <xdr:cNvPr id="679" name="n_4aveValue【消防施設】&#10;有形固定資産減価償却率">
          <a:extLst>
            <a:ext uri="{FF2B5EF4-FFF2-40B4-BE49-F238E27FC236}">
              <a16:creationId xmlns:a16="http://schemas.microsoft.com/office/drawing/2014/main" id="{B73E0C3B-9BA2-4688-8649-67482F0024D1}"/>
            </a:ext>
          </a:extLst>
        </xdr:cNvPr>
        <xdr:cNvSpPr txBox="1"/>
      </xdr:nvSpPr>
      <xdr:spPr>
        <a:xfrm>
          <a:off x="12611744" y="136842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84</xdr:row>
      <xdr:rowOff>17163</xdr:rowOff>
    </xdr:from>
    <xdr:ext cx="405111" cy="259045"/>
    <xdr:sp macro="" textlink="">
      <xdr:nvSpPr>
        <xdr:cNvPr id="680" name="n_1mainValue【消防施設】&#10;有形固定資産減価償却率">
          <a:extLst>
            <a:ext uri="{FF2B5EF4-FFF2-40B4-BE49-F238E27FC236}">
              <a16:creationId xmlns:a16="http://schemas.microsoft.com/office/drawing/2014/main" id="{E9EE11FE-70BD-4A38-B412-4FE65C7354C8}"/>
            </a:ext>
          </a:extLst>
        </xdr:cNvPr>
        <xdr:cNvSpPr txBox="1"/>
      </xdr:nvSpPr>
      <xdr:spPr>
        <a:xfrm>
          <a:off x="15266044" y="144189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4</xdr:row>
      <xdr:rowOff>9541</xdr:rowOff>
    </xdr:from>
    <xdr:ext cx="405111" cy="259045"/>
    <xdr:sp macro="" textlink="">
      <xdr:nvSpPr>
        <xdr:cNvPr id="681" name="n_2mainValue【消防施設】&#10;有形固定資産減価償却率">
          <a:extLst>
            <a:ext uri="{FF2B5EF4-FFF2-40B4-BE49-F238E27FC236}">
              <a16:creationId xmlns:a16="http://schemas.microsoft.com/office/drawing/2014/main" id="{8E7DCE93-C6F7-42F6-8480-DE0FDAFA7343}"/>
            </a:ext>
          </a:extLst>
        </xdr:cNvPr>
        <xdr:cNvSpPr txBox="1"/>
      </xdr:nvSpPr>
      <xdr:spPr>
        <a:xfrm>
          <a:off x="14389744" y="14411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58132</xdr:rowOff>
    </xdr:from>
    <xdr:ext cx="405111" cy="259045"/>
    <xdr:sp macro="" textlink="">
      <xdr:nvSpPr>
        <xdr:cNvPr id="682" name="n_3mainValue【消防施設】&#10;有形固定資産減価償却率">
          <a:extLst>
            <a:ext uri="{FF2B5EF4-FFF2-40B4-BE49-F238E27FC236}">
              <a16:creationId xmlns:a16="http://schemas.microsoft.com/office/drawing/2014/main" id="{72C683A8-91EC-4198-92BC-925423E26CA0}"/>
            </a:ext>
          </a:extLst>
        </xdr:cNvPr>
        <xdr:cNvSpPr txBox="1"/>
      </xdr:nvSpPr>
      <xdr:spPr>
        <a:xfrm>
          <a:off x="13500744" y="14388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3</xdr:row>
      <xdr:rowOff>118127</xdr:rowOff>
    </xdr:from>
    <xdr:ext cx="405111" cy="259045"/>
    <xdr:sp macro="" textlink="">
      <xdr:nvSpPr>
        <xdr:cNvPr id="683" name="n_4mainValue【消防施設】&#10;有形固定資産減価償却率">
          <a:extLst>
            <a:ext uri="{FF2B5EF4-FFF2-40B4-BE49-F238E27FC236}">
              <a16:creationId xmlns:a16="http://schemas.microsoft.com/office/drawing/2014/main" id="{46E28563-F426-4D11-B73F-5D3D7C71AF19}"/>
            </a:ext>
          </a:extLst>
        </xdr:cNvPr>
        <xdr:cNvSpPr txBox="1"/>
      </xdr:nvSpPr>
      <xdr:spPr>
        <a:xfrm>
          <a:off x="12611744" y="14348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84" name="正方形/長方形 683">
          <a:extLst>
            <a:ext uri="{FF2B5EF4-FFF2-40B4-BE49-F238E27FC236}">
              <a16:creationId xmlns:a16="http://schemas.microsoft.com/office/drawing/2014/main" id="{A61F7286-D3BA-473F-8F49-9DD3D4D374E1}"/>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85" name="正方形/長方形 684">
          <a:extLst>
            <a:ext uri="{FF2B5EF4-FFF2-40B4-BE49-F238E27FC236}">
              <a16:creationId xmlns:a16="http://schemas.microsoft.com/office/drawing/2014/main" id="{15A9436B-45DF-4EAA-93CC-3621C5379C38}"/>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86" name="正方形/長方形 685">
          <a:extLst>
            <a:ext uri="{FF2B5EF4-FFF2-40B4-BE49-F238E27FC236}">
              <a16:creationId xmlns:a16="http://schemas.microsoft.com/office/drawing/2014/main" id="{8C55A09F-E031-41CB-8452-B700B8CDA930}"/>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7" name="正方形/長方形 686">
          <a:extLst>
            <a:ext uri="{FF2B5EF4-FFF2-40B4-BE49-F238E27FC236}">
              <a16:creationId xmlns:a16="http://schemas.microsoft.com/office/drawing/2014/main" id="{A18B4011-932F-4812-9D92-CD74897DF054}"/>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8" name="正方形/長方形 687">
          <a:extLst>
            <a:ext uri="{FF2B5EF4-FFF2-40B4-BE49-F238E27FC236}">
              <a16:creationId xmlns:a16="http://schemas.microsoft.com/office/drawing/2014/main" id="{10D995E2-58B0-4126-AFC1-5A4A17FBA115}"/>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9" name="正方形/長方形 688">
          <a:extLst>
            <a:ext uri="{FF2B5EF4-FFF2-40B4-BE49-F238E27FC236}">
              <a16:creationId xmlns:a16="http://schemas.microsoft.com/office/drawing/2014/main" id="{5EE79843-F78D-453B-BDE7-33BC220BFBA4}"/>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90" name="正方形/長方形 689">
          <a:extLst>
            <a:ext uri="{FF2B5EF4-FFF2-40B4-BE49-F238E27FC236}">
              <a16:creationId xmlns:a16="http://schemas.microsoft.com/office/drawing/2014/main" id="{D4C02704-3776-4A6C-B447-3A9C1EBA7FA7}"/>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1" name="正方形/長方形 690">
          <a:extLst>
            <a:ext uri="{FF2B5EF4-FFF2-40B4-BE49-F238E27FC236}">
              <a16:creationId xmlns:a16="http://schemas.microsoft.com/office/drawing/2014/main" id="{5818F0AA-BFD6-46B8-966D-F452C8EA7EA5}"/>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92" name="テキスト ボックス 691">
          <a:extLst>
            <a:ext uri="{FF2B5EF4-FFF2-40B4-BE49-F238E27FC236}">
              <a16:creationId xmlns:a16="http://schemas.microsoft.com/office/drawing/2014/main" id="{63020B09-DDC2-469C-A6B2-5DA74B165F03}"/>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93" name="直線コネクタ 692">
          <a:extLst>
            <a:ext uri="{FF2B5EF4-FFF2-40B4-BE49-F238E27FC236}">
              <a16:creationId xmlns:a16="http://schemas.microsoft.com/office/drawing/2014/main" id="{202C304B-C477-4ADD-B11F-E63CA7670EAB}"/>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94" name="直線コネクタ 693">
          <a:extLst>
            <a:ext uri="{FF2B5EF4-FFF2-40B4-BE49-F238E27FC236}">
              <a16:creationId xmlns:a16="http://schemas.microsoft.com/office/drawing/2014/main" id="{055A8FE2-D723-4E2C-B39E-F87367F21F4C}"/>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95" name="テキスト ボックス 694">
          <a:extLst>
            <a:ext uri="{FF2B5EF4-FFF2-40B4-BE49-F238E27FC236}">
              <a16:creationId xmlns:a16="http://schemas.microsoft.com/office/drawing/2014/main" id="{274FC006-C9EA-46E7-8B9B-064F1B91F11D}"/>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6" name="直線コネクタ 695">
          <a:extLst>
            <a:ext uri="{FF2B5EF4-FFF2-40B4-BE49-F238E27FC236}">
              <a16:creationId xmlns:a16="http://schemas.microsoft.com/office/drawing/2014/main" id="{8389B1B4-FA68-487B-967B-D6E278BDBFD7}"/>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7" name="テキスト ボックス 696">
          <a:extLst>
            <a:ext uri="{FF2B5EF4-FFF2-40B4-BE49-F238E27FC236}">
              <a16:creationId xmlns:a16="http://schemas.microsoft.com/office/drawing/2014/main" id="{45045C56-CD53-4C9A-9273-C175D6F87CB0}"/>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8" name="直線コネクタ 697">
          <a:extLst>
            <a:ext uri="{FF2B5EF4-FFF2-40B4-BE49-F238E27FC236}">
              <a16:creationId xmlns:a16="http://schemas.microsoft.com/office/drawing/2014/main" id="{AABE3782-4159-4CC2-B51C-8315C5790B3C}"/>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9" name="テキスト ボックス 698">
          <a:extLst>
            <a:ext uri="{FF2B5EF4-FFF2-40B4-BE49-F238E27FC236}">
              <a16:creationId xmlns:a16="http://schemas.microsoft.com/office/drawing/2014/main" id="{100118CF-76B2-4535-A1B0-6F47B7E2CAD5}"/>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700" name="直線コネクタ 699">
          <a:extLst>
            <a:ext uri="{FF2B5EF4-FFF2-40B4-BE49-F238E27FC236}">
              <a16:creationId xmlns:a16="http://schemas.microsoft.com/office/drawing/2014/main" id="{2641979E-46AD-4695-9467-DFAD276D0875}"/>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701" name="テキスト ボックス 700">
          <a:extLst>
            <a:ext uri="{FF2B5EF4-FFF2-40B4-BE49-F238E27FC236}">
              <a16:creationId xmlns:a16="http://schemas.microsoft.com/office/drawing/2014/main" id="{4CFD4E03-43E2-472C-8794-CAB102D52F81}"/>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702" name="直線コネクタ 701">
          <a:extLst>
            <a:ext uri="{FF2B5EF4-FFF2-40B4-BE49-F238E27FC236}">
              <a16:creationId xmlns:a16="http://schemas.microsoft.com/office/drawing/2014/main" id="{B08A8751-E9B6-4D03-8994-35F9AD03E661}"/>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703" name="テキスト ボックス 702">
          <a:extLst>
            <a:ext uri="{FF2B5EF4-FFF2-40B4-BE49-F238E27FC236}">
              <a16:creationId xmlns:a16="http://schemas.microsoft.com/office/drawing/2014/main" id="{680791A7-FED4-4C50-9AC0-4E5F81899465}"/>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704" name="直線コネクタ 703">
          <a:extLst>
            <a:ext uri="{FF2B5EF4-FFF2-40B4-BE49-F238E27FC236}">
              <a16:creationId xmlns:a16="http://schemas.microsoft.com/office/drawing/2014/main" id="{6B28891A-1374-434C-BD21-E178C9DBF1BC}"/>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705" name="テキスト ボックス 704">
          <a:extLst>
            <a:ext uri="{FF2B5EF4-FFF2-40B4-BE49-F238E27FC236}">
              <a16:creationId xmlns:a16="http://schemas.microsoft.com/office/drawing/2014/main" id="{B52C5E74-C5D3-4120-88F1-A24AC1D41C16}"/>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6" name="【消防施設】&#10;一人当たり面積グラフ枠">
          <a:extLst>
            <a:ext uri="{FF2B5EF4-FFF2-40B4-BE49-F238E27FC236}">
              <a16:creationId xmlns:a16="http://schemas.microsoft.com/office/drawing/2014/main" id="{E1A8B771-67B0-4D35-B5DC-3FA50AB355E8}"/>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87630</xdr:rowOff>
    </xdr:from>
    <xdr:to>
      <xdr:col>116</xdr:col>
      <xdr:colOff>62864</xdr:colOff>
      <xdr:row>86</xdr:row>
      <xdr:rowOff>102870</xdr:rowOff>
    </xdr:to>
    <xdr:cxnSp macro="">
      <xdr:nvCxnSpPr>
        <xdr:cNvPr id="707" name="直線コネクタ 706">
          <a:extLst>
            <a:ext uri="{FF2B5EF4-FFF2-40B4-BE49-F238E27FC236}">
              <a16:creationId xmlns:a16="http://schemas.microsoft.com/office/drawing/2014/main" id="{93D73ED7-54E6-4F63-9060-C43AD8F4BA13}"/>
            </a:ext>
          </a:extLst>
        </xdr:cNvPr>
        <xdr:cNvCxnSpPr/>
      </xdr:nvCxnSpPr>
      <xdr:spPr>
        <a:xfrm flipV="1">
          <a:off x="22160864" y="13289280"/>
          <a:ext cx="0" cy="1558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6697</xdr:rowOff>
    </xdr:from>
    <xdr:ext cx="469744" cy="259045"/>
    <xdr:sp macro="" textlink="">
      <xdr:nvSpPr>
        <xdr:cNvPr id="708" name="【消防施設】&#10;一人当たり面積最小値テキスト">
          <a:extLst>
            <a:ext uri="{FF2B5EF4-FFF2-40B4-BE49-F238E27FC236}">
              <a16:creationId xmlns:a16="http://schemas.microsoft.com/office/drawing/2014/main" id="{3E99DE7A-FB38-4915-A6FA-891A85A641C6}"/>
            </a:ext>
          </a:extLst>
        </xdr:cNvPr>
        <xdr:cNvSpPr txBox="1"/>
      </xdr:nvSpPr>
      <xdr:spPr>
        <a:xfrm>
          <a:off x="22199600" y="1485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2870</xdr:rowOff>
    </xdr:from>
    <xdr:to>
      <xdr:col>116</xdr:col>
      <xdr:colOff>152400</xdr:colOff>
      <xdr:row>86</xdr:row>
      <xdr:rowOff>102870</xdr:rowOff>
    </xdr:to>
    <xdr:cxnSp macro="">
      <xdr:nvCxnSpPr>
        <xdr:cNvPr id="709" name="直線コネクタ 708">
          <a:extLst>
            <a:ext uri="{FF2B5EF4-FFF2-40B4-BE49-F238E27FC236}">
              <a16:creationId xmlns:a16="http://schemas.microsoft.com/office/drawing/2014/main" id="{8DA60372-A480-4349-8C95-092F26E5671B}"/>
            </a:ext>
          </a:extLst>
        </xdr:cNvPr>
        <xdr:cNvCxnSpPr/>
      </xdr:nvCxnSpPr>
      <xdr:spPr>
        <a:xfrm>
          <a:off x="22072600" y="1484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34307</xdr:rowOff>
    </xdr:from>
    <xdr:ext cx="469744" cy="259045"/>
    <xdr:sp macro="" textlink="">
      <xdr:nvSpPr>
        <xdr:cNvPr id="710" name="【消防施設】&#10;一人当たり面積最大値テキスト">
          <a:extLst>
            <a:ext uri="{FF2B5EF4-FFF2-40B4-BE49-F238E27FC236}">
              <a16:creationId xmlns:a16="http://schemas.microsoft.com/office/drawing/2014/main" id="{48BE1925-590C-47D8-BA44-CF3CB9B2DE45}"/>
            </a:ext>
          </a:extLst>
        </xdr:cNvPr>
        <xdr:cNvSpPr txBox="1"/>
      </xdr:nvSpPr>
      <xdr:spPr>
        <a:xfrm>
          <a:off x="22199600" y="13064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87630</xdr:rowOff>
    </xdr:from>
    <xdr:to>
      <xdr:col>116</xdr:col>
      <xdr:colOff>152400</xdr:colOff>
      <xdr:row>77</xdr:row>
      <xdr:rowOff>87630</xdr:rowOff>
    </xdr:to>
    <xdr:cxnSp macro="">
      <xdr:nvCxnSpPr>
        <xdr:cNvPr id="711" name="直線コネクタ 710">
          <a:extLst>
            <a:ext uri="{FF2B5EF4-FFF2-40B4-BE49-F238E27FC236}">
              <a16:creationId xmlns:a16="http://schemas.microsoft.com/office/drawing/2014/main" id="{09F5FC16-E300-4FDC-8ECE-6A0C76407601}"/>
            </a:ext>
          </a:extLst>
        </xdr:cNvPr>
        <xdr:cNvCxnSpPr/>
      </xdr:nvCxnSpPr>
      <xdr:spPr>
        <a:xfrm>
          <a:off x="22072600" y="13289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66388</xdr:rowOff>
    </xdr:from>
    <xdr:ext cx="469744" cy="259045"/>
    <xdr:sp macro="" textlink="">
      <xdr:nvSpPr>
        <xdr:cNvPr id="712" name="【消防施設】&#10;一人当たり面積平均値テキスト">
          <a:extLst>
            <a:ext uri="{FF2B5EF4-FFF2-40B4-BE49-F238E27FC236}">
              <a16:creationId xmlns:a16="http://schemas.microsoft.com/office/drawing/2014/main" id="{620E175B-5AD9-45A2-88ED-3CC4436B9D48}"/>
            </a:ext>
          </a:extLst>
        </xdr:cNvPr>
        <xdr:cNvSpPr txBox="1"/>
      </xdr:nvSpPr>
      <xdr:spPr>
        <a:xfrm>
          <a:off x="22199600" y="1439673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43511</xdr:rowOff>
    </xdr:from>
    <xdr:to>
      <xdr:col>116</xdr:col>
      <xdr:colOff>114300</xdr:colOff>
      <xdr:row>85</xdr:row>
      <xdr:rowOff>73661</xdr:rowOff>
    </xdr:to>
    <xdr:sp macro="" textlink="">
      <xdr:nvSpPr>
        <xdr:cNvPr id="713" name="フローチャート: 判断 712">
          <a:extLst>
            <a:ext uri="{FF2B5EF4-FFF2-40B4-BE49-F238E27FC236}">
              <a16:creationId xmlns:a16="http://schemas.microsoft.com/office/drawing/2014/main" id="{2F32ADA3-1996-4911-8438-309939C925A8}"/>
            </a:ext>
          </a:extLst>
        </xdr:cNvPr>
        <xdr:cNvSpPr/>
      </xdr:nvSpPr>
      <xdr:spPr>
        <a:xfrm>
          <a:off x="22110700" y="1454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58750</xdr:rowOff>
    </xdr:from>
    <xdr:to>
      <xdr:col>112</xdr:col>
      <xdr:colOff>38100</xdr:colOff>
      <xdr:row>85</xdr:row>
      <xdr:rowOff>88900</xdr:rowOff>
    </xdr:to>
    <xdr:sp macro="" textlink="">
      <xdr:nvSpPr>
        <xdr:cNvPr id="714" name="フローチャート: 判断 713">
          <a:extLst>
            <a:ext uri="{FF2B5EF4-FFF2-40B4-BE49-F238E27FC236}">
              <a16:creationId xmlns:a16="http://schemas.microsoft.com/office/drawing/2014/main" id="{339ADB37-D437-42F8-9DF9-C0DCD07E5F51}"/>
            </a:ext>
          </a:extLst>
        </xdr:cNvPr>
        <xdr:cNvSpPr/>
      </xdr:nvSpPr>
      <xdr:spPr>
        <a:xfrm>
          <a:off x="21272500" y="14560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10161</xdr:rowOff>
    </xdr:from>
    <xdr:to>
      <xdr:col>107</xdr:col>
      <xdr:colOff>101600</xdr:colOff>
      <xdr:row>85</xdr:row>
      <xdr:rowOff>111761</xdr:rowOff>
    </xdr:to>
    <xdr:sp macro="" textlink="">
      <xdr:nvSpPr>
        <xdr:cNvPr id="715" name="フローチャート: 判断 714">
          <a:extLst>
            <a:ext uri="{FF2B5EF4-FFF2-40B4-BE49-F238E27FC236}">
              <a16:creationId xmlns:a16="http://schemas.microsoft.com/office/drawing/2014/main" id="{52E0DDB2-2D07-4B46-97CC-C58AB7ABBD08}"/>
            </a:ext>
          </a:extLst>
        </xdr:cNvPr>
        <xdr:cNvSpPr/>
      </xdr:nvSpPr>
      <xdr:spPr>
        <a:xfrm>
          <a:off x="20383500" y="14583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13970</xdr:rowOff>
    </xdr:from>
    <xdr:to>
      <xdr:col>102</xdr:col>
      <xdr:colOff>165100</xdr:colOff>
      <xdr:row>85</xdr:row>
      <xdr:rowOff>115570</xdr:rowOff>
    </xdr:to>
    <xdr:sp macro="" textlink="">
      <xdr:nvSpPr>
        <xdr:cNvPr id="716" name="フローチャート: 判断 715">
          <a:extLst>
            <a:ext uri="{FF2B5EF4-FFF2-40B4-BE49-F238E27FC236}">
              <a16:creationId xmlns:a16="http://schemas.microsoft.com/office/drawing/2014/main" id="{87DBB475-6962-4E3F-AE40-D1788B2E1FCF}"/>
            </a:ext>
          </a:extLst>
        </xdr:cNvPr>
        <xdr:cNvSpPr/>
      </xdr:nvSpPr>
      <xdr:spPr>
        <a:xfrm>
          <a:off x="19494500" y="1458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13970</xdr:rowOff>
    </xdr:from>
    <xdr:to>
      <xdr:col>98</xdr:col>
      <xdr:colOff>38100</xdr:colOff>
      <xdr:row>85</xdr:row>
      <xdr:rowOff>115570</xdr:rowOff>
    </xdr:to>
    <xdr:sp macro="" textlink="">
      <xdr:nvSpPr>
        <xdr:cNvPr id="717" name="フローチャート: 判断 716">
          <a:extLst>
            <a:ext uri="{FF2B5EF4-FFF2-40B4-BE49-F238E27FC236}">
              <a16:creationId xmlns:a16="http://schemas.microsoft.com/office/drawing/2014/main" id="{C3086030-8869-4DFB-8937-BCE3A759E25A}"/>
            </a:ext>
          </a:extLst>
        </xdr:cNvPr>
        <xdr:cNvSpPr/>
      </xdr:nvSpPr>
      <xdr:spPr>
        <a:xfrm>
          <a:off x="18605500" y="14587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8" name="テキスト ボックス 717">
          <a:extLst>
            <a:ext uri="{FF2B5EF4-FFF2-40B4-BE49-F238E27FC236}">
              <a16:creationId xmlns:a16="http://schemas.microsoft.com/office/drawing/2014/main" id="{93877A90-FA48-45FD-AA10-D0FB316F36CD}"/>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9" name="テキスト ボックス 718">
          <a:extLst>
            <a:ext uri="{FF2B5EF4-FFF2-40B4-BE49-F238E27FC236}">
              <a16:creationId xmlns:a16="http://schemas.microsoft.com/office/drawing/2014/main" id="{921167A3-DCF9-46BD-9B73-3F3192FDAE2C}"/>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20" name="テキスト ボックス 719">
          <a:extLst>
            <a:ext uri="{FF2B5EF4-FFF2-40B4-BE49-F238E27FC236}">
              <a16:creationId xmlns:a16="http://schemas.microsoft.com/office/drawing/2014/main" id="{9E5F6C19-481A-40CA-A99F-B411A1746A29}"/>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21" name="テキスト ボックス 720">
          <a:extLst>
            <a:ext uri="{FF2B5EF4-FFF2-40B4-BE49-F238E27FC236}">
              <a16:creationId xmlns:a16="http://schemas.microsoft.com/office/drawing/2014/main" id="{E61052A9-BA8B-4E71-B7C7-5B45E45D0AEB}"/>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22" name="テキスト ボックス 721">
          <a:extLst>
            <a:ext uri="{FF2B5EF4-FFF2-40B4-BE49-F238E27FC236}">
              <a16:creationId xmlns:a16="http://schemas.microsoft.com/office/drawing/2014/main" id="{2A2B5EAE-DC04-4776-A84D-4AA59F0C5F5C}"/>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48261</xdr:rowOff>
    </xdr:from>
    <xdr:to>
      <xdr:col>116</xdr:col>
      <xdr:colOff>114300</xdr:colOff>
      <xdr:row>85</xdr:row>
      <xdr:rowOff>149861</xdr:rowOff>
    </xdr:to>
    <xdr:sp macro="" textlink="">
      <xdr:nvSpPr>
        <xdr:cNvPr id="723" name="楕円 722">
          <a:extLst>
            <a:ext uri="{FF2B5EF4-FFF2-40B4-BE49-F238E27FC236}">
              <a16:creationId xmlns:a16="http://schemas.microsoft.com/office/drawing/2014/main" id="{AA7C599F-9322-400E-8216-7F0E6D0CA0F8}"/>
            </a:ext>
          </a:extLst>
        </xdr:cNvPr>
        <xdr:cNvSpPr/>
      </xdr:nvSpPr>
      <xdr:spPr>
        <a:xfrm>
          <a:off x="22110700" y="1462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26688</xdr:rowOff>
    </xdr:from>
    <xdr:ext cx="469744" cy="259045"/>
    <xdr:sp macro="" textlink="">
      <xdr:nvSpPr>
        <xdr:cNvPr id="724" name="【消防施設】&#10;一人当たり面積該当値テキスト">
          <a:extLst>
            <a:ext uri="{FF2B5EF4-FFF2-40B4-BE49-F238E27FC236}">
              <a16:creationId xmlns:a16="http://schemas.microsoft.com/office/drawing/2014/main" id="{41CBDE9E-B280-4E92-9194-126748F062B7}"/>
            </a:ext>
          </a:extLst>
        </xdr:cNvPr>
        <xdr:cNvSpPr txBox="1"/>
      </xdr:nvSpPr>
      <xdr:spPr>
        <a:xfrm>
          <a:off x="22199600" y="14599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48261</xdr:rowOff>
    </xdr:from>
    <xdr:to>
      <xdr:col>112</xdr:col>
      <xdr:colOff>38100</xdr:colOff>
      <xdr:row>85</xdr:row>
      <xdr:rowOff>149861</xdr:rowOff>
    </xdr:to>
    <xdr:sp macro="" textlink="">
      <xdr:nvSpPr>
        <xdr:cNvPr id="725" name="楕円 724">
          <a:extLst>
            <a:ext uri="{FF2B5EF4-FFF2-40B4-BE49-F238E27FC236}">
              <a16:creationId xmlns:a16="http://schemas.microsoft.com/office/drawing/2014/main" id="{819AFCFC-2CAE-4D07-9CF4-9DC4ECFE6550}"/>
            </a:ext>
          </a:extLst>
        </xdr:cNvPr>
        <xdr:cNvSpPr/>
      </xdr:nvSpPr>
      <xdr:spPr>
        <a:xfrm>
          <a:off x="21272500" y="1462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99061</xdr:rowOff>
    </xdr:from>
    <xdr:to>
      <xdr:col>116</xdr:col>
      <xdr:colOff>63500</xdr:colOff>
      <xdr:row>85</xdr:row>
      <xdr:rowOff>99061</xdr:rowOff>
    </xdr:to>
    <xdr:cxnSp macro="">
      <xdr:nvCxnSpPr>
        <xdr:cNvPr id="726" name="直線コネクタ 725">
          <a:extLst>
            <a:ext uri="{FF2B5EF4-FFF2-40B4-BE49-F238E27FC236}">
              <a16:creationId xmlns:a16="http://schemas.microsoft.com/office/drawing/2014/main" id="{A611EC98-571E-4354-830A-E5FD724FCE66}"/>
            </a:ext>
          </a:extLst>
        </xdr:cNvPr>
        <xdr:cNvCxnSpPr/>
      </xdr:nvCxnSpPr>
      <xdr:spPr>
        <a:xfrm>
          <a:off x="21323300" y="1467231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59689</xdr:rowOff>
    </xdr:from>
    <xdr:to>
      <xdr:col>107</xdr:col>
      <xdr:colOff>101600</xdr:colOff>
      <xdr:row>85</xdr:row>
      <xdr:rowOff>161289</xdr:rowOff>
    </xdr:to>
    <xdr:sp macro="" textlink="">
      <xdr:nvSpPr>
        <xdr:cNvPr id="727" name="楕円 726">
          <a:extLst>
            <a:ext uri="{FF2B5EF4-FFF2-40B4-BE49-F238E27FC236}">
              <a16:creationId xmlns:a16="http://schemas.microsoft.com/office/drawing/2014/main" id="{B08B1AEF-14F4-4019-87F4-20B78E28E208}"/>
            </a:ext>
          </a:extLst>
        </xdr:cNvPr>
        <xdr:cNvSpPr/>
      </xdr:nvSpPr>
      <xdr:spPr>
        <a:xfrm>
          <a:off x="20383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99061</xdr:rowOff>
    </xdr:from>
    <xdr:to>
      <xdr:col>111</xdr:col>
      <xdr:colOff>177800</xdr:colOff>
      <xdr:row>85</xdr:row>
      <xdr:rowOff>110489</xdr:rowOff>
    </xdr:to>
    <xdr:cxnSp macro="">
      <xdr:nvCxnSpPr>
        <xdr:cNvPr id="728" name="直線コネクタ 727">
          <a:extLst>
            <a:ext uri="{FF2B5EF4-FFF2-40B4-BE49-F238E27FC236}">
              <a16:creationId xmlns:a16="http://schemas.microsoft.com/office/drawing/2014/main" id="{C1A3D71A-453B-4AB8-BBD6-0CB5C499600C}"/>
            </a:ext>
          </a:extLst>
        </xdr:cNvPr>
        <xdr:cNvCxnSpPr/>
      </xdr:nvCxnSpPr>
      <xdr:spPr>
        <a:xfrm flipV="1">
          <a:off x="20434300" y="14672311"/>
          <a:ext cx="889000" cy="11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59689</xdr:rowOff>
    </xdr:from>
    <xdr:to>
      <xdr:col>102</xdr:col>
      <xdr:colOff>165100</xdr:colOff>
      <xdr:row>85</xdr:row>
      <xdr:rowOff>161289</xdr:rowOff>
    </xdr:to>
    <xdr:sp macro="" textlink="">
      <xdr:nvSpPr>
        <xdr:cNvPr id="729" name="楕円 728">
          <a:extLst>
            <a:ext uri="{FF2B5EF4-FFF2-40B4-BE49-F238E27FC236}">
              <a16:creationId xmlns:a16="http://schemas.microsoft.com/office/drawing/2014/main" id="{59E44EE0-E72B-4875-A183-B8BCBE98F3D8}"/>
            </a:ext>
          </a:extLst>
        </xdr:cNvPr>
        <xdr:cNvSpPr/>
      </xdr:nvSpPr>
      <xdr:spPr>
        <a:xfrm>
          <a:off x="19494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10489</xdr:rowOff>
    </xdr:from>
    <xdr:to>
      <xdr:col>107</xdr:col>
      <xdr:colOff>50800</xdr:colOff>
      <xdr:row>85</xdr:row>
      <xdr:rowOff>110489</xdr:rowOff>
    </xdr:to>
    <xdr:cxnSp macro="">
      <xdr:nvCxnSpPr>
        <xdr:cNvPr id="730" name="直線コネクタ 729">
          <a:extLst>
            <a:ext uri="{FF2B5EF4-FFF2-40B4-BE49-F238E27FC236}">
              <a16:creationId xmlns:a16="http://schemas.microsoft.com/office/drawing/2014/main" id="{64B49284-4E8E-4B9A-AF88-BFD44892AE03}"/>
            </a:ext>
          </a:extLst>
        </xdr:cNvPr>
        <xdr:cNvCxnSpPr/>
      </xdr:nvCxnSpPr>
      <xdr:spPr>
        <a:xfrm>
          <a:off x="19545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59689</xdr:rowOff>
    </xdr:from>
    <xdr:to>
      <xdr:col>98</xdr:col>
      <xdr:colOff>38100</xdr:colOff>
      <xdr:row>85</xdr:row>
      <xdr:rowOff>161289</xdr:rowOff>
    </xdr:to>
    <xdr:sp macro="" textlink="">
      <xdr:nvSpPr>
        <xdr:cNvPr id="731" name="楕円 730">
          <a:extLst>
            <a:ext uri="{FF2B5EF4-FFF2-40B4-BE49-F238E27FC236}">
              <a16:creationId xmlns:a16="http://schemas.microsoft.com/office/drawing/2014/main" id="{E518FFE9-C8F6-48F6-A1E8-DC0422A98B56}"/>
            </a:ext>
          </a:extLst>
        </xdr:cNvPr>
        <xdr:cNvSpPr/>
      </xdr:nvSpPr>
      <xdr:spPr>
        <a:xfrm>
          <a:off x="18605500" y="146329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10489</xdr:rowOff>
    </xdr:from>
    <xdr:to>
      <xdr:col>102</xdr:col>
      <xdr:colOff>114300</xdr:colOff>
      <xdr:row>85</xdr:row>
      <xdr:rowOff>110489</xdr:rowOff>
    </xdr:to>
    <xdr:cxnSp macro="">
      <xdr:nvCxnSpPr>
        <xdr:cNvPr id="732" name="直線コネクタ 731">
          <a:extLst>
            <a:ext uri="{FF2B5EF4-FFF2-40B4-BE49-F238E27FC236}">
              <a16:creationId xmlns:a16="http://schemas.microsoft.com/office/drawing/2014/main" id="{BFAE81C1-16B9-476F-99DA-6DCE73F41B28}"/>
            </a:ext>
          </a:extLst>
        </xdr:cNvPr>
        <xdr:cNvCxnSpPr/>
      </xdr:nvCxnSpPr>
      <xdr:spPr>
        <a:xfrm>
          <a:off x="18656300" y="146837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3</xdr:row>
      <xdr:rowOff>105427</xdr:rowOff>
    </xdr:from>
    <xdr:ext cx="469744" cy="259045"/>
    <xdr:sp macro="" textlink="">
      <xdr:nvSpPr>
        <xdr:cNvPr id="733" name="n_1aveValue【消防施設】&#10;一人当たり面積">
          <a:extLst>
            <a:ext uri="{FF2B5EF4-FFF2-40B4-BE49-F238E27FC236}">
              <a16:creationId xmlns:a16="http://schemas.microsoft.com/office/drawing/2014/main" id="{546C48DB-1F33-44C1-B9F8-2CD31F394A87}"/>
            </a:ext>
          </a:extLst>
        </xdr:cNvPr>
        <xdr:cNvSpPr txBox="1"/>
      </xdr:nvSpPr>
      <xdr:spPr>
        <a:xfrm>
          <a:off x="21075727" y="14335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3</xdr:row>
      <xdr:rowOff>128288</xdr:rowOff>
    </xdr:from>
    <xdr:ext cx="469744" cy="259045"/>
    <xdr:sp macro="" textlink="">
      <xdr:nvSpPr>
        <xdr:cNvPr id="734" name="n_2aveValue【消防施設】&#10;一人当たり面積">
          <a:extLst>
            <a:ext uri="{FF2B5EF4-FFF2-40B4-BE49-F238E27FC236}">
              <a16:creationId xmlns:a16="http://schemas.microsoft.com/office/drawing/2014/main" id="{3011F724-C436-4E85-AF0E-56574F6E4EEA}"/>
            </a:ext>
          </a:extLst>
        </xdr:cNvPr>
        <xdr:cNvSpPr txBox="1"/>
      </xdr:nvSpPr>
      <xdr:spPr>
        <a:xfrm>
          <a:off x="20199427" y="14358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3</xdr:row>
      <xdr:rowOff>132097</xdr:rowOff>
    </xdr:from>
    <xdr:ext cx="469744" cy="259045"/>
    <xdr:sp macro="" textlink="">
      <xdr:nvSpPr>
        <xdr:cNvPr id="735" name="n_3aveValue【消防施設】&#10;一人当たり面積">
          <a:extLst>
            <a:ext uri="{FF2B5EF4-FFF2-40B4-BE49-F238E27FC236}">
              <a16:creationId xmlns:a16="http://schemas.microsoft.com/office/drawing/2014/main" id="{B361E3C0-C37F-43CD-9B81-6C4E3ADD8549}"/>
            </a:ext>
          </a:extLst>
        </xdr:cNvPr>
        <xdr:cNvSpPr txBox="1"/>
      </xdr:nvSpPr>
      <xdr:spPr>
        <a:xfrm>
          <a:off x="19310427" y="1436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32097</xdr:rowOff>
    </xdr:from>
    <xdr:ext cx="469744" cy="259045"/>
    <xdr:sp macro="" textlink="">
      <xdr:nvSpPr>
        <xdr:cNvPr id="736" name="n_4aveValue【消防施設】&#10;一人当たり面積">
          <a:extLst>
            <a:ext uri="{FF2B5EF4-FFF2-40B4-BE49-F238E27FC236}">
              <a16:creationId xmlns:a16="http://schemas.microsoft.com/office/drawing/2014/main" id="{4AE920AA-85CE-49E6-B304-709169156D90}"/>
            </a:ext>
          </a:extLst>
        </xdr:cNvPr>
        <xdr:cNvSpPr txBox="1"/>
      </xdr:nvSpPr>
      <xdr:spPr>
        <a:xfrm>
          <a:off x="18421427" y="143624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40988</xdr:rowOff>
    </xdr:from>
    <xdr:ext cx="469744" cy="259045"/>
    <xdr:sp macro="" textlink="">
      <xdr:nvSpPr>
        <xdr:cNvPr id="737" name="n_1mainValue【消防施設】&#10;一人当たり面積">
          <a:extLst>
            <a:ext uri="{FF2B5EF4-FFF2-40B4-BE49-F238E27FC236}">
              <a16:creationId xmlns:a16="http://schemas.microsoft.com/office/drawing/2014/main" id="{A3036739-4AB0-40FC-A387-9A207B4EE1A8}"/>
            </a:ext>
          </a:extLst>
        </xdr:cNvPr>
        <xdr:cNvSpPr txBox="1"/>
      </xdr:nvSpPr>
      <xdr:spPr>
        <a:xfrm>
          <a:off x="21075727" y="14714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52416</xdr:rowOff>
    </xdr:from>
    <xdr:ext cx="469744" cy="259045"/>
    <xdr:sp macro="" textlink="">
      <xdr:nvSpPr>
        <xdr:cNvPr id="738" name="n_2mainValue【消防施設】&#10;一人当たり面積">
          <a:extLst>
            <a:ext uri="{FF2B5EF4-FFF2-40B4-BE49-F238E27FC236}">
              <a16:creationId xmlns:a16="http://schemas.microsoft.com/office/drawing/2014/main" id="{CAF6F672-6A13-4C5A-880C-B6061C168AFE}"/>
            </a:ext>
          </a:extLst>
        </xdr:cNvPr>
        <xdr:cNvSpPr txBox="1"/>
      </xdr:nvSpPr>
      <xdr:spPr>
        <a:xfrm>
          <a:off x="20199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152416</xdr:rowOff>
    </xdr:from>
    <xdr:ext cx="469744" cy="259045"/>
    <xdr:sp macro="" textlink="">
      <xdr:nvSpPr>
        <xdr:cNvPr id="739" name="n_3mainValue【消防施設】&#10;一人当たり面積">
          <a:extLst>
            <a:ext uri="{FF2B5EF4-FFF2-40B4-BE49-F238E27FC236}">
              <a16:creationId xmlns:a16="http://schemas.microsoft.com/office/drawing/2014/main" id="{A5CBACB8-7687-482C-96B0-FB6472332CFC}"/>
            </a:ext>
          </a:extLst>
        </xdr:cNvPr>
        <xdr:cNvSpPr txBox="1"/>
      </xdr:nvSpPr>
      <xdr:spPr>
        <a:xfrm>
          <a:off x="19310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152416</xdr:rowOff>
    </xdr:from>
    <xdr:ext cx="469744" cy="259045"/>
    <xdr:sp macro="" textlink="">
      <xdr:nvSpPr>
        <xdr:cNvPr id="740" name="n_4mainValue【消防施設】&#10;一人当たり面積">
          <a:extLst>
            <a:ext uri="{FF2B5EF4-FFF2-40B4-BE49-F238E27FC236}">
              <a16:creationId xmlns:a16="http://schemas.microsoft.com/office/drawing/2014/main" id="{32F41EDF-0FDC-438A-8691-C9B9BBE44899}"/>
            </a:ext>
          </a:extLst>
        </xdr:cNvPr>
        <xdr:cNvSpPr txBox="1"/>
      </xdr:nvSpPr>
      <xdr:spPr>
        <a:xfrm>
          <a:off x="18421427" y="14725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41" name="正方形/長方形 740">
          <a:extLst>
            <a:ext uri="{FF2B5EF4-FFF2-40B4-BE49-F238E27FC236}">
              <a16:creationId xmlns:a16="http://schemas.microsoft.com/office/drawing/2014/main" id="{D61F9305-3064-47E2-ACD5-404B3084CEE0}"/>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42" name="正方形/長方形 741">
          <a:extLst>
            <a:ext uri="{FF2B5EF4-FFF2-40B4-BE49-F238E27FC236}">
              <a16:creationId xmlns:a16="http://schemas.microsoft.com/office/drawing/2014/main" id="{67BF6884-6478-4EBE-8B12-D91213187BB6}"/>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43" name="正方形/長方形 742">
          <a:extLst>
            <a:ext uri="{FF2B5EF4-FFF2-40B4-BE49-F238E27FC236}">
              <a16:creationId xmlns:a16="http://schemas.microsoft.com/office/drawing/2014/main" id="{12C078A3-0889-40AF-A8EF-32356848D25B}"/>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44" name="正方形/長方形 743">
          <a:extLst>
            <a:ext uri="{FF2B5EF4-FFF2-40B4-BE49-F238E27FC236}">
              <a16:creationId xmlns:a16="http://schemas.microsoft.com/office/drawing/2014/main" id="{C409961D-9256-4E36-95C3-7A406C8E1567}"/>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45" name="正方形/長方形 744">
          <a:extLst>
            <a:ext uri="{FF2B5EF4-FFF2-40B4-BE49-F238E27FC236}">
              <a16:creationId xmlns:a16="http://schemas.microsoft.com/office/drawing/2014/main" id="{09197034-6EDA-45AB-89BE-5730846C06AA}"/>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46" name="正方形/長方形 745">
          <a:extLst>
            <a:ext uri="{FF2B5EF4-FFF2-40B4-BE49-F238E27FC236}">
              <a16:creationId xmlns:a16="http://schemas.microsoft.com/office/drawing/2014/main" id="{A5E7D046-585E-49FA-92CD-8CD4CAC9A2B2}"/>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47" name="正方形/長方形 746">
          <a:extLst>
            <a:ext uri="{FF2B5EF4-FFF2-40B4-BE49-F238E27FC236}">
              <a16:creationId xmlns:a16="http://schemas.microsoft.com/office/drawing/2014/main" id="{9D368560-C906-4C95-A424-0EF4EE6F7512}"/>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48" name="正方形/長方形 747">
          <a:extLst>
            <a:ext uri="{FF2B5EF4-FFF2-40B4-BE49-F238E27FC236}">
              <a16:creationId xmlns:a16="http://schemas.microsoft.com/office/drawing/2014/main" id="{B8406F3C-B3DA-411E-BF81-77E55CEECEC3}"/>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49" name="テキスト ボックス 748">
          <a:extLst>
            <a:ext uri="{FF2B5EF4-FFF2-40B4-BE49-F238E27FC236}">
              <a16:creationId xmlns:a16="http://schemas.microsoft.com/office/drawing/2014/main" id="{9B6890CC-C4FF-4C7A-92B0-5313957460AE}"/>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50" name="直線コネクタ 749">
          <a:extLst>
            <a:ext uri="{FF2B5EF4-FFF2-40B4-BE49-F238E27FC236}">
              <a16:creationId xmlns:a16="http://schemas.microsoft.com/office/drawing/2014/main" id="{DB9ED081-1415-45BA-9C02-CE7E84DE8552}"/>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51" name="テキスト ボックス 750">
          <a:extLst>
            <a:ext uri="{FF2B5EF4-FFF2-40B4-BE49-F238E27FC236}">
              <a16:creationId xmlns:a16="http://schemas.microsoft.com/office/drawing/2014/main" id="{D3255353-0D7D-4EBA-B97C-317BBEB8FAA7}"/>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52" name="直線コネクタ 751">
          <a:extLst>
            <a:ext uri="{FF2B5EF4-FFF2-40B4-BE49-F238E27FC236}">
              <a16:creationId xmlns:a16="http://schemas.microsoft.com/office/drawing/2014/main" id="{B0127050-8BA8-4365-A029-D2872030E4FD}"/>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53" name="テキスト ボックス 752">
          <a:extLst>
            <a:ext uri="{FF2B5EF4-FFF2-40B4-BE49-F238E27FC236}">
              <a16:creationId xmlns:a16="http://schemas.microsoft.com/office/drawing/2014/main" id="{DA540148-1A9E-471D-B084-9774D9A9C4E4}"/>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54" name="直線コネクタ 753">
          <a:extLst>
            <a:ext uri="{FF2B5EF4-FFF2-40B4-BE49-F238E27FC236}">
              <a16:creationId xmlns:a16="http://schemas.microsoft.com/office/drawing/2014/main" id="{E31C2ADC-A3D3-464E-A752-265B7320E196}"/>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55" name="テキスト ボックス 754">
          <a:extLst>
            <a:ext uri="{FF2B5EF4-FFF2-40B4-BE49-F238E27FC236}">
              <a16:creationId xmlns:a16="http://schemas.microsoft.com/office/drawing/2014/main" id="{EB7EE971-842C-4204-BCCC-99005A896B68}"/>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56" name="直線コネクタ 755">
          <a:extLst>
            <a:ext uri="{FF2B5EF4-FFF2-40B4-BE49-F238E27FC236}">
              <a16:creationId xmlns:a16="http://schemas.microsoft.com/office/drawing/2014/main" id="{1D4FD747-36F1-4A08-AD95-811289A36456}"/>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57" name="テキスト ボックス 756">
          <a:extLst>
            <a:ext uri="{FF2B5EF4-FFF2-40B4-BE49-F238E27FC236}">
              <a16:creationId xmlns:a16="http://schemas.microsoft.com/office/drawing/2014/main" id="{FB8BA87F-3960-40FB-BCD0-B2554CF8D2A6}"/>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58" name="直線コネクタ 757">
          <a:extLst>
            <a:ext uri="{FF2B5EF4-FFF2-40B4-BE49-F238E27FC236}">
              <a16:creationId xmlns:a16="http://schemas.microsoft.com/office/drawing/2014/main" id="{9CF110C9-4ADD-4CF5-BA58-25160A08F679}"/>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59" name="テキスト ボックス 758">
          <a:extLst>
            <a:ext uri="{FF2B5EF4-FFF2-40B4-BE49-F238E27FC236}">
              <a16:creationId xmlns:a16="http://schemas.microsoft.com/office/drawing/2014/main" id="{30475B3E-826A-42A0-ADDD-5F6942C2056E}"/>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60" name="直線コネクタ 759">
          <a:extLst>
            <a:ext uri="{FF2B5EF4-FFF2-40B4-BE49-F238E27FC236}">
              <a16:creationId xmlns:a16="http://schemas.microsoft.com/office/drawing/2014/main" id="{C77B9B66-5DF0-4DCF-9CC5-94EA60A59E6B}"/>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61" name="テキスト ボックス 760">
          <a:extLst>
            <a:ext uri="{FF2B5EF4-FFF2-40B4-BE49-F238E27FC236}">
              <a16:creationId xmlns:a16="http://schemas.microsoft.com/office/drawing/2014/main" id="{8BC315FB-FF93-4F85-B06E-8D5315C0D6CB}"/>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62" name="直線コネクタ 761">
          <a:extLst>
            <a:ext uri="{FF2B5EF4-FFF2-40B4-BE49-F238E27FC236}">
              <a16:creationId xmlns:a16="http://schemas.microsoft.com/office/drawing/2014/main" id="{5DC8B7DB-17ED-4DA4-861A-215E8A05A19B}"/>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63" name="テキスト ボックス 762">
          <a:extLst>
            <a:ext uri="{FF2B5EF4-FFF2-40B4-BE49-F238E27FC236}">
              <a16:creationId xmlns:a16="http://schemas.microsoft.com/office/drawing/2014/main" id="{5D385DE3-26ED-47F3-8526-3D8B0251D05F}"/>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64" name="直線コネクタ 763">
          <a:extLst>
            <a:ext uri="{FF2B5EF4-FFF2-40B4-BE49-F238E27FC236}">
              <a16:creationId xmlns:a16="http://schemas.microsoft.com/office/drawing/2014/main" id="{8F9EF317-FF77-465E-BD15-EDF28E32DDAE}"/>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65" name="【庁舎】&#10;有形固定資産減価償却率グラフ枠">
          <a:extLst>
            <a:ext uri="{FF2B5EF4-FFF2-40B4-BE49-F238E27FC236}">
              <a16:creationId xmlns:a16="http://schemas.microsoft.com/office/drawing/2014/main" id="{4A5952FF-CF9B-45B3-8A1B-48A52B2C0DC8}"/>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40277</xdr:rowOff>
    </xdr:from>
    <xdr:to>
      <xdr:col>85</xdr:col>
      <xdr:colOff>126364</xdr:colOff>
      <xdr:row>109</xdr:row>
      <xdr:rowOff>35379</xdr:rowOff>
    </xdr:to>
    <xdr:cxnSp macro="">
      <xdr:nvCxnSpPr>
        <xdr:cNvPr id="766" name="直線コネクタ 765">
          <a:extLst>
            <a:ext uri="{FF2B5EF4-FFF2-40B4-BE49-F238E27FC236}">
              <a16:creationId xmlns:a16="http://schemas.microsoft.com/office/drawing/2014/main" id="{28E03DF3-5A41-499D-AF7F-F38DE413B189}"/>
            </a:ext>
          </a:extLst>
        </xdr:cNvPr>
        <xdr:cNvCxnSpPr/>
      </xdr:nvCxnSpPr>
      <xdr:spPr>
        <a:xfrm flipV="1">
          <a:off x="16318864" y="17185277"/>
          <a:ext cx="0" cy="1538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67" name="【庁舎】&#10;有形固定資産減価償却率最小値テキスト">
          <a:extLst>
            <a:ext uri="{FF2B5EF4-FFF2-40B4-BE49-F238E27FC236}">
              <a16:creationId xmlns:a16="http://schemas.microsoft.com/office/drawing/2014/main" id="{0E4275C1-0419-4BBF-B934-888134CA6448}"/>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68" name="直線コネクタ 767">
          <a:extLst>
            <a:ext uri="{FF2B5EF4-FFF2-40B4-BE49-F238E27FC236}">
              <a16:creationId xmlns:a16="http://schemas.microsoft.com/office/drawing/2014/main" id="{F0A4A29B-841C-435C-901B-A453CABD59D7}"/>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58404</xdr:rowOff>
    </xdr:from>
    <xdr:ext cx="340478" cy="259045"/>
    <xdr:sp macro="" textlink="">
      <xdr:nvSpPr>
        <xdr:cNvPr id="769" name="【庁舎】&#10;有形固定資産減価償却率最大値テキスト">
          <a:extLst>
            <a:ext uri="{FF2B5EF4-FFF2-40B4-BE49-F238E27FC236}">
              <a16:creationId xmlns:a16="http://schemas.microsoft.com/office/drawing/2014/main" id="{2A099B7A-E27E-48EE-9F40-29D59FABB964}"/>
            </a:ext>
          </a:extLst>
        </xdr:cNvPr>
        <xdr:cNvSpPr txBox="1"/>
      </xdr:nvSpPr>
      <xdr:spPr>
        <a:xfrm>
          <a:off x="16357600" y="1696050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40277</xdr:rowOff>
    </xdr:from>
    <xdr:to>
      <xdr:col>86</xdr:col>
      <xdr:colOff>25400</xdr:colOff>
      <xdr:row>100</xdr:row>
      <xdr:rowOff>40277</xdr:rowOff>
    </xdr:to>
    <xdr:cxnSp macro="">
      <xdr:nvCxnSpPr>
        <xdr:cNvPr id="770" name="直線コネクタ 769">
          <a:extLst>
            <a:ext uri="{FF2B5EF4-FFF2-40B4-BE49-F238E27FC236}">
              <a16:creationId xmlns:a16="http://schemas.microsoft.com/office/drawing/2014/main" id="{3657D7E6-783D-438A-8F17-275D0EB478A5}"/>
            </a:ext>
          </a:extLst>
        </xdr:cNvPr>
        <xdr:cNvCxnSpPr/>
      </xdr:nvCxnSpPr>
      <xdr:spPr>
        <a:xfrm>
          <a:off x="16230600" y="17185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76035</xdr:rowOff>
    </xdr:from>
    <xdr:ext cx="405111" cy="259045"/>
    <xdr:sp macro="" textlink="">
      <xdr:nvSpPr>
        <xdr:cNvPr id="771" name="【庁舎】&#10;有形固定資産減価償却率平均値テキスト">
          <a:extLst>
            <a:ext uri="{FF2B5EF4-FFF2-40B4-BE49-F238E27FC236}">
              <a16:creationId xmlns:a16="http://schemas.microsoft.com/office/drawing/2014/main" id="{C3842D66-7B5D-49C7-B70C-833CB3F9A966}"/>
            </a:ext>
          </a:extLst>
        </xdr:cNvPr>
        <xdr:cNvSpPr txBox="1"/>
      </xdr:nvSpPr>
      <xdr:spPr>
        <a:xfrm>
          <a:off x="16357600" y="1773538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53158</xdr:rowOff>
    </xdr:from>
    <xdr:to>
      <xdr:col>85</xdr:col>
      <xdr:colOff>177800</xdr:colOff>
      <xdr:row>104</xdr:row>
      <xdr:rowOff>154758</xdr:rowOff>
    </xdr:to>
    <xdr:sp macro="" textlink="">
      <xdr:nvSpPr>
        <xdr:cNvPr id="772" name="フローチャート: 判断 771">
          <a:extLst>
            <a:ext uri="{FF2B5EF4-FFF2-40B4-BE49-F238E27FC236}">
              <a16:creationId xmlns:a16="http://schemas.microsoft.com/office/drawing/2014/main" id="{D66DF30B-0E2E-405B-9CE8-7A421BA48C79}"/>
            </a:ext>
          </a:extLst>
        </xdr:cNvPr>
        <xdr:cNvSpPr/>
      </xdr:nvSpPr>
      <xdr:spPr>
        <a:xfrm>
          <a:off x="16268700" y="17883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8666</xdr:rowOff>
    </xdr:from>
    <xdr:to>
      <xdr:col>81</xdr:col>
      <xdr:colOff>101600</xdr:colOff>
      <xdr:row>104</xdr:row>
      <xdr:rowOff>130266</xdr:rowOff>
    </xdr:to>
    <xdr:sp macro="" textlink="">
      <xdr:nvSpPr>
        <xdr:cNvPr id="773" name="フローチャート: 判断 772">
          <a:extLst>
            <a:ext uri="{FF2B5EF4-FFF2-40B4-BE49-F238E27FC236}">
              <a16:creationId xmlns:a16="http://schemas.microsoft.com/office/drawing/2014/main" id="{0B216494-21FF-4C1F-A99F-427796A4AFAA}"/>
            </a:ext>
          </a:extLst>
        </xdr:cNvPr>
        <xdr:cNvSpPr/>
      </xdr:nvSpPr>
      <xdr:spPr>
        <a:xfrm>
          <a:off x="15430500" y="17859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4173</xdr:rowOff>
    </xdr:from>
    <xdr:to>
      <xdr:col>76</xdr:col>
      <xdr:colOff>165100</xdr:colOff>
      <xdr:row>104</xdr:row>
      <xdr:rowOff>105773</xdr:rowOff>
    </xdr:to>
    <xdr:sp macro="" textlink="">
      <xdr:nvSpPr>
        <xdr:cNvPr id="774" name="フローチャート: 判断 773">
          <a:extLst>
            <a:ext uri="{FF2B5EF4-FFF2-40B4-BE49-F238E27FC236}">
              <a16:creationId xmlns:a16="http://schemas.microsoft.com/office/drawing/2014/main" id="{7BFF8A40-3BBE-4C14-84D2-11C5E3B65BE0}"/>
            </a:ext>
          </a:extLst>
        </xdr:cNvPr>
        <xdr:cNvSpPr/>
      </xdr:nvSpPr>
      <xdr:spPr>
        <a:xfrm>
          <a:off x="14541500" y="17834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34801</xdr:rowOff>
    </xdr:from>
    <xdr:to>
      <xdr:col>72</xdr:col>
      <xdr:colOff>38100</xdr:colOff>
      <xdr:row>104</xdr:row>
      <xdr:rowOff>64951</xdr:rowOff>
    </xdr:to>
    <xdr:sp macro="" textlink="">
      <xdr:nvSpPr>
        <xdr:cNvPr id="775" name="フローチャート: 判断 774">
          <a:extLst>
            <a:ext uri="{FF2B5EF4-FFF2-40B4-BE49-F238E27FC236}">
              <a16:creationId xmlns:a16="http://schemas.microsoft.com/office/drawing/2014/main" id="{B61125E4-AA37-4957-BF1F-6881B5F3A854}"/>
            </a:ext>
          </a:extLst>
        </xdr:cNvPr>
        <xdr:cNvSpPr/>
      </xdr:nvSpPr>
      <xdr:spPr>
        <a:xfrm>
          <a:off x="13652500" y="17794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51130</xdr:rowOff>
    </xdr:from>
    <xdr:to>
      <xdr:col>67</xdr:col>
      <xdr:colOff>101600</xdr:colOff>
      <xdr:row>104</xdr:row>
      <xdr:rowOff>81280</xdr:rowOff>
    </xdr:to>
    <xdr:sp macro="" textlink="">
      <xdr:nvSpPr>
        <xdr:cNvPr id="776" name="フローチャート: 判断 775">
          <a:extLst>
            <a:ext uri="{FF2B5EF4-FFF2-40B4-BE49-F238E27FC236}">
              <a16:creationId xmlns:a16="http://schemas.microsoft.com/office/drawing/2014/main" id="{11E33642-AC22-403A-954E-A0398EEF7C2C}"/>
            </a:ext>
          </a:extLst>
        </xdr:cNvPr>
        <xdr:cNvSpPr/>
      </xdr:nvSpPr>
      <xdr:spPr>
        <a:xfrm>
          <a:off x="127635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77" name="テキスト ボックス 776">
          <a:extLst>
            <a:ext uri="{FF2B5EF4-FFF2-40B4-BE49-F238E27FC236}">
              <a16:creationId xmlns:a16="http://schemas.microsoft.com/office/drawing/2014/main" id="{CD28AAAF-C68D-4B4D-A9C3-F384E46E3A93}"/>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78" name="テキスト ボックス 777">
          <a:extLst>
            <a:ext uri="{FF2B5EF4-FFF2-40B4-BE49-F238E27FC236}">
              <a16:creationId xmlns:a16="http://schemas.microsoft.com/office/drawing/2014/main" id="{7B07574C-D8D2-4CD9-B941-DEDFDDB39AB9}"/>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79" name="テキスト ボックス 778">
          <a:extLst>
            <a:ext uri="{FF2B5EF4-FFF2-40B4-BE49-F238E27FC236}">
              <a16:creationId xmlns:a16="http://schemas.microsoft.com/office/drawing/2014/main" id="{1603A017-B906-4B8A-A5D8-3F499724849C}"/>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80" name="テキスト ボックス 779">
          <a:extLst>
            <a:ext uri="{FF2B5EF4-FFF2-40B4-BE49-F238E27FC236}">
              <a16:creationId xmlns:a16="http://schemas.microsoft.com/office/drawing/2014/main" id="{BD5E7078-2147-4E22-B66F-A7954669B670}"/>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81" name="テキスト ボックス 780">
          <a:extLst>
            <a:ext uri="{FF2B5EF4-FFF2-40B4-BE49-F238E27FC236}">
              <a16:creationId xmlns:a16="http://schemas.microsoft.com/office/drawing/2014/main" id="{519EE961-3D5C-43AE-A3DD-1ED622F74402}"/>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15602</xdr:rowOff>
    </xdr:from>
    <xdr:to>
      <xdr:col>85</xdr:col>
      <xdr:colOff>177800</xdr:colOff>
      <xdr:row>107</xdr:row>
      <xdr:rowOff>117202</xdr:rowOff>
    </xdr:to>
    <xdr:sp macro="" textlink="">
      <xdr:nvSpPr>
        <xdr:cNvPr id="782" name="楕円 781">
          <a:extLst>
            <a:ext uri="{FF2B5EF4-FFF2-40B4-BE49-F238E27FC236}">
              <a16:creationId xmlns:a16="http://schemas.microsoft.com/office/drawing/2014/main" id="{5B23C455-C792-4490-9DDD-913BD00DA47D}"/>
            </a:ext>
          </a:extLst>
        </xdr:cNvPr>
        <xdr:cNvSpPr/>
      </xdr:nvSpPr>
      <xdr:spPr>
        <a:xfrm>
          <a:off x="16268700" y="183607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165479</xdr:rowOff>
    </xdr:from>
    <xdr:ext cx="405111" cy="259045"/>
    <xdr:sp macro="" textlink="">
      <xdr:nvSpPr>
        <xdr:cNvPr id="783" name="【庁舎】&#10;有形固定資産減価償却率該当値テキスト">
          <a:extLst>
            <a:ext uri="{FF2B5EF4-FFF2-40B4-BE49-F238E27FC236}">
              <a16:creationId xmlns:a16="http://schemas.microsoft.com/office/drawing/2014/main" id="{824FBA7A-1680-4981-B81D-20B4205B216B}"/>
            </a:ext>
          </a:extLst>
        </xdr:cNvPr>
        <xdr:cNvSpPr txBox="1"/>
      </xdr:nvSpPr>
      <xdr:spPr>
        <a:xfrm>
          <a:off x="16357600" y="183391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149498</xdr:rowOff>
    </xdr:from>
    <xdr:to>
      <xdr:col>81</xdr:col>
      <xdr:colOff>101600</xdr:colOff>
      <xdr:row>107</xdr:row>
      <xdr:rowOff>79648</xdr:rowOff>
    </xdr:to>
    <xdr:sp macro="" textlink="">
      <xdr:nvSpPr>
        <xdr:cNvPr id="784" name="楕円 783">
          <a:extLst>
            <a:ext uri="{FF2B5EF4-FFF2-40B4-BE49-F238E27FC236}">
              <a16:creationId xmlns:a16="http://schemas.microsoft.com/office/drawing/2014/main" id="{07DFC174-4025-4B00-A310-12CC63116813}"/>
            </a:ext>
          </a:extLst>
        </xdr:cNvPr>
        <xdr:cNvSpPr/>
      </xdr:nvSpPr>
      <xdr:spPr>
        <a:xfrm>
          <a:off x="15430500" y="18323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28848</xdr:rowOff>
    </xdr:from>
    <xdr:to>
      <xdr:col>85</xdr:col>
      <xdr:colOff>127000</xdr:colOff>
      <xdr:row>107</xdr:row>
      <xdr:rowOff>66402</xdr:rowOff>
    </xdr:to>
    <xdr:cxnSp macro="">
      <xdr:nvCxnSpPr>
        <xdr:cNvPr id="785" name="直線コネクタ 784">
          <a:extLst>
            <a:ext uri="{FF2B5EF4-FFF2-40B4-BE49-F238E27FC236}">
              <a16:creationId xmlns:a16="http://schemas.microsoft.com/office/drawing/2014/main" id="{569D8D50-9D94-4F64-975B-57216FE042C6}"/>
            </a:ext>
          </a:extLst>
        </xdr:cNvPr>
        <xdr:cNvCxnSpPr/>
      </xdr:nvCxnSpPr>
      <xdr:spPr>
        <a:xfrm>
          <a:off x="15481300" y="18373998"/>
          <a:ext cx="838200" cy="375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118473</xdr:rowOff>
    </xdr:from>
    <xdr:to>
      <xdr:col>76</xdr:col>
      <xdr:colOff>165100</xdr:colOff>
      <xdr:row>107</xdr:row>
      <xdr:rowOff>48623</xdr:rowOff>
    </xdr:to>
    <xdr:sp macro="" textlink="">
      <xdr:nvSpPr>
        <xdr:cNvPr id="786" name="楕円 785">
          <a:extLst>
            <a:ext uri="{FF2B5EF4-FFF2-40B4-BE49-F238E27FC236}">
              <a16:creationId xmlns:a16="http://schemas.microsoft.com/office/drawing/2014/main" id="{D1E812B8-CFB2-47B7-97B1-1FD07A4E0C77}"/>
            </a:ext>
          </a:extLst>
        </xdr:cNvPr>
        <xdr:cNvSpPr/>
      </xdr:nvSpPr>
      <xdr:spPr>
        <a:xfrm>
          <a:off x="14541500" y="182921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169273</xdr:rowOff>
    </xdr:from>
    <xdr:to>
      <xdr:col>81</xdr:col>
      <xdr:colOff>50800</xdr:colOff>
      <xdr:row>107</xdr:row>
      <xdr:rowOff>28848</xdr:rowOff>
    </xdr:to>
    <xdr:cxnSp macro="">
      <xdr:nvCxnSpPr>
        <xdr:cNvPr id="787" name="直線コネクタ 786">
          <a:extLst>
            <a:ext uri="{FF2B5EF4-FFF2-40B4-BE49-F238E27FC236}">
              <a16:creationId xmlns:a16="http://schemas.microsoft.com/office/drawing/2014/main" id="{70369331-913D-40C9-BE38-D7C103CB51BE}"/>
            </a:ext>
          </a:extLst>
        </xdr:cNvPr>
        <xdr:cNvCxnSpPr/>
      </xdr:nvCxnSpPr>
      <xdr:spPr>
        <a:xfrm>
          <a:off x="14592300" y="18342973"/>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80918</xdr:rowOff>
    </xdr:from>
    <xdr:to>
      <xdr:col>72</xdr:col>
      <xdr:colOff>38100</xdr:colOff>
      <xdr:row>107</xdr:row>
      <xdr:rowOff>11068</xdr:rowOff>
    </xdr:to>
    <xdr:sp macro="" textlink="">
      <xdr:nvSpPr>
        <xdr:cNvPr id="788" name="楕円 787">
          <a:extLst>
            <a:ext uri="{FF2B5EF4-FFF2-40B4-BE49-F238E27FC236}">
              <a16:creationId xmlns:a16="http://schemas.microsoft.com/office/drawing/2014/main" id="{D91B9D41-D5AD-4AC1-90E0-67EB331B26D5}"/>
            </a:ext>
          </a:extLst>
        </xdr:cNvPr>
        <xdr:cNvSpPr/>
      </xdr:nvSpPr>
      <xdr:spPr>
        <a:xfrm>
          <a:off x="13652500" y="18254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31718</xdr:rowOff>
    </xdr:from>
    <xdr:to>
      <xdr:col>76</xdr:col>
      <xdr:colOff>114300</xdr:colOff>
      <xdr:row>106</xdr:row>
      <xdr:rowOff>169273</xdr:rowOff>
    </xdr:to>
    <xdr:cxnSp macro="">
      <xdr:nvCxnSpPr>
        <xdr:cNvPr id="789" name="直線コネクタ 788">
          <a:extLst>
            <a:ext uri="{FF2B5EF4-FFF2-40B4-BE49-F238E27FC236}">
              <a16:creationId xmlns:a16="http://schemas.microsoft.com/office/drawing/2014/main" id="{D6C67E59-6211-46AE-AC0E-7D480134319A}"/>
            </a:ext>
          </a:extLst>
        </xdr:cNvPr>
        <xdr:cNvCxnSpPr/>
      </xdr:nvCxnSpPr>
      <xdr:spPr>
        <a:xfrm>
          <a:off x="13703300" y="18305418"/>
          <a:ext cx="889000" cy="37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6</xdr:row>
      <xdr:rowOff>59689</xdr:rowOff>
    </xdr:from>
    <xdr:to>
      <xdr:col>67</xdr:col>
      <xdr:colOff>101600</xdr:colOff>
      <xdr:row>106</xdr:row>
      <xdr:rowOff>161289</xdr:rowOff>
    </xdr:to>
    <xdr:sp macro="" textlink="">
      <xdr:nvSpPr>
        <xdr:cNvPr id="790" name="楕円 789">
          <a:extLst>
            <a:ext uri="{FF2B5EF4-FFF2-40B4-BE49-F238E27FC236}">
              <a16:creationId xmlns:a16="http://schemas.microsoft.com/office/drawing/2014/main" id="{5F223EA8-E36D-48C1-B0B4-A3CF01DF7CB2}"/>
            </a:ext>
          </a:extLst>
        </xdr:cNvPr>
        <xdr:cNvSpPr/>
      </xdr:nvSpPr>
      <xdr:spPr>
        <a:xfrm>
          <a:off x="12763500" y="182333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10489</xdr:rowOff>
    </xdr:from>
    <xdr:to>
      <xdr:col>71</xdr:col>
      <xdr:colOff>177800</xdr:colOff>
      <xdr:row>106</xdr:row>
      <xdr:rowOff>131718</xdr:rowOff>
    </xdr:to>
    <xdr:cxnSp macro="">
      <xdr:nvCxnSpPr>
        <xdr:cNvPr id="791" name="直線コネクタ 790">
          <a:extLst>
            <a:ext uri="{FF2B5EF4-FFF2-40B4-BE49-F238E27FC236}">
              <a16:creationId xmlns:a16="http://schemas.microsoft.com/office/drawing/2014/main" id="{3B8B1522-C8D5-49AB-B57C-4C1E442C2600}"/>
            </a:ext>
          </a:extLst>
        </xdr:cNvPr>
        <xdr:cNvCxnSpPr/>
      </xdr:nvCxnSpPr>
      <xdr:spPr>
        <a:xfrm>
          <a:off x="12814300" y="18284189"/>
          <a:ext cx="889000" cy="21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46793</xdr:rowOff>
    </xdr:from>
    <xdr:ext cx="405111" cy="259045"/>
    <xdr:sp macro="" textlink="">
      <xdr:nvSpPr>
        <xdr:cNvPr id="792" name="n_1aveValue【庁舎】&#10;有形固定資産減価償却率">
          <a:extLst>
            <a:ext uri="{FF2B5EF4-FFF2-40B4-BE49-F238E27FC236}">
              <a16:creationId xmlns:a16="http://schemas.microsoft.com/office/drawing/2014/main" id="{16F627F3-3FDC-4F10-91DE-7F88F089FA82}"/>
            </a:ext>
          </a:extLst>
        </xdr:cNvPr>
        <xdr:cNvSpPr txBox="1"/>
      </xdr:nvSpPr>
      <xdr:spPr>
        <a:xfrm>
          <a:off x="15266044" y="176346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22300</xdr:rowOff>
    </xdr:from>
    <xdr:ext cx="405111" cy="259045"/>
    <xdr:sp macro="" textlink="">
      <xdr:nvSpPr>
        <xdr:cNvPr id="793" name="n_2aveValue【庁舎】&#10;有形固定資産減価償却率">
          <a:extLst>
            <a:ext uri="{FF2B5EF4-FFF2-40B4-BE49-F238E27FC236}">
              <a16:creationId xmlns:a16="http://schemas.microsoft.com/office/drawing/2014/main" id="{9ACD6DC6-C971-478F-AB4B-BC6364FAA45D}"/>
            </a:ext>
          </a:extLst>
        </xdr:cNvPr>
        <xdr:cNvSpPr txBox="1"/>
      </xdr:nvSpPr>
      <xdr:spPr>
        <a:xfrm>
          <a:off x="14389744" y="176102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81478</xdr:rowOff>
    </xdr:from>
    <xdr:ext cx="405111" cy="259045"/>
    <xdr:sp macro="" textlink="">
      <xdr:nvSpPr>
        <xdr:cNvPr id="794" name="n_3aveValue【庁舎】&#10;有形固定資産減価償却率">
          <a:extLst>
            <a:ext uri="{FF2B5EF4-FFF2-40B4-BE49-F238E27FC236}">
              <a16:creationId xmlns:a16="http://schemas.microsoft.com/office/drawing/2014/main" id="{F0FFAE12-FCFF-4D94-84A8-8B5A8C9A60D0}"/>
            </a:ext>
          </a:extLst>
        </xdr:cNvPr>
        <xdr:cNvSpPr txBox="1"/>
      </xdr:nvSpPr>
      <xdr:spPr>
        <a:xfrm>
          <a:off x="13500744" y="175693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97807</xdr:rowOff>
    </xdr:from>
    <xdr:ext cx="405111" cy="259045"/>
    <xdr:sp macro="" textlink="">
      <xdr:nvSpPr>
        <xdr:cNvPr id="795" name="n_4aveValue【庁舎】&#10;有形固定資産減価償却率">
          <a:extLst>
            <a:ext uri="{FF2B5EF4-FFF2-40B4-BE49-F238E27FC236}">
              <a16:creationId xmlns:a16="http://schemas.microsoft.com/office/drawing/2014/main" id="{A60FFDB7-680B-4633-B204-0BE0BFA6A949}"/>
            </a:ext>
          </a:extLst>
        </xdr:cNvPr>
        <xdr:cNvSpPr txBox="1"/>
      </xdr:nvSpPr>
      <xdr:spPr>
        <a:xfrm>
          <a:off x="12611744" y="1758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7</xdr:row>
      <xdr:rowOff>70775</xdr:rowOff>
    </xdr:from>
    <xdr:ext cx="405111" cy="259045"/>
    <xdr:sp macro="" textlink="">
      <xdr:nvSpPr>
        <xdr:cNvPr id="796" name="n_1mainValue【庁舎】&#10;有形固定資産減価償却率">
          <a:extLst>
            <a:ext uri="{FF2B5EF4-FFF2-40B4-BE49-F238E27FC236}">
              <a16:creationId xmlns:a16="http://schemas.microsoft.com/office/drawing/2014/main" id="{262B52A9-E48C-4720-906C-FE9D940AF2E6}"/>
            </a:ext>
          </a:extLst>
        </xdr:cNvPr>
        <xdr:cNvSpPr txBox="1"/>
      </xdr:nvSpPr>
      <xdr:spPr>
        <a:xfrm>
          <a:off x="15266044" y="1841592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39750</xdr:rowOff>
    </xdr:from>
    <xdr:ext cx="405111" cy="259045"/>
    <xdr:sp macro="" textlink="">
      <xdr:nvSpPr>
        <xdr:cNvPr id="797" name="n_2mainValue【庁舎】&#10;有形固定資産減価償却率">
          <a:extLst>
            <a:ext uri="{FF2B5EF4-FFF2-40B4-BE49-F238E27FC236}">
              <a16:creationId xmlns:a16="http://schemas.microsoft.com/office/drawing/2014/main" id="{E8F8388E-2A68-487C-90D3-72CB9210FF4A}"/>
            </a:ext>
          </a:extLst>
        </xdr:cNvPr>
        <xdr:cNvSpPr txBox="1"/>
      </xdr:nvSpPr>
      <xdr:spPr>
        <a:xfrm>
          <a:off x="14389744" y="183849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2195</xdr:rowOff>
    </xdr:from>
    <xdr:ext cx="405111" cy="259045"/>
    <xdr:sp macro="" textlink="">
      <xdr:nvSpPr>
        <xdr:cNvPr id="798" name="n_3mainValue【庁舎】&#10;有形固定資産減価償却率">
          <a:extLst>
            <a:ext uri="{FF2B5EF4-FFF2-40B4-BE49-F238E27FC236}">
              <a16:creationId xmlns:a16="http://schemas.microsoft.com/office/drawing/2014/main" id="{FFA2BCE5-7A5F-498B-9251-D164750C9A84}"/>
            </a:ext>
          </a:extLst>
        </xdr:cNvPr>
        <xdr:cNvSpPr txBox="1"/>
      </xdr:nvSpPr>
      <xdr:spPr>
        <a:xfrm>
          <a:off x="13500744" y="183473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152416</xdr:rowOff>
    </xdr:from>
    <xdr:ext cx="405111" cy="259045"/>
    <xdr:sp macro="" textlink="">
      <xdr:nvSpPr>
        <xdr:cNvPr id="799" name="n_4mainValue【庁舎】&#10;有形固定資産減価償却率">
          <a:extLst>
            <a:ext uri="{FF2B5EF4-FFF2-40B4-BE49-F238E27FC236}">
              <a16:creationId xmlns:a16="http://schemas.microsoft.com/office/drawing/2014/main" id="{2992966C-E08A-4931-98B6-E8A5A7F651DB}"/>
            </a:ext>
          </a:extLst>
        </xdr:cNvPr>
        <xdr:cNvSpPr txBox="1"/>
      </xdr:nvSpPr>
      <xdr:spPr>
        <a:xfrm>
          <a:off x="12611744" y="183261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800" name="正方形/長方形 799">
          <a:extLst>
            <a:ext uri="{FF2B5EF4-FFF2-40B4-BE49-F238E27FC236}">
              <a16:creationId xmlns:a16="http://schemas.microsoft.com/office/drawing/2014/main" id="{4DACD032-25AF-45AE-8FA3-DEBE80F8FBFD}"/>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801" name="正方形/長方形 800">
          <a:extLst>
            <a:ext uri="{FF2B5EF4-FFF2-40B4-BE49-F238E27FC236}">
              <a16:creationId xmlns:a16="http://schemas.microsoft.com/office/drawing/2014/main" id="{6865BB00-6C89-426E-9BBE-46022C4A058F}"/>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802" name="正方形/長方形 801">
          <a:extLst>
            <a:ext uri="{FF2B5EF4-FFF2-40B4-BE49-F238E27FC236}">
              <a16:creationId xmlns:a16="http://schemas.microsoft.com/office/drawing/2014/main" id="{8FE8DC65-72DE-4D4A-9D99-07AC1408B624}"/>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803" name="正方形/長方形 802">
          <a:extLst>
            <a:ext uri="{FF2B5EF4-FFF2-40B4-BE49-F238E27FC236}">
              <a16:creationId xmlns:a16="http://schemas.microsoft.com/office/drawing/2014/main" id="{90790535-16BE-4E37-BCBE-6AF9A69B1A7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804" name="正方形/長方形 803">
          <a:extLst>
            <a:ext uri="{FF2B5EF4-FFF2-40B4-BE49-F238E27FC236}">
              <a16:creationId xmlns:a16="http://schemas.microsoft.com/office/drawing/2014/main" id="{D04D4A87-0AF3-4F26-BFEF-C5FA290E6D73}"/>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805" name="正方形/長方形 804">
          <a:extLst>
            <a:ext uri="{FF2B5EF4-FFF2-40B4-BE49-F238E27FC236}">
              <a16:creationId xmlns:a16="http://schemas.microsoft.com/office/drawing/2014/main" id="{F9BE7D4F-2F4B-470D-8451-0FDE9B022BCD}"/>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806" name="正方形/長方形 805">
          <a:extLst>
            <a:ext uri="{FF2B5EF4-FFF2-40B4-BE49-F238E27FC236}">
              <a16:creationId xmlns:a16="http://schemas.microsoft.com/office/drawing/2014/main" id="{EA8E4484-2D88-4C73-A19D-03142ABA1F5D}"/>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807" name="正方形/長方形 806">
          <a:extLst>
            <a:ext uri="{FF2B5EF4-FFF2-40B4-BE49-F238E27FC236}">
              <a16:creationId xmlns:a16="http://schemas.microsoft.com/office/drawing/2014/main" id="{8997144C-0524-4089-A034-9FE718DFDAFC}"/>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808" name="テキスト ボックス 807">
          <a:extLst>
            <a:ext uri="{FF2B5EF4-FFF2-40B4-BE49-F238E27FC236}">
              <a16:creationId xmlns:a16="http://schemas.microsoft.com/office/drawing/2014/main" id="{7A7C6FA3-56FD-4CAC-B7EA-1EC7F8F11CF0}"/>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809" name="直線コネクタ 808">
          <a:extLst>
            <a:ext uri="{FF2B5EF4-FFF2-40B4-BE49-F238E27FC236}">
              <a16:creationId xmlns:a16="http://schemas.microsoft.com/office/drawing/2014/main" id="{2AC99F23-235C-43EC-9A09-ADBBA4AB8279}"/>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810" name="直線コネクタ 809">
          <a:extLst>
            <a:ext uri="{FF2B5EF4-FFF2-40B4-BE49-F238E27FC236}">
              <a16:creationId xmlns:a16="http://schemas.microsoft.com/office/drawing/2014/main" id="{AA1A2EB0-D17E-4D50-A357-1B3AA715103D}"/>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811" name="テキスト ボックス 810">
          <a:extLst>
            <a:ext uri="{FF2B5EF4-FFF2-40B4-BE49-F238E27FC236}">
              <a16:creationId xmlns:a16="http://schemas.microsoft.com/office/drawing/2014/main" id="{A84737D2-46EB-43B9-BFDB-2396FDD1919A}"/>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812" name="直線コネクタ 811">
          <a:extLst>
            <a:ext uri="{FF2B5EF4-FFF2-40B4-BE49-F238E27FC236}">
              <a16:creationId xmlns:a16="http://schemas.microsoft.com/office/drawing/2014/main" id="{FFE01EBC-F344-41C7-AABE-256EF8895B25}"/>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813" name="テキスト ボックス 812">
          <a:extLst>
            <a:ext uri="{FF2B5EF4-FFF2-40B4-BE49-F238E27FC236}">
              <a16:creationId xmlns:a16="http://schemas.microsoft.com/office/drawing/2014/main" id="{94BE3A65-E824-46C5-A4FB-4AC7D7FC462E}"/>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814" name="直線コネクタ 813">
          <a:extLst>
            <a:ext uri="{FF2B5EF4-FFF2-40B4-BE49-F238E27FC236}">
              <a16:creationId xmlns:a16="http://schemas.microsoft.com/office/drawing/2014/main" id="{73B63D31-C521-4AD6-99FA-40CFD3B654F2}"/>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815" name="テキスト ボックス 814">
          <a:extLst>
            <a:ext uri="{FF2B5EF4-FFF2-40B4-BE49-F238E27FC236}">
              <a16:creationId xmlns:a16="http://schemas.microsoft.com/office/drawing/2014/main" id="{CB801382-A18F-408E-A21A-379CA1AF09E8}"/>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816" name="直線コネクタ 815">
          <a:extLst>
            <a:ext uri="{FF2B5EF4-FFF2-40B4-BE49-F238E27FC236}">
              <a16:creationId xmlns:a16="http://schemas.microsoft.com/office/drawing/2014/main" id="{E62CE087-4DCD-4B1D-A3C6-B62C7D0DEB10}"/>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817" name="テキスト ボックス 816">
          <a:extLst>
            <a:ext uri="{FF2B5EF4-FFF2-40B4-BE49-F238E27FC236}">
              <a16:creationId xmlns:a16="http://schemas.microsoft.com/office/drawing/2014/main" id="{959C6C12-9BB0-4DB0-A6C3-5013C27EA118}"/>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818" name="直線コネクタ 817">
          <a:extLst>
            <a:ext uri="{FF2B5EF4-FFF2-40B4-BE49-F238E27FC236}">
              <a16:creationId xmlns:a16="http://schemas.microsoft.com/office/drawing/2014/main" id="{88D5C653-DCE0-490F-9880-26AB1975EE02}"/>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819" name="テキスト ボックス 818">
          <a:extLst>
            <a:ext uri="{FF2B5EF4-FFF2-40B4-BE49-F238E27FC236}">
              <a16:creationId xmlns:a16="http://schemas.microsoft.com/office/drawing/2014/main" id="{023E5D53-C06C-462B-8931-721C2800F2B7}"/>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20" name="直線コネクタ 819">
          <a:extLst>
            <a:ext uri="{FF2B5EF4-FFF2-40B4-BE49-F238E27FC236}">
              <a16:creationId xmlns:a16="http://schemas.microsoft.com/office/drawing/2014/main" id="{0910C25F-EAE5-47C0-BC10-E8C6DDB5DA1C}"/>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21" name="テキスト ボックス 820">
          <a:extLst>
            <a:ext uri="{FF2B5EF4-FFF2-40B4-BE49-F238E27FC236}">
              <a16:creationId xmlns:a16="http://schemas.microsoft.com/office/drawing/2014/main" id="{1E8402AC-BD66-4D95-8744-F053EC8BB598}"/>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22" name="【庁舎】&#10;一人当たり面積グラフ枠">
          <a:extLst>
            <a:ext uri="{FF2B5EF4-FFF2-40B4-BE49-F238E27FC236}">
              <a16:creationId xmlns:a16="http://schemas.microsoft.com/office/drawing/2014/main" id="{FE565779-B9B1-43AD-9F5D-B10C2A694B0F}"/>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76200</xdr:rowOff>
    </xdr:from>
    <xdr:to>
      <xdr:col>116</xdr:col>
      <xdr:colOff>62864</xdr:colOff>
      <xdr:row>108</xdr:row>
      <xdr:rowOff>148589</xdr:rowOff>
    </xdr:to>
    <xdr:cxnSp macro="">
      <xdr:nvCxnSpPr>
        <xdr:cNvPr id="823" name="直線コネクタ 822">
          <a:extLst>
            <a:ext uri="{FF2B5EF4-FFF2-40B4-BE49-F238E27FC236}">
              <a16:creationId xmlns:a16="http://schemas.microsoft.com/office/drawing/2014/main" id="{BEA5EB86-96DF-4FA4-BE38-3B15AB2107B5}"/>
            </a:ext>
          </a:extLst>
        </xdr:cNvPr>
        <xdr:cNvCxnSpPr/>
      </xdr:nvCxnSpPr>
      <xdr:spPr>
        <a:xfrm flipV="1">
          <a:off x="22160864" y="17221200"/>
          <a:ext cx="0" cy="14439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52416</xdr:rowOff>
    </xdr:from>
    <xdr:ext cx="469744" cy="259045"/>
    <xdr:sp macro="" textlink="">
      <xdr:nvSpPr>
        <xdr:cNvPr id="824" name="【庁舎】&#10;一人当たり面積最小値テキスト">
          <a:extLst>
            <a:ext uri="{FF2B5EF4-FFF2-40B4-BE49-F238E27FC236}">
              <a16:creationId xmlns:a16="http://schemas.microsoft.com/office/drawing/2014/main" id="{0B1FE476-E44C-48AF-9CA2-C85C84AD453A}"/>
            </a:ext>
          </a:extLst>
        </xdr:cNvPr>
        <xdr:cNvSpPr txBox="1"/>
      </xdr:nvSpPr>
      <xdr:spPr>
        <a:xfrm>
          <a:off x="22199600" y="18669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48589</xdr:rowOff>
    </xdr:from>
    <xdr:to>
      <xdr:col>116</xdr:col>
      <xdr:colOff>152400</xdr:colOff>
      <xdr:row>108</xdr:row>
      <xdr:rowOff>148589</xdr:rowOff>
    </xdr:to>
    <xdr:cxnSp macro="">
      <xdr:nvCxnSpPr>
        <xdr:cNvPr id="825" name="直線コネクタ 824">
          <a:extLst>
            <a:ext uri="{FF2B5EF4-FFF2-40B4-BE49-F238E27FC236}">
              <a16:creationId xmlns:a16="http://schemas.microsoft.com/office/drawing/2014/main" id="{B877021B-239D-4F21-9502-540AEC71FF29}"/>
            </a:ext>
          </a:extLst>
        </xdr:cNvPr>
        <xdr:cNvCxnSpPr/>
      </xdr:nvCxnSpPr>
      <xdr:spPr>
        <a:xfrm>
          <a:off x="22072600" y="186651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22877</xdr:rowOff>
    </xdr:from>
    <xdr:ext cx="469744" cy="259045"/>
    <xdr:sp macro="" textlink="">
      <xdr:nvSpPr>
        <xdr:cNvPr id="826" name="【庁舎】&#10;一人当たり面積最大値テキスト">
          <a:extLst>
            <a:ext uri="{FF2B5EF4-FFF2-40B4-BE49-F238E27FC236}">
              <a16:creationId xmlns:a16="http://schemas.microsoft.com/office/drawing/2014/main" id="{45D5B174-F9DC-42A6-947F-5D1AF0AE5011}"/>
            </a:ext>
          </a:extLst>
        </xdr:cNvPr>
        <xdr:cNvSpPr txBox="1"/>
      </xdr:nvSpPr>
      <xdr:spPr>
        <a:xfrm>
          <a:off x="22199600" y="1699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76200</xdr:rowOff>
    </xdr:from>
    <xdr:to>
      <xdr:col>116</xdr:col>
      <xdr:colOff>152400</xdr:colOff>
      <xdr:row>100</xdr:row>
      <xdr:rowOff>76200</xdr:rowOff>
    </xdr:to>
    <xdr:cxnSp macro="">
      <xdr:nvCxnSpPr>
        <xdr:cNvPr id="827" name="直線コネクタ 826">
          <a:extLst>
            <a:ext uri="{FF2B5EF4-FFF2-40B4-BE49-F238E27FC236}">
              <a16:creationId xmlns:a16="http://schemas.microsoft.com/office/drawing/2014/main" id="{9D56DE07-E7F6-4F56-9E06-AD8B4C0AA53E}"/>
            </a:ext>
          </a:extLst>
        </xdr:cNvPr>
        <xdr:cNvCxnSpPr/>
      </xdr:nvCxnSpPr>
      <xdr:spPr>
        <a:xfrm>
          <a:off x="22072600" y="1722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13988</xdr:rowOff>
    </xdr:from>
    <xdr:ext cx="469744" cy="259045"/>
    <xdr:sp macro="" textlink="">
      <xdr:nvSpPr>
        <xdr:cNvPr id="828" name="【庁舎】&#10;一人当たり面積平均値テキスト">
          <a:extLst>
            <a:ext uri="{FF2B5EF4-FFF2-40B4-BE49-F238E27FC236}">
              <a16:creationId xmlns:a16="http://schemas.microsoft.com/office/drawing/2014/main" id="{9B13615B-FC01-43B7-829A-897A9828FFF0}"/>
            </a:ext>
          </a:extLst>
        </xdr:cNvPr>
        <xdr:cNvSpPr txBox="1"/>
      </xdr:nvSpPr>
      <xdr:spPr>
        <a:xfrm>
          <a:off x="22199600" y="178447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162561</xdr:rowOff>
    </xdr:from>
    <xdr:to>
      <xdr:col>116</xdr:col>
      <xdr:colOff>114300</xdr:colOff>
      <xdr:row>105</xdr:row>
      <xdr:rowOff>92711</xdr:rowOff>
    </xdr:to>
    <xdr:sp macro="" textlink="">
      <xdr:nvSpPr>
        <xdr:cNvPr id="829" name="フローチャート: 判断 828">
          <a:extLst>
            <a:ext uri="{FF2B5EF4-FFF2-40B4-BE49-F238E27FC236}">
              <a16:creationId xmlns:a16="http://schemas.microsoft.com/office/drawing/2014/main" id="{EE499581-1647-4A05-BC37-E0C2DC4688D7}"/>
            </a:ext>
          </a:extLst>
        </xdr:cNvPr>
        <xdr:cNvSpPr/>
      </xdr:nvSpPr>
      <xdr:spPr>
        <a:xfrm>
          <a:off x="22110700" y="1799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0161</xdr:rowOff>
    </xdr:from>
    <xdr:to>
      <xdr:col>112</xdr:col>
      <xdr:colOff>38100</xdr:colOff>
      <xdr:row>105</xdr:row>
      <xdr:rowOff>111761</xdr:rowOff>
    </xdr:to>
    <xdr:sp macro="" textlink="">
      <xdr:nvSpPr>
        <xdr:cNvPr id="830" name="フローチャート: 判断 829">
          <a:extLst>
            <a:ext uri="{FF2B5EF4-FFF2-40B4-BE49-F238E27FC236}">
              <a16:creationId xmlns:a16="http://schemas.microsoft.com/office/drawing/2014/main" id="{AFA13CE3-E627-487C-A8F9-024FB094D4A8}"/>
            </a:ext>
          </a:extLst>
        </xdr:cNvPr>
        <xdr:cNvSpPr/>
      </xdr:nvSpPr>
      <xdr:spPr>
        <a:xfrm>
          <a:off x="21272500" y="180124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21589</xdr:rowOff>
    </xdr:from>
    <xdr:to>
      <xdr:col>107</xdr:col>
      <xdr:colOff>101600</xdr:colOff>
      <xdr:row>105</xdr:row>
      <xdr:rowOff>123189</xdr:rowOff>
    </xdr:to>
    <xdr:sp macro="" textlink="">
      <xdr:nvSpPr>
        <xdr:cNvPr id="831" name="フローチャート: 判断 830">
          <a:extLst>
            <a:ext uri="{FF2B5EF4-FFF2-40B4-BE49-F238E27FC236}">
              <a16:creationId xmlns:a16="http://schemas.microsoft.com/office/drawing/2014/main" id="{EA443D8A-EC33-44CA-80E0-D83FD20DDDD5}"/>
            </a:ext>
          </a:extLst>
        </xdr:cNvPr>
        <xdr:cNvSpPr/>
      </xdr:nvSpPr>
      <xdr:spPr>
        <a:xfrm>
          <a:off x="20383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21589</xdr:rowOff>
    </xdr:from>
    <xdr:to>
      <xdr:col>102</xdr:col>
      <xdr:colOff>165100</xdr:colOff>
      <xdr:row>105</xdr:row>
      <xdr:rowOff>123189</xdr:rowOff>
    </xdr:to>
    <xdr:sp macro="" textlink="">
      <xdr:nvSpPr>
        <xdr:cNvPr id="832" name="フローチャート: 判断 831">
          <a:extLst>
            <a:ext uri="{FF2B5EF4-FFF2-40B4-BE49-F238E27FC236}">
              <a16:creationId xmlns:a16="http://schemas.microsoft.com/office/drawing/2014/main" id="{8BEB222B-367A-4BCA-B35A-41AECACB786F}"/>
            </a:ext>
          </a:extLst>
        </xdr:cNvPr>
        <xdr:cNvSpPr/>
      </xdr:nvSpPr>
      <xdr:spPr>
        <a:xfrm>
          <a:off x="19494500" y="18023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33020</xdr:rowOff>
    </xdr:from>
    <xdr:to>
      <xdr:col>98</xdr:col>
      <xdr:colOff>38100</xdr:colOff>
      <xdr:row>105</xdr:row>
      <xdr:rowOff>134620</xdr:rowOff>
    </xdr:to>
    <xdr:sp macro="" textlink="">
      <xdr:nvSpPr>
        <xdr:cNvPr id="833" name="フローチャート: 判断 832">
          <a:extLst>
            <a:ext uri="{FF2B5EF4-FFF2-40B4-BE49-F238E27FC236}">
              <a16:creationId xmlns:a16="http://schemas.microsoft.com/office/drawing/2014/main" id="{AAA90897-81BE-47BD-BE38-582C26345075}"/>
            </a:ext>
          </a:extLst>
        </xdr:cNvPr>
        <xdr:cNvSpPr/>
      </xdr:nvSpPr>
      <xdr:spPr>
        <a:xfrm>
          <a:off x="18605500" y="18035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34" name="テキスト ボックス 833">
          <a:extLst>
            <a:ext uri="{FF2B5EF4-FFF2-40B4-BE49-F238E27FC236}">
              <a16:creationId xmlns:a16="http://schemas.microsoft.com/office/drawing/2014/main" id="{886544BC-DEB1-4CC0-BB88-1BB45ACF9019}"/>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35" name="テキスト ボックス 834">
          <a:extLst>
            <a:ext uri="{FF2B5EF4-FFF2-40B4-BE49-F238E27FC236}">
              <a16:creationId xmlns:a16="http://schemas.microsoft.com/office/drawing/2014/main" id="{B06C0834-50FA-46B8-A202-7374B13567FF}"/>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36" name="テキスト ボックス 835">
          <a:extLst>
            <a:ext uri="{FF2B5EF4-FFF2-40B4-BE49-F238E27FC236}">
              <a16:creationId xmlns:a16="http://schemas.microsoft.com/office/drawing/2014/main" id="{572B7417-A0E8-48CA-9B20-8E10D6DB35D0}"/>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37" name="テキスト ボックス 836">
          <a:extLst>
            <a:ext uri="{FF2B5EF4-FFF2-40B4-BE49-F238E27FC236}">
              <a16:creationId xmlns:a16="http://schemas.microsoft.com/office/drawing/2014/main" id="{F56F2A45-E1D9-4D9D-8A2C-3F8612B338B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38" name="テキスト ボックス 837">
          <a:extLst>
            <a:ext uri="{FF2B5EF4-FFF2-40B4-BE49-F238E27FC236}">
              <a16:creationId xmlns:a16="http://schemas.microsoft.com/office/drawing/2014/main" id="{45D57C20-9408-43DB-A514-C779BD2EB970}"/>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70180</xdr:rowOff>
    </xdr:from>
    <xdr:to>
      <xdr:col>116</xdr:col>
      <xdr:colOff>114300</xdr:colOff>
      <xdr:row>106</xdr:row>
      <xdr:rowOff>100330</xdr:rowOff>
    </xdr:to>
    <xdr:sp macro="" textlink="">
      <xdr:nvSpPr>
        <xdr:cNvPr id="839" name="楕円 838">
          <a:extLst>
            <a:ext uri="{FF2B5EF4-FFF2-40B4-BE49-F238E27FC236}">
              <a16:creationId xmlns:a16="http://schemas.microsoft.com/office/drawing/2014/main" id="{958E9DFB-9607-4D8D-B8C6-BBB4479F8180}"/>
            </a:ext>
          </a:extLst>
        </xdr:cNvPr>
        <xdr:cNvSpPr/>
      </xdr:nvSpPr>
      <xdr:spPr>
        <a:xfrm>
          <a:off x="22110700" y="1817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5</xdr:row>
      <xdr:rowOff>148607</xdr:rowOff>
    </xdr:from>
    <xdr:ext cx="469744" cy="259045"/>
    <xdr:sp macro="" textlink="">
      <xdr:nvSpPr>
        <xdr:cNvPr id="840" name="【庁舎】&#10;一人当たり面積該当値テキスト">
          <a:extLst>
            <a:ext uri="{FF2B5EF4-FFF2-40B4-BE49-F238E27FC236}">
              <a16:creationId xmlns:a16="http://schemas.microsoft.com/office/drawing/2014/main" id="{E09B9105-8F7A-452A-B7B3-382ADBF97127}"/>
            </a:ext>
          </a:extLst>
        </xdr:cNvPr>
        <xdr:cNvSpPr txBox="1"/>
      </xdr:nvSpPr>
      <xdr:spPr>
        <a:xfrm>
          <a:off x="22199600" y="181508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5</xdr:row>
      <xdr:rowOff>170180</xdr:rowOff>
    </xdr:from>
    <xdr:to>
      <xdr:col>112</xdr:col>
      <xdr:colOff>38100</xdr:colOff>
      <xdr:row>106</xdr:row>
      <xdr:rowOff>100330</xdr:rowOff>
    </xdr:to>
    <xdr:sp macro="" textlink="">
      <xdr:nvSpPr>
        <xdr:cNvPr id="841" name="楕円 840">
          <a:extLst>
            <a:ext uri="{FF2B5EF4-FFF2-40B4-BE49-F238E27FC236}">
              <a16:creationId xmlns:a16="http://schemas.microsoft.com/office/drawing/2014/main" id="{C4087B7A-0BC4-4D0C-B31C-56E6853A6717}"/>
            </a:ext>
          </a:extLst>
        </xdr:cNvPr>
        <xdr:cNvSpPr/>
      </xdr:nvSpPr>
      <xdr:spPr>
        <a:xfrm>
          <a:off x="21272500" y="1817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6</xdr:row>
      <xdr:rowOff>49530</xdr:rowOff>
    </xdr:from>
    <xdr:to>
      <xdr:col>116</xdr:col>
      <xdr:colOff>63500</xdr:colOff>
      <xdr:row>106</xdr:row>
      <xdr:rowOff>49530</xdr:rowOff>
    </xdr:to>
    <xdr:cxnSp macro="">
      <xdr:nvCxnSpPr>
        <xdr:cNvPr id="842" name="直線コネクタ 841">
          <a:extLst>
            <a:ext uri="{FF2B5EF4-FFF2-40B4-BE49-F238E27FC236}">
              <a16:creationId xmlns:a16="http://schemas.microsoft.com/office/drawing/2014/main" id="{6DF64532-014A-47C0-8C47-38A3D600B635}"/>
            </a:ext>
          </a:extLst>
        </xdr:cNvPr>
        <xdr:cNvCxnSpPr/>
      </xdr:nvCxnSpPr>
      <xdr:spPr>
        <a:xfrm>
          <a:off x="21323300" y="1822323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5</xdr:row>
      <xdr:rowOff>170180</xdr:rowOff>
    </xdr:from>
    <xdr:to>
      <xdr:col>107</xdr:col>
      <xdr:colOff>101600</xdr:colOff>
      <xdr:row>106</xdr:row>
      <xdr:rowOff>100330</xdr:rowOff>
    </xdr:to>
    <xdr:sp macro="" textlink="">
      <xdr:nvSpPr>
        <xdr:cNvPr id="843" name="楕円 842">
          <a:extLst>
            <a:ext uri="{FF2B5EF4-FFF2-40B4-BE49-F238E27FC236}">
              <a16:creationId xmlns:a16="http://schemas.microsoft.com/office/drawing/2014/main" id="{5FC92331-B7C5-4155-B500-CB4476D67724}"/>
            </a:ext>
          </a:extLst>
        </xdr:cNvPr>
        <xdr:cNvSpPr/>
      </xdr:nvSpPr>
      <xdr:spPr>
        <a:xfrm>
          <a:off x="20383500" y="1817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6</xdr:row>
      <xdr:rowOff>49530</xdr:rowOff>
    </xdr:from>
    <xdr:to>
      <xdr:col>111</xdr:col>
      <xdr:colOff>177800</xdr:colOff>
      <xdr:row>106</xdr:row>
      <xdr:rowOff>49530</xdr:rowOff>
    </xdr:to>
    <xdr:cxnSp macro="">
      <xdr:nvCxnSpPr>
        <xdr:cNvPr id="844" name="直線コネクタ 843">
          <a:extLst>
            <a:ext uri="{FF2B5EF4-FFF2-40B4-BE49-F238E27FC236}">
              <a16:creationId xmlns:a16="http://schemas.microsoft.com/office/drawing/2014/main" id="{1B9B5579-5EA0-488D-8DFB-CFBE171EA44A}"/>
            </a:ext>
          </a:extLst>
        </xdr:cNvPr>
        <xdr:cNvCxnSpPr/>
      </xdr:nvCxnSpPr>
      <xdr:spPr>
        <a:xfrm>
          <a:off x="20434300" y="1822323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6</xdr:row>
      <xdr:rowOff>2539</xdr:rowOff>
    </xdr:from>
    <xdr:to>
      <xdr:col>102</xdr:col>
      <xdr:colOff>165100</xdr:colOff>
      <xdr:row>106</xdr:row>
      <xdr:rowOff>104139</xdr:rowOff>
    </xdr:to>
    <xdr:sp macro="" textlink="">
      <xdr:nvSpPr>
        <xdr:cNvPr id="845" name="楕円 844">
          <a:extLst>
            <a:ext uri="{FF2B5EF4-FFF2-40B4-BE49-F238E27FC236}">
              <a16:creationId xmlns:a16="http://schemas.microsoft.com/office/drawing/2014/main" id="{70ED5F0F-E861-4AB1-92C1-4A94C1ABE3FB}"/>
            </a:ext>
          </a:extLst>
        </xdr:cNvPr>
        <xdr:cNvSpPr/>
      </xdr:nvSpPr>
      <xdr:spPr>
        <a:xfrm>
          <a:off x="19494500" y="1817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6</xdr:row>
      <xdr:rowOff>49530</xdr:rowOff>
    </xdr:from>
    <xdr:to>
      <xdr:col>107</xdr:col>
      <xdr:colOff>50800</xdr:colOff>
      <xdr:row>106</xdr:row>
      <xdr:rowOff>53339</xdr:rowOff>
    </xdr:to>
    <xdr:cxnSp macro="">
      <xdr:nvCxnSpPr>
        <xdr:cNvPr id="846" name="直線コネクタ 845">
          <a:extLst>
            <a:ext uri="{FF2B5EF4-FFF2-40B4-BE49-F238E27FC236}">
              <a16:creationId xmlns:a16="http://schemas.microsoft.com/office/drawing/2014/main" id="{98B5BA3A-E135-421A-AE09-D4E94AA74B2D}"/>
            </a:ext>
          </a:extLst>
        </xdr:cNvPr>
        <xdr:cNvCxnSpPr/>
      </xdr:nvCxnSpPr>
      <xdr:spPr>
        <a:xfrm flipV="1">
          <a:off x="19545300" y="18223230"/>
          <a:ext cx="889000" cy="38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6</xdr:row>
      <xdr:rowOff>2539</xdr:rowOff>
    </xdr:from>
    <xdr:to>
      <xdr:col>98</xdr:col>
      <xdr:colOff>38100</xdr:colOff>
      <xdr:row>106</xdr:row>
      <xdr:rowOff>104139</xdr:rowOff>
    </xdr:to>
    <xdr:sp macro="" textlink="">
      <xdr:nvSpPr>
        <xdr:cNvPr id="847" name="楕円 846">
          <a:extLst>
            <a:ext uri="{FF2B5EF4-FFF2-40B4-BE49-F238E27FC236}">
              <a16:creationId xmlns:a16="http://schemas.microsoft.com/office/drawing/2014/main" id="{179F3F58-3E5F-43A7-ACC5-3C4F6C619E8F}"/>
            </a:ext>
          </a:extLst>
        </xdr:cNvPr>
        <xdr:cNvSpPr/>
      </xdr:nvSpPr>
      <xdr:spPr>
        <a:xfrm>
          <a:off x="18605500" y="1817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6</xdr:row>
      <xdr:rowOff>53339</xdr:rowOff>
    </xdr:from>
    <xdr:to>
      <xdr:col>102</xdr:col>
      <xdr:colOff>114300</xdr:colOff>
      <xdr:row>106</xdr:row>
      <xdr:rowOff>53339</xdr:rowOff>
    </xdr:to>
    <xdr:cxnSp macro="">
      <xdr:nvCxnSpPr>
        <xdr:cNvPr id="848" name="直線コネクタ 847">
          <a:extLst>
            <a:ext uri="{FF2B5EF4-FFF2-40B4-BE49-F238E27FC236}">
              <a16:creationId xmlns:a16="http://schemas.microsoft.com/office/drawing/2014/main" id="{9D66B394-8EFD-405A-BAF8-4BF0C52E883E}"/>
            </a:ext>
          </a:extLst>
        </xdr:cNvPr>
        <xdr:cNvCxnSpPr/>
      </xdr:nvCxnSpPr>
      <xdr:spPr>
        <a:xfrm>
          <a:off x="18656300" y="182270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28288</xdr:rowOff>
    </xdr:from>
    <xdr:ext cx="469744" cy="259045"/>
    <xdr:sp macro="" textlink="">
      <xdr:nvSpPr>
        <xdr:cNvPr id="849" name="n_1aveValue【庁舎】&#10;一人当たり面積">
          <a:extLst>
            <a:ext uri="{FF2B5EF4-FFF2-40B4-BE49-F238E27FC236}">
              <a16:creationId xmlns:a16="http://schemas.microsoft.com/office/drawing/2014/main" id="{82F57EAD-7AC2-4C9B-B25D-3109F1D6ED9A}"/>
            </a:ext>
          </a:extLst>
        </xdr:cNvPr>
        <xdr:cNvSpPr txBox="1"/>
      </xdr:nvSpPr>
      <xdr:spPr>
        <a:xfrm>
          <a:off x="21075727" y="17787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3</xdr:row>
      <xdr:rowOff>139716</xdr:rowOff>
    </xdr:from>
    <xdr:ext cx="469744" cy="259045"/>
    <xdr:sp macro="" textlink="">
      <xdr:nvSpPr>
        <xdr:cNvPr id="850" name="n_2aveValue【庁舎】&#10;一人当たり面積">
          <a:extLst>
            <a:ext uri="{FF2B5EF4-FFF2-40B4-BE49-F238E27FC236}">
              <a16:creationId xmlns:a16="http://schemas.microsoft.com/office/drawing/2014/main" id="{6E9281E6-19DA-4A74-A562-AAF76154A971}"/>
            </a:ext>
          </a:extLst>
        </xdr:cNvPr>
        <xdr:cNvSpPr txBox="1"/>
      </xdr:nvSpPr>
      <xdr:spPr>
        <a:xfrm>
          <a:off x="20199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3</xdr:row>
      <xdr:rowOff>139716</xdr:rowOff>
    </xdr:from>
    <xdr:ext cx="469744" cy="259045"/>
    <xdr:sp macro="" textlink="">
      <xdr:nvSpPr>
        <xdr:cNvPr id="851" name="n_3aveValue【庁舎】&#10;一人当たり面積">
          <a:extLst>
            <a:ext uri="{FF2B5EF4-FFF2-40B4-BE49-F238E27FC236}">
              <a16:creationId xmlns:a16="http://schemas.microsoft.com/office/drawing/2014/main" id="{E20B7F5E-6781-4DB6-BCD1-087567599FC7}"/>
            </a:ext>
          </a:extLst>
        </xdr:cNvPr>
        <xdr:cNvSpPr txBox="1"/>
      </xdr:nvSpPr>
      <xdr:spPr>
        <a:xfrm>
          <a:off x="19310427" y="17799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3</xdr:row>
      <xdr:rowOff>151147</xdr:rowOff>
    </xdr:from>
    <xdr:ext cx="469744" cy="259045"/>
    <xdr:sp macro="" textlink="">
      <xdr:nvSpPr>
        <xdr:cNvPr id="852" name="n_4aveValue【庁舎】&#10;一人当たり面積">
          <a:extLst>
            <a:ext uri="{FF2B5EF4-FFF2-40B4-BE49-F238E27FC236}">
              <a16:creationId xmlns:a16="http://schemas.microsoft.com/office/drawing/2014/main" id="{90D7BFA6-381A-416E-AAF2-47E46CDE61D0}"/>
            </a:ext>
          </a:extLst>
        </xdr:cNvPr>
        <xdr:cNvSpPr txBox="1"/>
      </xdr:nvSpPr>
      <xdr:spPr>
        <a:xfrm>
          <a:off x="18421427" y="1781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6</xdr:row>
      <xdr:rowOff>91457</xdr:rowOff>
    </xdr:from>
    <xdr:ext cx="469744" cy="259045"/>
    <xdr:sp macro="" textlink="">
      <xdr:nvSpPr>
        <xdr:cNvPr id="853" name="n_1mainValue【庁舎】&#10;一人当たり面積">
          <a:extLst>
            <a:ext uri="{FF2B5EF4-FFF2-40B4-BE49-F238E27FC236}">
              <a16:creationId xmlns:a16="http://schemas.microsoft.com/office/drawing/2014/main" id="{4467783A-BA31-4418-876D-D7EDF0B65979}"/>
            </a:ext>
          </a:extLst>
        </xdr:cNvPr>
        <xdr:cNvSpPr txBox="1"/>
      </xdr:nvSpPr>
      <xdr:spPr>
        <a:xfrm>
          <a:off x="21075727" y="1826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91457</xdr:rowOff>
    </xdr:from>
    <xdr:ext cx="469744" cy="259045"/>
    <xdr:sp macro="" textlink="">
      <xdr:nvSpPr>
        <xdr:cNvPr id="854" name="n_2mainValue【庁舎】&#10;一人当たり面積">
          <a:extLst>
            <a:ext uri="{FF2B5EF4-FFF2-40B4-BE49-F238E27FC236}">
              <a16:creationId xmlns:a16="http://schemas.microsoft.com/office/drawing/2014/main" id="{7FE5EED7-A6B7-4D69-B059-349FA011709F}"/>
            </a:ext>
          </a:extLst>
        </xdr:cNvPr>
        <xdr:cNvSpPr txBox="1"/>
      </xdr:nvSpPr>
      <xdr:spPr>
        <a:xfrm>
          <a:off x="20199427" y="182651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95266</xdr:rowOff>
    </xdr:from>
    <xdr:ext cx="469744" cy="259045"/>
    <xdr:sp macro="" textlink="">
      <xdr:nvSpPr>
        <xdr:cNvPr id="855" name="n_3mainValue【庁舎】&#10;一人当たり面積">
          <a:extLst>
            <a:ext uri="{FF2B5EF4-FFF2-40B4-BE49-F238E27FC236}">
              <a16:creationId xmlns:a16="http://schemas.microsoft.com/office/drawing/2014/main" id="{115AC4B0-0380-4DA9-96F4-75CC37A154E5}"/>
            </a:ext>
          </a:extLst>
        </xdr:cNvPr>
        <xdr:cNvSpPr txBox="1"/>
      </xdr:nvSpPr>
      <xdr:spPr>
        <a:xfrm>
          <a:off x="19310427"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95266</xdr:rowOff>
    </xdr:from>
    <xdr:ext cx="469744" cy="259045"/>
    <xdr:sp macro="" textlink="">
      <xdr:nvSpPr>
        <xdr:cNvPr id="856" name="n_4mainValue【庁舎】&#10;一人当たり面積">
          <a:extLst>
            <a:ext uri="{FF2B5EF4-FFF2-40B4-BE49-F238E27FC236}">
              <a16:creationId xmlns:a16="http://schemas.microsoft.com/office/drawing/2014/main" id="{DD63F1E4-0625-44FE-975C-8A3F247CB387}"/>
            </a:ext>
          </a:extLst>
        </xdr:cNvPr>
        <xdr:cNvSpPr txBox="1"/>
      </xdr:nvSpPr>
      <xdr:spPr>
        <a:xfrm>
          <a:off x="18421427" y="18268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57" name="正方形/長方形 856">
          <a:extLst>
            <a:ext uri="{FF2B5EF4-FFF2-40B4-BE49-F238E27FC236}">
              <a16:creationId xmlns:a16="http://schemas.microsoft.com/office/drawing/2014/main" id="{234A742E-7B8A-49FA-A539-1991A37B9528}"/>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58" name="正方形/長方形 857">
          <a:extLst>
            <a:ext uri="{FF2B5EF4-FFF2-40B4-BE49-F238E27FC236}">
              <a16:creationId xmlns:a16="http://schemas.microsoft.com/office/drawing/2014/main" id="{17DE2F6F-7EAF-4A92-A171-77A0D337FC96}"/>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59" name="テキスト ボックス 858">
          <a:extLst>
            <a:ext uri="{FF2B5EF4-FFF2-40B4-BE49-F238E27FC236}">
              <a16:creationId xmlns:a16="http://schemas.microsoft.com/office/drawing/2014/main" id="{7A275C1A-1A97-4DE8-99E8-80F78C5F8CA4}"/>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mn-lt"/>
              <a:ea typeface="+mn-ea"/>
              <a:cs typeface="+mn-cs"/>
            </a:rPr>
            <a:t>本表における有形固定資産減価償却率については、すべての施設類型で類似団体の平均値を上回っている。</a:t>
          </a:r>
          <a:endParaRPr lang="ja-JP" altLang="ja-JP" sz="1400">
            <a:effectLst/>
          </a:endParaRPr>
        </a:p>
        <a:p>
          <a:r>
            <a:rPr kumimoji="1" lang="ja-JP" altLang="ja-JP" sz="1100">
              <a:solidFill>
                <a:schemeClr val="dk1"/>
              </a:solidFill>
              <a:effectLst/>
              <a:latin typeface="+mn-lt"/>
              <a:ea typeface="+mn-ea"/>
              <a:cs typeface="+mn-cs"/>
            </a:rPr>
            <a:t>特に市民会館</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市民文化会館</a:t>
          </a:r>
          <a:r>
            <a:rPr kumimoji="1" lang="en-US" altLang="ja-JP" sz="1100">
              <a:solidFill>
                <a:schemeClr val="dk1"/>
              </a:solidFill>
              <a:effectLst/>
              <a:latin typeface="+mn-lt"/>
              <a:ea typeface="+mn-ea"/>
              <a:cs typeface="+mn-cs"/>
            </a:rPr>
            <a:t>)</a:t>
          </a:r>
          <a:r>
            <a:rPr kumimoji="1" lang="ja-JP" altLang="ja-JP" sz="1100">
              <a:solidFill>
                <a:schemeClr val="dk1"/>
              </a:solidFill>
              <a:effectLst/>
              <a:latin typeface="+mn-lt"/>
              <a:ea typeface="+mn-ea"/>
              <a:cs typeface="+mn-cs"/>
            </a:rPr>
            <a:t>及び庁舎については、類似団体の平均値を大きく上回っており、そのほか福祉施設や消防施設についても類似団体の平均値から乖離している。</a:t>
          </a:r>
          <a:endParaRPr lang="ja-JP" altLang="ja-JP" sz="1400">
            <a:effectLst/>
          </a:endParaRPr>
        </a:p>
        <a:p>
          <a:r>
            <a:rPr kumimoji="1" lang="ja-JP" altLang="ja-JP" sz="1100">
              <a:solidFill>
                <a:schemeClr val="dk1"/>
              </a:solidFill>
              <a:effectLst/>
              <a:latin typeface="+mn-lt"/>
              <a:ea typeface="+mn-ea"/>
              <a:cs typeface="+mn-cs"/>
            </a:rPr>
            <a:t>庁舎については、令和３年度に実施した公共施設老朽化状況調査により、全体的に「広範囲に劣化」が確認された。</a:t>
          </a:r>
          <a:endParaRPr lang="ja-JP" altLang="ja-JP" sz="1400">
            <a:effectLst/>
          </a:endParaRPr>
        </a:p>
        <a:p>
          <a:r>
            <a:rPr kumimoji="1" lang="ja-JP" altLang="ja-JP" sz="1100">
              <a:solidFill>
                <a:schemeClr val="dk1"/>
              </a:solidFill>
              <a:effectLst/>
              <a:latin typeface="+mn-lt"/>
              <a:ea typeface="+mn-ea"/>
              <a:cs typeface="+mn-cs"/>
            </a:rPr>
            <a:t>「公共施設等総合管理計画」に基づき、公共施設の老朽化対策等に取り組み、指標の改善を図る。</a:t>
          </a:r>
          <a:endParaRPr lang="ja-JP" altLang="ja-JP" sz="1400">
            <a:effectLst/>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795
97,298
55.56
38,593,373
36,101,492
2,440,297
20,871,660
22,402,6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新型コロナウイルスの影響による所得割の減等により、基準財政収入額が減となり、児童福祉費等の増により基準財政需要額が増加したため、３ヵ年平均及び単年度ともに低下した。類似団体の平均水準は上回っているものの、少子高齢社会の進展により扶助費の増加が増えることが見込まれるため、歳入確保や経費縮減を通じ、引き続き財政の健全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a:extLst>
            <a:ext uri="{FF2B5EF4-FFF2-40B4-BE49-F238E27FC236}">
              <a16:creationId xmlns:a16="http://schemas.microsoft.com/office/drawing/2014/main" id="{00000000-0008-0000-0300-000033000000}"/>
            </a:ext>
          </a:extLst>
        </xdr:cNvPr>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a:extLst>
            <a:ext uri="{FF2B5EF4-FFF2-40B4-BE49-F238E27FC236}">
              <a16:creationId xmlns:a16="http://schemas.microsoft.com/office/drawing/2014/main" id="{00000000-0008-0000-0300-000034000000}"/>
            </a:ext>
          </a:extLst>
        </xdr:cNvPr>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a:extLst>
            <a:ext uri="{FF2B5EF4-FFF2-40B4-BE49-F238E27FC236}">
              <a16:creationId xmlns:a16="http://schemas.microsoft.com/office/drawing/2014/main" id="{00000000-0008-0000-0300-000035000000}"/>
            </a:ext>
          </a:extLst>
        </xdr:cNvPr>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a:extLst>
            <a:ext uri="{FF2B5EF4-FFF2-40B4-BE49-F238E27FC236}">
              <a16:creationId xmlns:a16="http://schemas.microsoft.com/office/drawing/2014/main" id="{00000000-0008-0000-0300-000036000000}"/>
            </a:ext>
          </a:extLst>
        </xdr:cNvPr>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a:extLst>
            <a:ext uri="{FF2B5EF4-FFF2-40B4-BE49-F238E27FC236}">
              <a16:creationId xmlns:a16="http://schemas.microsoft.com/office/drawing/2014/main" id="{00000000-0008-0000-0300-000037000000}"/>
            </a:ext>
          </a:extLst>
        </xdr:cNvPr>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a:extLst>
            <a:ext uri="{FF2B5EF4-FFF2-40B4-BE49-F238E27FC236}">
              <a16:creationId xmlns:a16="http://schemas.microsoft.com/office/drawing/2014/main" id="{00000000-0008-0000-0300-000038000000}"/>
            </a:ext>
          </a:extLst>
        </xdr:cNvPr>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a:extLst>
            <a:ext uri="{FF2B5EF4-FFF2-40B4-BE49-F238E27FC236}">
              <a16:creationId xmlns:a16="http://schemas.microsoft.com/office/drawing/2014/main" id="{00000000-0008-0000-0300-000039000000}"/>
            </a:ext>
          </a:extLst>
        </xdr:cNvPr>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a:extLst>
            <a:ext uri="{FF2B5EF4-FFF2-40B4-BE49-F238E27FC236}">
              <a16:creationId xmlns:a16="http://schemas.microsoft.com/office/drawing/2014/main" id="{00000000-0008-0000-0300-00003A000000}"/>
            </a:ext>
          </a:extLst>
        </xdr:cNvPr>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a:extLst>
            <a:ext uri="{FF2B5EF4-FFF2-40B4-BE49-F238E27FC236}">
              <a16:creationId xmlns:a16="http://schemas.microsoft.com/office/drawing/2014/main" id="{00000000-0008-0000-0300-00003B000000}"/>
            </a:ext>
          </a:extLst>
        </xdr:cNvPr>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a:extLst>
            <a:ext uri="{FF2B5EF4-FFF2-40B4-BE49-F238E27FC236}">
              <a16:creationId xmlns:a16="http://schemas.microsoft.com/office/drawing/2014/main" id="{00000000-0008-0000-0300-00003C000000}"/>
            </a:ext>
          </a:extLst>
        </xdr:cNvPr>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a:extLst>
            <a:ext uri="{FF2B5EF4-FFF2-40B4-BE49-F238E27FC236}">
              <a16:creationId xmlns:a16="http://schemas.microsoft.com/office/drawing/2014/main" id="{00000000-0008-0000-0300-00003D000000}"/>
            </a:ext>
          </a:extLst>
        </xdr:cNvPr>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a:extLst>
            <a:ext uri="{FF2B5EF4-FFF2-40B4-BE49-F238E27FC236}">
              <a16:creationId xmlns:a16="http://schemas.microsoft.com/office/drawing/2014/main" id="{00000000-0008-0000-0300-00003E000000}"/>
            </a:ext>
          </a:extLst>
        </xdr:cNvPr>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a:extLst>
            <a:ext uri="{FF2B5EF4-FFF2-40B4-BE49-F238E27FC236}">
              <a16:creationId xmlns:a16="http://schemas.microsoft.com/office/drawing/2014/main" id="{00000000-0008-0000-0300-00003F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a:extLst>
            <a:ext uri="{FF2B5EF4-FFF2-40B4-BE49-F238E27FC236}">
              <a16:creationId xmlns:a16="http://schemas.microsoft.com/office/drawing/2014/main" id="{00000000-0008-0000-0300-000040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a:extLst>
            <a:ext uri="{FF2B5EF4-FFF2-40B4-BE49-F238E27FC236}">
              <a16:creationId xmlns:a16="http://schemas.microsoft.com/office/drawing/2014/main" id="{00000000-0008-0000-0300-000041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0607</xdr:rowOff>
    </xdr:from>
    <xdr:to>
      <xdr:col>23</xdr:col>
      <xdr:colOff>133350</xdr:colOff>
      <xdr:row>45</xdr:row>
      <xdr:rowOff>28122</xdr:rowOff>
    </xdr:to>
    <xdr:cxnSp macro="">
      <xdr:nvCxnSpPr>
        <xdr:cNvPr id="66" name="直線コネクタ 65">
          <a:extLst>
            <a:ext uri="{FF2B5EF4-FFF2-40B4-BE49-F238E27FC236}">
              <a16:creationId xmlns:a16="http://schemas.microsoft.com/office/drawing/2014/main" id="{00000000-0008-0000-0300-000042000000}"/>
            </a:ext>
          </a:extLst>
        </xdr:cNvPr>
        <xdr:cNvCxnSpPr/>
      </xdr:nvCxnSpPr>
      <xdr:spPr>
        <a:xfrm flipV="1">
          <a:off x="4953000" y="6312807"/>
          <a:ext cx="0" cy="143056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199</xdr:rowOff>
    </xdr:from>
    <xdr:ext cx="762000" cy="259045"/>
    <xdr:sp macro="" textlink="">
      <xdr:nvSpPr>
        <xdr:cNvPr id="67" name="財政力最小値テキスト">
          <a:extLst>
            <a:ext uri="{FF2B5EF4-FFF2-40B4-BE49-F238E27FC236}">
              <a16:creationId xmlns:a16="http://schemas.microsoft.com/office/drawing/2014/main" id="{00000000-0008-0000-0300-000043000000}"/>
            </a:ext>
          </a:extLst>
        </xdr:cNvPr>
        <xdr:cNvSpPr txBox="1"/>
      </xdr:nvSpPr>
      <xdr:spPr>
        <a:xfrm>
          <a:off x="5041900" y="7715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28122</xdr:rowOff>
    </xdr:from>
    <xdr:to>
      <xdr:col>24</xdr:col>
      <xdr:colOff>12700</xdr:colOff>
      <xdr:row>45</xdr:row>
      <xdr:rowOff>28122</xdr:rowOff>
    </xdr:to>
    <xdr:cxnSp macro="">
      <xdr:nvCxnSpPr>
        <xdr:cNvPr id="68" name="直線コネクタ 67">
          <a:extLst>
            <a:ext uri="{FF2B5EF4-FFF2-40B4-BE49-F238E27FC236}">
              <a16:creationId xmlns:a16="http://schemas.microsoft.com/office/drawing/2014/main" id="{00000000-0008-0000-0300-000044000000}"/>
            </a:ext>
          </a:extLst>
        </xdr:cNvPr>
        <xdr:cNvCxnSpPr/>
      </xdr:nvCxnSpPr>
      <xdr:spPr>
        <a:xfrm>
          <a:off x="4864100" y="77433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55534</xdr:rowOff>
    </xdr:from>
    <xdr:ext cx="762000" cy="259045"/>
    <xdr:sp macro="" textlink="">
      <xdr:nvSpPr>
        <xdr:cNvPr id="69" name="財政力最大値テキスト">
          <a:extLst>
            <a:ext uri="{FF2B5EF4-FFF2-40B4-BE49-F238E27FC236}">
              <a16:creationId xmlns:a16="http://schemas.microsoft.com/office/drawing/2014/main" id="{00000000-0008-0000-0300-000045000000}"/>
            </a:ext>
          </a:extLst>
        </xdr:cNvPr>
        <xdr:cNvSpPr txBox="1"/>
      </xdr:nvSpPr>
      <xdr:spPr>
        <a:xfrm>
          <a:off x="5041900" y="60562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0607</xdr:rowOff>
    </xdr:from>
    <xdr:to>
      <xdr:col>24</xdr:col>
      <xdr:colOff>12700</xdr:colOff>
      <xdr:row>36</xdr:row>
      <xdr:rowOff>140607</xdr:rowOff>
    </xdr:to>
    <xdr:cxnSp macro="">
      <xdr:nvCxnSpPr>
        <xdr:cNvPr id="70" name="直線コネクタ 69">
          <a:extLst>
            <a:ext uri="{FF2B5EF4-FFF2-40B4-BE49-F238E27FC236}">
              <a16:creationId xmlns:a16="http://schemas.microsoft.com/office/drawing/2014/main" id="{00000000-0008-0000-0300-000046000000}"/>
            </a:ext>
          </a:extLst>
        </xdr:cNvPr>
        <xdr:cNvCxnSpPr/>
      </xdr:nvCxnSpPr>
      <xdr:spPr>
        <a:xfrm>
          <a:off x="4864100" y="6312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160565</xdr:rowOff>
    </xdr:from>
    <xdr:to>
      <xdr:col>23</xdr:col>
      <xdr:colOff>133350</xdr:colOff>
      <xdr:row>40</xdr:row>
      <xdr:rowOff>40822</xdr:rowOff>
    </xdr:to>
    <xdr:cxnSp macro="">
      <xdr:nvCxnSpPr>
        <xdr:cNvPr id="71" name="直線コネクタ 70">
          <a:extLst>
            <a:ext uri="{FF2B5EF4-FFF2-40B4-BE49-F238E27FC236}">
              <a16:creationId xmlns:a16="http://schemas.microsoft.com/office/drawing/2014/main" id="{00000000-0008-0000-0300-000047000000}"/>
            </a:ext>
          </a:extLst>
        </xdr:cNvPr>
        <xdr:cNvCxnSpPr/>
      </xdr:nvCxnSpPr>
      <xdr:spPr>
        <a:xfrm>
          <a:off x="4114800" y="6847115"/>
          <a:ext cx="838200" cy="51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00892</xdr:rowOff>
    </xdr:from>
    <xdr:ext cx="762000" cy="259045"/>
    <xdr:sp macro="" textlink="">
      <xdr:nvSpPr>
        <xdr:cNvPr id="72" name="財政力平均値テキスト">
          <a:extLst>
            <a:ext uri="{FF2B5EF4-FFF2-40B4-BE49-F238E27FC236}">
              <a16:creationId xmlns:a16="http://schemas.microsoft.com/office/drawing/2014/main" id="{00000000-0008-0000-0300-000048000000}"/>
            </a:ext>
          </a:extLst>
        </xdr:cNvPr>
        <xdr:cNvSpPr txBox="1"/>
      </xdr:nvSpPr>
      <xdr:spPr>
        <a:xfrm>
          <a:off x="5041900" y="7130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a:extLst>
            <a:ext uri="{FF2B5EF4-FFF2-40B4-BE49-F238E27FC236}">
              <a16:creationId xmlns:a16="http://schemas.microsoft.com/office/drawing/2014/main" id="{00000000-0008-0000-0300-000049000000}"/>
            </a:ext>
          </a:extLst>
        </xdr:cNvPr>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160565</xdr:rowOff>
    </xdr:from>
    <xdr:to>
      <xdr:col>19</xdr:col>
      <xdr:colOff>133350</xdr:colOff>
      <xdr:row>39</xdr:row>
      <xdr:rowOff>160565</xdr:rowOff>
    </xdr:to>
    <xdr:cxnSp macro="">
      <xdr:nvCxnSpPr>
        <xdr:cNvPr id="74" name="直線コネクタ 73">
          <a:extLst>
            <a:ext uri="{FF2B5EF4-FFF2-40B4-BE49-F238E27FC236}">
              <a16:creationId xmlns:a16="http://schemas.microsoft.com/office/drawing/2014/main" id="{00000000-0008-0000-0300-00004A000000}"/>
            </a:ext>
          </a:extLst>
        </xdr:cNvPr>
        <xdr:cNvCxnSpPr/>
      </xdr:nvCxnSpPr>
      <xdr:spPr>
        <a:xfrm>
          <a:off x="3225800" y="68471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94343</xdr:rowOff>
    </xdr:from>
    <xdr:to>
      <xdr:col>19</xdr:col>
      <xdr:colOff>184150</xdr:colOff>
      <xdr:row>42</xdr:row>
      <xdr:rowOff>24493</xdr:rowOff>
    </xdr:to>
    <xdr:sp macro="" textlink="">
      <xdr:nvSpPr>
        <xdr:cNvPr id="75" name="フローチャート: 判断 74">
          <a:extLst>
            <a:ext uri="{FF2B5EF4-FFF2-40B4-BE49-F238E27FC236}">
              <a16:creationId xmlns:a16="http://schemas.microsoft.com/office/drawing/2014/main" id="{00000000-0008-0000-0300-00004B000000}"/>
            </a:ext>
          </a:extLst>
        </xdr:cNvPr>
        <xdr:cNvSpPr/>
      </xdr:nvSpPr>
      <xdr:spPr>
        <a:xfrm>
          <a:off x="4064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270</xdr:rowOff>
    </xdr:from>
    <xdr:ext cx="736600" cy="259045"/>
    <xdr:sp macro="" textlink="">
      <xdr:nvSpPr>
        <xdr:cNvPr id="76" name="テキスト ボックス 75">
          <a:extLst>
            <a:ext uri="{FF2B5EF4-FFF2-40B4-BE49-F238E27FC236}">
              <a16:creationId xmlns:a16="http://schemas.microsoft.com/office/drawing/2014/main" id="{00000000-0008-0000-0300-00004C000000}"/>
            </a:ext>
          </a:extLst>
        </xdr:cNvPr>
        <xdr:cNvSpPr txBox="1"/>
      </xdr:nvSpPr>
      <xdr:spPr>
        <a:xfrm>
          <a:off x="3733800" y="72101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160565</xdr:rowOff>
    </xdr:from>
    <xdr:to>
      <xdr:col>15</xdr:col>
      <xdr:colOff>82550</xdr:colOff>
      <xdr:row>39</xdr:row>
      <xdr:rowOff>160565</xdr:rowOff>
    </xdr:to>
    <xdr:cxnSp macro="">
      <xdr:nvCxnSpPr>
        <xdr:cNvPr id="77" name="直線コネクタ 76">
          <a:extLst>
            <a:ext uri="{FF2B5EF4-FFF2-40B4-BE49-F238E27FC236}">
              <a16:creationId xmlns:a16="http://schemas.microsoft.com/office/drawing/2014/main" id="{00000000-0008-0000-0300-00004D000000}"/>
            </a:ext>
          </a:extLst>
        </xdr:cNvPr>
        <xdr:cNvCxnSpPr/>
      </xdr:nvCxnSpPr>
      <xdr:spPr>
        <a:xfrm>
          <a:off x="2336800" y="684711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94343</xdr:rowOff>
    </xdr:from>
    <xdr:to>
      <xdr:col>15</xdr:col>
      <xdr:colOff>133350</xdr:colOff>
      <xdr:row>42</xdr:row>
      <xdr:rowOff>24493</xdr:rowOff>
    </xdr:to>
    <xdr:sp macro="" textlink="">
      <xdr:nvSpPr>
        <xdr:cNvPr id="78" name="フローチャート: 判断 77">
          <a:extLst>
            <a:ext uri="{FF2B5EF4-FFF2-40B4-BE49-F238E27FC236}">
              <a16:creationId xmlns:a16="http://schemas.microsoft.com/office/drawing/2014/main" id="{00000000-0008-0000-0300-00004E000000}"/>
            </a:ext>
          </a:extLst>
        </xdr:cNvPr>
        <xdr:cNvSpPr/>
      </xdr:nvSpPr>
      <xdr:spPr>
        <a:xfrm>
          <a:off x="3175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9270</xdr:rowOff>
    </xdr:from>
    <xdr:ext cx="762000" cy="259045"/>
    <xdr:sp macro="" textlink="">
      <xdr:nvSpPr>
        <xdr:cNvPr id="79" name="テキスト ボックス 78">
          <a:extLst>
            <a:ext uri="{FF2B5EF4-FFF2-40B4-BE49-F238E27FC236}">
              <a16:creationId xmlns:a16="http://schemas.microsoft.com/office/drawing/2014/main" id="{00000000-0008-0000-0300-00004F000000}"/>
            </a:ext>
          </a:extLst>
        </xdr:cNvPr>
        <xdr:cNvSpPr txBox="1"/>
      </xdr:nvSpPr>
      <xdr:spPr>
        <a:xfrm>
          <a:off x="2844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160565</xdr:rowOff>
    </xdr:from>
    <xdr:to>
      <xdr:col>11</xdr:col>
      <xdr:colOff>31750</xdr:colOff>
      <xdr:row>40</xdr:row>
      <xdr:rowOff>6350</xdr:rowOff>
    </xdr:to>
    <xdr:cxnSp macro="">
      <xdr:nvCxnSpPr>
        <xdr:cNvPr id="80" name="直線コネクタ 79">
          <a:extLst>
            <a:ext uri="{FF2B5EF4-FFF2-40B4-BE49-F238E27FC236}">
              <a16:creationId xmlns:a16="http://schemas.microsoft.com/office/drawing/2014/main" id="{00000000-0008-0000-0300-000050000000}"/>
            </a:ext>
          </a:extLst>
        </xdr:cNvPr>
        <xdr:cNvCxnSpPr/>
      </xdr:nvCxnSpPr>
      <xdr:spPr>
        <a:xfrm flipV="1">
          <a:off x="1447800" y="6847115"/>
          <a:ext cx="889000" cy="17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94343</xdr:rowOff>
    </xdr:from>
    <xdr:to>
      <xdr:col>11</xdr:col>
      <xdr:colOff>82550</xdr:colOff>
      <xdr:row>42</xdr:row>
      <xdr:rowOff>24493</xdr:rowOff>
    </xdr:to>
    <xdr:sp macro="" textlink="">
      <xdr:nvSpPr>
        <xdr:cNvPr id="81" name="フローチャート: 判断 80">
          <a:extLst>
            <a:ext uri="{FF2B5EF4-FFF2-40B4-BE49-F238E27FC236}">
              <a16:creationId xmlns:a16="http://schemas.microsoft.com/office/drawing/2014/main" id="{00000000-0008-0000-0300-000051000000}"/>
            </a:ext>
          </a:extLst>
        </xdr:cNvPr>
        <xdr:cNvSpPr/>
      </xdr:nvSpPr>
      <xdr:spPr>
        <a:xfrm>
          <a:off x="2286000" y="7123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9270</xdr:rowOff>
    </xdr:from>
    <xdr:ext cx="762000" cy="259045"/>
    <xdr:sp macro="" textlink="">
      <xdr:nvSpPr>
        <xdr:cNvPr id="82" name="テキスト ボックス 81">
          <a:extLst>
            <a:ext uri="{FF2B5EF4-FFF2-40B4-BE49-F238E27FC236}">
              <a16:creationId xmlns:a16="http://schemas.microsoft.com/office/drawing/2014/main" id="{00000000-0008-0000-0300-000052000000}"/>
            </a:ext>
          </a:extLst>
        </xdr:cNvPr>
        <xdr:cNvSpPr txBox="1"/>
      </xdr:nvSpPr>
      <xdr:spPr>
        <a:xfrm>
          <a:off x="1955800" y="721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a:extLst>
            <a:ext uri="{FF2B5EF4-FFF2-40B4-BE49-F238E27FC236}">
              <a16:creationId xmlns:a16="http://schemas.microsoft.com/office/drawing/2014/main" id="{00000000-0008-0000-0300-000053000000}"/>
            </a:ext>
          </a:extLst>
        </xdr:cNvPr>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26505</xdr:rowOff>
    </xdr:from>
    <xdr:ext cx="762000" cy="259045"/>
    <xdr:sp macro="" textlink="">
      <xdr:nvSpPr>
        <xdr:cNvPr id="84" name="テキスト ボックス 83">
          <a:extLst>
            <a:ext uri="{FF2B5EF4-FFF2-40B4-BE49-F238E27FC236}">
              <a16:creationId xmlns:a16="http://schemas.microsoft.com/office/drawing/2014/main" id="{00000000-0008-0000-0300-000054000000}"/>
            </a:ext>
          </a:extLst>
        </xdr:cNvPr>
        <xdr:cNvSpPr txBox="1"/>
      </xdr:nvSpPr>
      <xdr:spPr>
        <a:xfrm>
          <a:off x="1066800" y="722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a:extLst>
            <a:ext uri="{FF2B5EF4-FFF2-40B4-BE49-F238E27FC236}">
              <a16:creationId xmlns:a16="http://schemas.microsoft.com/office/drawing/2014/main" id="{00000000-0008-0000-0300-000055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a:extLst>
            <a:ext uri="{FF2B5EF4-FFF2-40B4-BE49-F238E27FC236}">
              <a16:creationId xmlns:a16="http://schemas.microsoft.com/office/drawing/2014/main" id="{00000000-0008-0000-0300-000056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a:extLst>
            <a:ext uri="{FF2B5EF4-FFF2-40B4-BE49-F238E27FC236}">
              <a16:creationId xmlns:a16="http://schemas.microsoft.com/office/drawing/2014/main" id="{00000000-0008-0000-0300-000057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a:extLst>
            <a:ext uri="{FF2B5EF4-FFF2-40B4-BE49-F238E27FC236}">
              <a16:creationId xmlns:a16="http://schemas.microsoft.com/office/drawing/2014/main" id="{00000000-0008-0000-0300-000058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a:extLst>
            <a:ext uri="{FF2B5EF4-FFF2-40B4-BE49-F238E27FC236}">
              <a16:creationId xmlns:a16="http://schemas.microsoft.com/office/drawing/2014/main" id="{00000000-0008-0000-0300-000059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161472</xdr:rowOff>
    </xdr:from>
    <xdr:to>
      <xdr:col>23</xdr:col>
      <xdr:colOff>184150</xdr:colOff>
      <xdr:row>40</xdr:row>
      <xdr:rowOff>91622</xdr:rowOff>
    </xdr:to>
    <xdr:sp macro="" textlink="">
      <xdr:nvSpPr>
        <xdr:cNvPr id="90" name="楕円 89">
          <a:extLst>
            <a:ext uri="{FF2B5EF4-FFF2-40B4-BE49-F238E27FC236}">
              <a16:creationId xmlns:a16="http://schemas.microsoft.com/office/drawing/2014/main" id="{00000000-0008-0000-0300-00005A000000}"/>
            </a:ext>
          </a:extLst>
        </xdr:cNvPr>
        <xdr:cNvSpPr/>
      </xdr:nvSpPr>
      <xdr:spPr>
        <a:xfrm>
          <a:off x="4902200" y="6848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6549</xdr:rowOff>
    </xdr:from>
    <xdr:ext cx="762000" cy="259045"/>
    <xdr:sp macro="" textlink="">
      <xdr:nvSpPr>
        <xdr:cNvPr id="91" name="財政力該当値テキスト">
          <a:extLst>
            <a:ext uri="{FF2B5EF4-FFF2-40B4-BE49-F238E27FC236}">
              <a16:creationId xmlns:a16="http://schemas.microsoft.com/office/drawing/2014/main" id="{00000000-0008-0000-0300-00005B000000}"/>
            </a:ext>
          </a:extLst>
        </xdr:cNvPr>
        <xdr:cNvSpPr txBox="1"/>
      </xdr:nvSpPr>
      <xdr:spPr>
        <a:xfrm>
          <a:off x="5041900" y="6693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109765</xdr:rowOff>
    </xdr:from>
    <xdr:to>
      <xdr:col>19</xdr:col>
      <xdr:colOff>184150</xdr:colOff>
      <xdr:row>40</xdr:row>
      <xdr:rowOff>39915</xdr:rowOff>
    </xdr:to>
    <xdr:sp macro="" textlink="">
      <xdr:nvSpPr>
        <xdr:cNvPr id="92" name="楕円 91">
          <a:extLst>
            <a:ext uri="{FF2B5EF4-FFF2-40B4-BE49-F238E27FC236}">
              <a16:creationId xmlns:a16="http://schemas.microsoft.com/office/drawing/2014/main" id="{00000000-0008-0000-0300-00005C000000}"/>
            </a:ext>
          </a:extLst>
        </xdr:cNvPr>
        <xdr:cNvSpPr/>
      </xdr:nvSpPr>
      <xdr:spPr>
        <a:xfrm>
          <a:off x="4064000" y="679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50092</xdr:rowOff>
    </xdr:from>
    <xdr:ext cx="736600" cy="259045"/>
    <xdr:sp macro="" textlink="">
      <xdr:nvSpPr>
        <xdr:cNvPr id="93" name="テキスト ボックス 92">
          <a:extLst>
            <a:ext uri="{FF2B5EF4-FFF2-40B4-BE49-F238E27FC236}">
              <a16:creationId xmlns:a16="http://schemas.microsoft.com/office/drawing/2014/main" id="{00000000-0008-0000-0300-00005D000000}"/>
            </a:ext>
          </a:extLst>
        </xdr:cNvPr>
        <xdr:cNvSpPr txBox="1"/>
      </xdr:nvSpPr>
      <xdr:spPr>
        <a:xfrm>
          <a:off x="3733800" y="65651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09765</xdr:rowOff>
    </xdr:from>
    <xdr:to>
      <xdr:col>15</xdr:col>
      <xdr:colOff>133350</xdr:colOff>
      <xdr:row>40</xdr:row>
      <xdr:rowOff>39915</xdr:rowOff>
    </xdr:to>
    <xdr:sp macro="" textlink="">
      <xdr:nvSpPr>
        <xdr:cNvPr id="94" name="楕円 93">
          <a:extLst>
            <a:ext uri="{FF2B5EF4-FFF2-40B4-BE49-F238E27FC236}">
              <a16:creationId xmlns:a16="http://schemas.microsoft.com/office/drawing/2014/main" id="{00000000-0008-0000-0300-00005E000000}"/>
            </a:ext>
          </a:extLst>
        </xdr:cNvPr>
        <xdr:cNvSpPr/>
      </xdr:nvSpPr>
      <xdr:spPr>
        <a:xfrm>
          <a:off x="3175000" y="679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50092</xdr:rowOff>
    </xdr:from>
    <xdr:ext cx="762000" cy="259045"/>
    <xdr:sp macro="" textlink="">
      <xdr:nvSpPr>
        <xdr:cNvPr id="95" name="テキスト ボックス 94">
          <a:extLst>
            <a:ext uri="{FF2B5EF4-FFF2-40B4-BE49-F238E27FC236}">
              <a16:creationId xmlns:a16="http://schemas.microsoft.com/office/drawing/2014/main" id="{00000000-0008-0000-0300-00005F000000}"/>
            </a:ext>
          </a:extLst>
        </xdr:cNvPr>
        <xdr:cNvSpPr txBox="1"/>
      </xdr:nvSpPr>
      <xdr:spPr>
        <a:xfrm>
          <a:off x="2844800" y="6565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09765</xdr:rowOff>
    </xdr:from>
    <xdr:to>
      <xdr:col>11</xdr:col>
      <xdr:colOff>82550</xdr:colOff>
      <xdr:row>40</xdr:row>
      <xdr:rowOff>39915</xdr:rowOff>
    </xdr:to>
    <xdr:sp macro="" textlink="">
      <xdr:nvSpPr>
        <xdr:cNvPr id="96" name="楕円 95">
          <a:extLst>
            <a:ext uri="{FF2B5EF4-FFF2-40B4-BE49-F238E27FC236}">
              <a16:creationId xmlns:a16="http://schemas.microsoft.com/office/drawing/2014/main" id="{00000000-0008-0000-0300-000060000000}"/>
            </a:ext>
          </a:extLst>
        </xdr:cNvPr>
        <xdr:cNvSpPr/>
      </xdr:nvSpPr>
      <xdr:spPr>
        <a:xfrm>
          <a:off x="2286000" y="6796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50092</xdr:rowOff>
    </xdr:from>
    <xdr:ext cx="762000" cy="259045"/>
    <xdr:sp macro="" textlink="">
      <xdr:nvSpPr>
        <xdr:cNvPr id="97" name="テキスト ボックス 96">
          <a:extLst>
            <a:ext uri="{FF2B5EF4-FFF2-40B4-BE49-F238E27FC236}">
              <a16:creationId xmlns:a16="http://schemas.microsoft.com/office/drawing/2014/main" id="{00000000-0008-0000-0300-000061000000}"/>
            </a:ext>
          </a:extLst>
        </xdr:cNvPr>
        <xdr:cNvSpPr txBox="1"/>
      </xdr:nvSpPr>
      <xdr:spPr>
        <a:xfrm>
          <a:off x="1955800" y="6565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27000</xdr:rowOff>
    </xdr:from>
    <xdr:to>
      <xdr:col>7</xdr:col>
      <xdr:colOff>31750</xdr:colOff>
      <xdr:row>40</xdr:row>
      <xdr:rowOff>57150</xdr:rowOff>
    </xdr:to>
    <xdr:sp macro="" textlink="">
      <xdr:nvSpPr>
        <xdr:cNvPr id="98" name="楕円 97">
          <a:extLst>
            <a:ext uri="{FF2B5EF4-FFF2-40B4-BE49-F238E27FC236}">
              <a16:creationId xmlns:a16="http://schemas.microsoft.com/office/drawing/2014/main" id="{00000000-0008-0000-0300-000062000000}"/>
            </a:ext>
          </a:extLst>
        </xdr:cNvPr>
        <xdr:cNvSpPr/>
      </xdr:nvSpPr>
      <xdr:spPr>
        <a:xfrm>
          <a:off x="1397000" y="6813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67327</xdr:rowOff>
    </xdr:from>
    <xdr:ext cx="762000" cy="259045"/>
    <xdr:sp macro="" textlink="">
      <xdr:nvSpPr>
        <xdr:cNvPr id="99" name="テキスト ボックス 98">
          <a:extLst>
            <a:ext uri="{FF2B5EF4-FFF2-40B4-BE49-F238E27FC236}">
              <a16:creationId xmlns:a16="http://schemas.microsoft.com/office/drawing/2014/main" id="{00000000-0008-0000-0300-000063000000}"/>
            </a:ext>
          </a:extLst>
        </xdr:cNvPr>
        <xdr:cNvSpPr txBox="1"/>
      </xdr:nvSpPr>
      <xdr:spPr>
        <a:xfrm>
          <a:off x="1066800" y="6582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a:extLst>
            <a:ext uri="{FF2B5EF4-FFF2-40B4-BE49-F238E27FC236}">
              <a16:creationId xmlns:a16="http://schemas.microsoft.com/office/drawing/2014/main" id="{00000000-0008-0000-0300-000064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a:extLst>
            <a:ext uri="{FF2B5EF4-FFF2-40B4-BE49-F238E27FC236}">
              <a16:creationId xmlns:a16="http://schemas.microsoft.com/office/drawing/2014/main" id="{00000000-0008-0000-0300-000065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a:extLst>
            <a:ext uri="{FF2B5EF4-FFF2-40B4-BE49-F238E27FC236}">
              <a16:creationId xmlns:a16="http://schemas.microsoft.com/office/drawing/2014/main" id="{00000000-0008-0000-0300-000066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a:extLst>
            <a:ext uri="{FF2B5EF4-FFF2-40B4-BE49-F238E27FC236}">
              <a16:creationId xmlns:a16="http://schemas.microsoft.com/office/drawing/2014/main" id="{00000000-0008-0000-0300-000067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a:extLst>
            <a:ext uri="{FF2B5EF4-FFF2-40B4-BE49-F238E27FC236}">
              <a16:creationId xmlns:a16="http://schemas.microsoft.com/office/drawing/2014/main" id="{00000000-0008-0000-0300-000068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a:extLst>
            <a:ext uri="{FF2B5EF4-FFF2-40B4-BE49-F238E27FC236}">
              <a16:creationId xmlns:a16="http://schemas.microsoft.com/office/drawing/2014/main" id="{00000000-0008-0000-0300-000069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a:extLst>
            <a:ext uri="{FF2B5EF4-FFF2-40B4-BE49-F238E27FC236}">
              <a16:creationId xmlns:a16="http://schemas.microsoft.com/office/drawing/2014/main" id="{00000000-0008-0000-0300-00006A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a:extLst>
            <a:ext uri="{FF2B5EF4-FFF2-40B4-BE49-F238E27FC236}">
              <a16:creationId xmlns:a16="http://schemas.microsoft.com/office/drawing/2014/main" id="{00000000-0008-0000-0300-00006B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a:extLst>
            <a:ext uri="{FF2B5EF4-FFF2-40B4-BE49-F238E27FC236}">
              <a16:creationId xmlns:a16="http://schemas.microsoft.com/office/drawing/2014/main" id="{00000000-0008-0000-0300-00006C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a:extLst>
            <a:ext uri="{FF2B5EF4-FFF2-40B4-BE49-F238E27FC236}">
              <a16:creationId xmlns:a16="http://schemas.microsoft.com/office/drawing/2014/main" id="{00000000-0008-0000-0300-00006D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a:extLst>
            <a:ext uri="{FF2B5EF4-FFF2-40B4-BE49-F238E27FC236}">
              <a16:creationId xmlns:a16="http://schemas.microsoft.com/office/drawing/2014/main" id="{00000000-0008-0000-0300-00006E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a:extLst>
            <a:ext uri="{FF2B5EF4-FFF2-40B4-BE49-F238E27FC236}">
              <a16:creationId xmlns:a16="http://schemas.microsoft.com/office/drawing/2014/main" id="{00000000-0008-0000-0300-00006F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a:extLst>
            <a:ext uri="{FF2B5EF4-FFF2-40B4-BE49-F238E27FC236}">
              <a16:creationId xmlns:a16="http://schemas.microsoft.com/office/drawing/2014/main" id="{00000000-0008-0000-0300-000070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経常収支比率は、比率の分子となる経常的な経費について、人件費は減となったものの、扶助費及び公債費が増となったことにより増加した。また、分母となる経常的な収入については、地方交付税や臨時財政対策債等の増により増加した。分母の伸び率が分子の伸び率を上回ったことから、前年度から</a:t>
          </a:r>
          <a:r>
            <a:rPr kumimoji="1" lang="en-US" altLang="ja-JP" sz="1300">
              <a:latin typeface="ＭＳ Ｐゴシック" panose="020B0600070205080204" pitchFamily="50" charset="-128"/>
              <a:ea typeface="ＭＳ Ｐゴシック" panose="020B0600070205080204" pitchFamily="50" charset="-128"/>
            </a:rPr>
            <a:t>7.1</a:t>
          </a:r>
          <a:r>
            <a:rPr kumimoji="1" lang="ja-JP" altLang="en-US" sz="1300">
              <a:latin typeface="ＭＳ Ｐゴシック" panose="020B0600070205080204" pitchFamily="50" charset="-128"/>
              <a:ea typeface="ＭＳ Ｐゴシック" panose="020B0600070205080204" pitchFamily="50" charset="-128"/>
            </a:rPr>
            <a:t>ポイントの改善が見られたが、類似団体の平均値と比べ高い水準にあることから、事務事業の見直し等を通じて経常経費の削減を図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a:extLst>
            <a:ext uri="{FF2B5EF4-FFF2-40B4-BE49-F238E27FC236}">
              <a16:creationId xmlns:a16="http://schemas.microsoft.com/office/drawing/2014/main" id="{00000000-0008-0000-0300-000071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a:extLst>
            <a:ext uri="{FF2B5EF4-FFF2-40B4-BE49-F238E27FC236}">
              <a16:creationId xmlns:a16="http://schemas.microsoft.com/office/drawing/2014/main" id="{00000000-0008-0000-0300-000072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a:extLst>
            <a:ext uri="{FF2B5EF4-FFF2-40B4-BE49-F238E27FC236}">
              <a16:creationId xmlns:a16="http://schemas.microsoft.com/office/drawing/2014/main" id="{00000000-0008-0000-0300-000073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6" name="直線コネクタ 115">
          <a:extLst>
            <a:ext uri="{FF2B5EF4-FFF2-40B4-BE49-F238E27FC236}">
              <a16:creationId xmlns:a16="http://schemas.microsoft.com/office/drawing/2014/main" id="{00000000-0008-0000-0300-000074000000}"/>
            </a:ext>
          </a:extLst>
        </xdr:cNvPr>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7" name="テキスト ボックス 116">
          <a:extLst>
            <a:ext uri="{FF2B5EF4-FFF2-40B4-BE49-F238E27FC236}">
              <a16:creationId xmlns:a16="http://schemas.microsoft.com/office/drawing/2014/main" id="{00000000-0008-0000-0300-000075000000}"/>
            </a:ext>
          </a:extLst>
        </xdr:cNvPr>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8" name="直線コネクタ 117">
          <a:extLst>
            <a:ext uri="{FF2B5EF4-FFF2-40B4-BE49-F238E27FC236}">
              <a16:creationId xmlns:a16="http://schemas.microsoft.com/office/drawing/2014/main" id="{00000000-0008-0000-0300-000076000000}"/>
            </a:ext>
          </a:extLst>
        </xdr:cNvPr>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9" name="テキスト ボックス 118">
          <a:extLst>
            <a:ext uri="{FF2B5EF4-FFF2-40B4-BE49-F238E27FC236}">
              <a16:creationId xmlns:a16="http://schemas.microsoft.com/office/drawing/2014/main" id="{00000000-0008-0000-0300-000077000000}"/>
            </a:ext>
          </a:extLst>
        </xdr:cNvPr>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20" name="直線コネクタ 119">
          <a:extLst>
            <a:ext uri="{FF2B5EF4-FFF2-40B4-BE49-F238E27FC236}">
              <a16:creationId xmlns:a16="http://schemas.microsoft.com/office/drawing/2014/main" id="{00000000-0008-0000-0300-000078000000}"/>
            </a:ext>
          </a:extLst>
        </xdr:cNvPr>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21" name="テキスト ボックス 120">
          <a:extLst>
            <a:ext uri="{FF2B5EF4-FFF2-40B4-BE49-F238E27FC236}">
              <a16:creationId xmlns:a16="http://schemas.microsoft.com/office/drawing/2014/main" id="{00000000-0008-0000-0300-000079000000}"/>
            </a:ext>
          </a:extLst>
        </xdr:cNvPr>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2" name="直線コネクタ 121">
          <a:extLst>
            <a:ext uri="{FF2B5EF4-FFF2-40B4-BE49-F238E27FC236}">
              <a16:creationId xmlns:a16="http://schemas.microsoft.com/office/drawing/2014/main" id="{00000000-0008-0000-0300-00007A000000}"/>
            </a:ext>
          </a:extLst>
        </xdr:cNvPr>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3" name="テキスト ボックス 122">
          <a:extLst>
            <a:ext uri="{FF2B5EF4-FFF2-40B4-BE49-F238E27FC236}">
              <a16:creationId xmlns:a16="http://schemas.microsoft.com/office/drawing/2014/main" id="{00000000-0008-0000-0300-00007B000000}"/>
            </a:ext>
          </a:extLst>
        </xdr:cNvPr>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4" name="直線コネクタ 123">
          <a:extLst>
            <a:ext uri="{FF2B5EF4-FFF2-40B4-BE49-F238E27FC236}">
              <a16:creationId xmlns:a16="http://schemas.microsoft.com/office/drawing/2014/main" id="{00000000-0008-0000-0300-00007C000000}"/>
            </a:ext>
          </a:extLst>
        </xdr:cNvPr>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5" name="テキスト ボックス 124">
          <a:extLst>
            <a:ext uri="{FF2B5EF4-FFF2-40B4-BE49-F238E27FC236}">
              <a16:creationId xmlns:a16="http://schemas.microsoft.com/office/drawing/2014/main" id="{00000000-0008-0000-0300-00007D000000}"/>
            </a:ext>
          </a:extLst>
        </xdr:cNvPr>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a16="http://schemas.microsoft.com/office/drawing/2014/main" id="{00000000-0008-0000-0300-00007E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a16="http://schemas.microsoft.com/office/drawing/2014/main" id="{00000000-0008-0000-0300-00007F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a16="http://schemas.microsoft.com/office/drawing/2014/main" id="{00000000-0008-0000-0300-000080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84244</xdr:rowOff>
    </xdr:from>
    <xdr:to>
      <xdr:col>23</xdr:col>
      <xdr:colOff>133350</xdr:colOff>
      <xdr:row>67</xdr:row>
      <xdr:rowOff>71967</xdr:rowOff>
    </xdr:to>
    <xdr:cxnSp macro="">
      <xdr:nvCxnSpPr>
        <xdr:cNvPr id="129" name="直線コネクタ 128">
          <a:extLst>
            <a:ext uri="{FF2B5EF4-FFF2-40B4-BE49-F238E27FC236}">
              <a16:creationId xmlns:a16="http://schemas.microsoft.com/office/drawing/2014/main" id="{00000000-0008-0000-0300-000081000000}"/>
            </a:ext>
          </a:extLst>
        </xdr:cNvPr>
        <xdr:cNvCxnSpPr/>
      </xdr:nvCxnSpPr>
      <xdr:spPr>
        <a:xfrm flipV="1">
          <a:off x="4953000" y="10199794"/>
          <a:ext cx="0" cy="135932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44044</xdr:rowOff>
    </xdr:from>
    <xdr:ext cx="762000" cy="259045"/>
    <xdr:sp macro="" textlink="">
      <xdr:nvSpPr>
        <xdr:cNvPr id="130" name="財政構造の弾力性最小値テキスト">
          <a:extLst>
            <a:ext uri="{FF2B5EF4-FFF2-40B4-BE49-F238E27FC236}">
              <a16:creationId xmlns:a16="http://schemas.microsoft.com/office/drawing/2014/main" id="{00000000-0008-0000-0300-000082000000}"/>
            </a:ext>
          </a:extLst>
        </xdr:cNvPr>
        <xdr:cNvSpPr txBox="1"/>
      </xdr:nvSpPr>
      <xdr:spPr>
        <a:xfrm>
          <a:off x="5041900" y="115311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71967</xdr:rowOff>
    </xdr:from>
    <xdr:to>
      <xdr:col>24</xdr:col>
      <xdr:colOff>12700</xdr:colOff>
      <xdr:row>67</xdr:row>
      <xdr:rowOff>71967</xdr:rowOff>
    </xdr:to>
    <xdr:cxnSp macro="">
      <xdr:nvCxnSpPr>
        <xdr:cNvPr id="131" name="直線コネクタ 130">
          <a:extLst>
            <a:ext uri="{FF2B5EF4-FFF2-40B4-BE49-F238E27FC236}">
              <a16:creationId xmlns:a16="http://schemas.microsoft.com/office/drawing/2014/main" id="{00000000-0008-0000-0300-000083000000}"/>
            </a:ext>
          </a:extLst>
        </xdr:cNvPr>
        <xdr:cNvCxnSpPr/>
      </xdr:nvCxnSpPr>
      <xdr:spPr>
        <a:xfrm>
          <a:off x="4864100" y="115591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70621</xdr:rowOff>
    </xdr:from>
    <xdr:ext cx="762000" cy="259045"/>
    <xdr:sp macro="" textlink="">
      <xdr:nvSpPr>
        <xdr:cNvPr id="132" name="財政構造の弾力性最大値テキスト">
          <a:extLst>
            <a:ext uri="{FF2B5EF4-FFF2-40B4-BE49-F238E27FC236}">
              <a16:creationId xmlns:a16="http://schemas.microsoft.com/office/drawing/2014/main" id="{00000000-0008-0000-0300-000084000000}"/>
            </a:ext>
          </a:extLst>
        </xdr:cNvPr>
        <xdr:cNvSpPr txBox="1"/>
      </xdr:nvSpPr>
      <xdr:spPr>
        <a:xfrm>
          <a:off x="5041900" y="9943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84244</xdr:rowOff>
    </xdr:from>
    <xdr:to>
      <xdr:col>24</xdr:col>
      <xdr:colOff>12700</xdr:colOff>
      <xdr:row>59</xdr:row>
      <xdr:rowOff>84244</xdr:rowOff>
    </xdr:to>
    <xdr:cxnSp macro="">
      <xdr:nvCxnSpPr>
        <xdr:cNvPr id="133" name="直線コネクタ 132">
          <a:extLst>
            <a:ext uri="{FF2B5EF4-FFF2-40B4-BE49-F238E27FC236}">
              <a16:creationId xmlns:a16="http://schemas.microsoft.com/office/drawing/2014/main" id="{00000000-0008-0000-0300-000085000000}"/>
            </a:ext>
          </a:extLst>
        </xdr:cNvPr>
        <xdr:cNvCxnSpPr/>
      </xdr:nvCxnSpPr>
      <xdr:spPr>
        <a:xfrm>
          <a:off x="4864100" y="101997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3</xdr:row>
      <xdr:rowOff>98213</xdr:rowOff>
    </xdr:from>
    <xdr:to>
      <xdr:col>23</xdr:col>
      <xdr:colOff>133350</xdr:colOff>
      <xdr:row>66</xdr:row>
      <xdr:rowOff>154940</xdr:rowOff>
    </xdr:to>
    <xdr:cxnSp macro="">
      <xdr:nvCxnSpPr>
        <xdr:cNvPr id="134" name="直線コネクタ 133">
          <a:extLst>
            <a:ext uri="{FF2B5EF4-FFF2-40B4-BE49-F238E27FC236}">
              <a16:creationId xmlns:a16="http://schemas.microsoft.com/office/drawing/2014/main" id="{00000000-0008-0000-0300-000086000000}"/>
            </a:ext>
          </a:extLst>
        </xdr:cNvPr>
        <xdr:cNvCxnSpPr/>
      </xdr:nvCxnSpPr>
      <xdr:spPr>
        <a:xfrm flipV="1">
          <a:off x="4114800" y="10899563"/>
          <a:ext cx="838200" cy="5710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1</xdr:row>
      <xdr:rowOff>98654</xdr:rowOff>
    </xdr:from>
    <xdr:ext cx="762000" cy="259045"/>
    <xdr:sp macro="" textlink="">
      <xdr:nvSpPr>
        <xdr:cNvPr id="135" name="財政構造の弾力性平均値テキスト">
          <a:extLst>
            <a:ext uri="{FF2B5EF4-FFF2-40B4-BE49-F238E27FC236}">
              <a16:creationId xmlns:a16="http://schemas.microsoft.com/office/drawing/2014/main" id="{00000000-0008-0000-0300-000087000000}"/>
            </a:ext>
          </a:extLst>
        </xdr:cNvPr>
        <xdr:cNvSpPr txBox="1"/>
      </xdr:nvSpPr>
      <xdr:spPr>
        <a:xfrm>
          <a:off x="5041900" y="1055710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82127</xdr:rowOff>
    </xdr:from>
    <xdr:to>
      <xdr:col>23</xdr:col>
      <xdr:colOff>184150</xdr:colOff>
      <xdr:row>63</xdr:row>
      <xdr:rowOff>12277</xdr:rowOff>
    </xdr:to>
    <xdr:sp macro="" textlink="">
      <xdr:nvSpPr>
        <xdr:cNvPr id="136" name="フローチャート: 判断 135">
          <a:extLst>
            <a:ext uri="{FF2B5EF4-FFF2-40B4-BE49-F238E27FC236}">
              <a16:creationId xmlns:a16="http://schemas.microsoft.com/office/drawing/2014/main" id="{00000000-0008-0000-0300-000088000000}"/>
            </a:ext>
          </a:extLst>
        </xdr:cNvPr>
        <xdr:cNvSpPr/>
      </xdr:nvSpPr>
      <xdr:spPr>
        <a:xfrm>
          <a:off x="4902200" y="10712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6</xdr:row>
      <xdr:rowOff>154940</xdr:rowOff>
    </xdr:from>
    <xdr:to>
      <xdr:col>19</xdr:col>
      <xdr:colOff>133350</xdr:colOff>
      <xdr:row>67</xdr:row>
      <xdr:rowOff>23706</xdr:rowOff>
    </xdr:to>
    <xdr:cxnSp macro="">
      <xdr:nvCxnSpPr>
        <xdr:cNvPr id="137" name="直線コネクタ 136">
          <a:extLst>
            <a:ext uri="{FF2B5EF4-FFF2-40B4-BE49-F238E27FC236}">
              <a16:creationId xmlns:a16="http://schemas.microsoft.com/office/drawing/2014/main" id="{00000000-0008-0000-0300-000089000000}"/>
            </a:ext>
          </a:extLst>
        </xdr:cNvPr>
        <xdr:cNvCxnSpPr/>
      </xdr:nvCxnSpPr>
      <xdr:spPr>
        <a:xfrm flipV="1">
          <a:off x="3225800" y="11470640"/>
          <a:ext cx="8890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85090</xdr:rowOff>
    </xdr:from>
    <xdr:to>
      <xdr:col>19</xdr:col>
      <xdr:colOff>184150</xdr:colOff>
      <xdr:row>65</xdr:row>
      <xdr:rowOff>15240</xdr:rowOff>
    </xdr:to>
    <xdr:sp macro="" textlink="">
      <xdr:nvSpPr>
        <xdr:cNvPr id="138" name="フローチャート: 判断 137">
          <a:extLst>
            <a:ext uri="{FF2B5EF4-FFF2-40B4-BE49-F238E27FC236}">
              <a16:creationId xmlns:a16="http://schemas.microsoft.com/office/drawing/2014/main" id="{00000000-0008-0000-0300-00008A000000}"/>
            </a:ext>
          </a:extLst>
        </xdr:cNvPr>
        <xdr:cNvSpPr/>
      </xdr:nvSpPr>
      <xdr:spPr>
        <a:xfrm>
          <a:off x="4064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25417</xdr:rowOff>
    </xdr:from>
    <xdr:ext cx="736600" cy="259045"/>
    <xdr:sp macro="" textlink="">
      <xdr:nvSpPr>
        <xdr:cNvPr id="139" name="テキスト ボックス 138">
          <a:extLst>
            <a:ext uri="{FF2B5EF4-FFF2-40B4-BE49-F238E27FC236}">
              <a16:creationId xmlns:a16="http://schemas.microsoft.com/office/drawing/2014/main" id="{00000000-0008-0000-0300-00008B000000}"/>
            </a:ext>
          </a:extLst>
        </xdr:cNvPr>
        <xdr:cNvSpPr txBox="1"/>
      </xdr:nvSpPr>
      <xdr:spPr>
        <a:xfrm>
          <a:off x="3733800" y="108267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6</xdr:row>
      <xdr:rowOff>66463</xdr:rowOff>
    </xdr:from>
    <xdr:to>
      <xdr:col>15</xdr:col>
      <xdr:colOff>82550</xdr:colOff>
      <xdr:row>67</xdr:row>
      <xdr:rowOff>23706</xdr:rowOff>
    </xdr:to>
    <xdr:cxnSp macro="">
      <xdr:nvCxnSpPr>
        <xdr:cNvPr id="140" name="直線コネクタ 139">
          <a:extLst>
            <a:ext uri="{FF2B5EF4-FFF2-40B4-BE49-F238E27FC236}">
              <a16:creationId xmlns:a16="http://schemas.microsoft.com/office/drawing/2014/main" id="{00000000-0008-0000-0300-00008C000000}"/>
            </a:ext>
          </a:extLst>
        </xdr:cNvPr>
        <xdr:cNvCxnSpPr/>
      </xdr:nvCxnSpPr>
      <xdr:spPr>
        <a:xfrm>
          <a:off x="2336800" y="11382163"/>
          <a:ext cx="889000" cy="1286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17263</xdr:rowOff>
    </xdr:from>
    <xdr:to>
      <xdr:col>15</xdr:col>
      <xdr:colOff>133350</xdr:colOff>
      <xdr:row>65</xdr:row>
      <xdr:rowOff>47413</xdr:rowOff>
    </xdr:to>
    <xdr:sp macro="" textlink="">
      <xdr:nvSpPr>
        <xdr:cNvPr id="141" name="フローチャート: 判断 140">
          <a:extLst>
            <a:ext uri="{FF2B5EF4-FFF2-40B4-BE49-F238E27FC236}">
              <a16:creationId xmlns:a16="http://schemas.microsoft.com/office/drawing/2014/main" id="{00000000-0008-0000-0300-00008D000000}"/>
            </a:ext>
          </a:extLst>
        </xdr:cNvPr>
        <xdr:cNvSpPr/>
      </xdr:nvSpPr>
      <xdr:spPr>
        <a:xfrm>
          <a:off x="3175000" y="11090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57590</xdr:rowOff>
    </xdr:from>
    <xdr:ext cx="762000" cy="259045"/>
    <xdr:sp macro="" textlink="">
      <xdr:nvSpPr>
        <xdr:cNvPr id="142" name="テキスト ボックス 141">
          <a:extLst>
            <a:ext uri="{FF2B5EF4-FFF2-40B4-BE49-F238E27FC236}">
              <a16:creationId xmlns:a16="http://schemas.microsoft.com/office/drawing/2014/main" id="{00000000-0008-0000-0300-00008E000000}"/>
            </a:ext>
          </a:extLst>
        </xdr:cNvPr>
        <xdr:cNvSpPr txBox="1"/>
      </xdr:nvSpPr>
      <xdr:spPr>
        <a:xfrm>
          <a:off x="2844800" y="10858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6</xdr:row>
      <xdr:rowOff>50377</xdr:rowOff>
    </xdr:from>
    <xdr:to>
      <xdr:col>11</xdr:col>
      <xdr:colOff>31750</xdr:colOff>
      <xdr:row>66</xdr:row>
      <xdr:rowOff>66463</xdr:rowOff>
    </xdr:to>
    <xdr:cxnSp macro="">
      <xdr:nvCxnSpPr>
        <xdr:cNvPr id="143" name="直線コネクタ 142">
          <a:extLst>
            <a:ext uri="{FF2B5EF4-FFF2-40B4-BE49-F238E27FC236}">
              <a16:creationId xmlns:a16="http://schemas.microsoft.com/office/drawing/2014/main" id="{00000000-0008-0000-0300-00008F000000}"/>
            </a:ext>
          </a:extLst>
        </xdr:cNvPr>
        <xdr:cNvCxnSpPr/>
      </xdr:nvCxnSpPr>
      <xdr:spPr>
        <a:xfrm>
          <a:off x="1447800" y="11366077"/>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85090</xdr:rowOff>
    </xdr:from>
    <xdr:to>
      <xdr:col>11</xdr:col>
      <xdr:colOff>82550</xdr:colOff>
      <xdr:row>65</xdr:row>
      <xdr:rowOff>15240</xdr:rowOff>
    </xdr:to>
    <xdr:sp macro="" textlink="">
      <xdr:nvSpPr>
        <xdr:cNvPr id="144" name="フローチャート: 判断 143">
          <a:extLst>
            <a:ext uri="{FF2B5EF4-FFF2-40B4-BE49-F238E27FC236}">
              <a16:creationId xmlns:a16="http://schemas.microsoft.com/office/drawing/2014/main" id="{00000000-0008-0000-0300-000090000000}"/>
            </a:ext>
          </a:extLst>
        </xdr:cNvPr>
        <xdr:cNvSpPr/>
      </xdr:nvSpPr>
      <xdr:spPr>
        <a:xfrm>
          <a:off x="2286000" y="11057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25417</xdr:rowOff>
    </xdr:from>
    <xdr:ext cx="762000" cy="259045"/>
    <xdr:sp macro="" textlink="">
      <xdr:nvSpPr>
        <xdr:cNvPr id="145" name="テキスト ボックス 144">
          <a:extLst>
            <a:ext uri="{FF2B5EF4-FFF2-40B4-BE49-F238E27FC236}">
              <a16:creationId xmlns:a16="http://schemas.microsoft.com/office/drawing/2014/main" id="{00000000-0008-0000-0300-000091000000}"/>
            </a:ext>
          </a:extLst>
        </xdr:cNvPr>
        <xdr:cNvSpPr txBox="1"/>
      </xdr:nvSpPr>
      <xdr:spPr>
        <a:xfrm>
          <a:off x="1955800" y="10826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6" name="フローチャート: 判断 145">
          <a:extLst>
            <a:ext uri="{FF2B5EF4-FFF2-40B4-BE49-F238E27FC236}">
              <a16:creationId xmlns:a16="http://schemas.microsoft.com/office/drawing/2014/main" id="{00000000-0008-0000-0300-000092000000}"/>
            </a:ext>
          </a:extLst>
        </xdr:cNvPr>
        <xdr:cNvSpPr/>
      </xdr:nvSpPr>
      <xdr:spPr>
        <a:xfrm>
          <a:off x="1397000" y="11025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4694</xdr:rowOff>
    </xdr:from>
    <xdr:ext cx="762000" cy="259045"/>
    <xdr:sp macro="" textlink="">
      <xdr:nvSpPr>
        <xdr:cNvPr id="147" name="テキスト ボックス 146">
          <a:extLst>
            <a:ext uri="{FF2B5EF4-FFF2-40B4-BE49-F238E27FC236}">
              <a16:creationId xmlns:a16="http://schemas.microsoft.com/office/drawing/2014/main" id="{00000000-0008-0000-0300-000093000000}"/>
            </a:ext>
          </a:extLst>
        </xdr:cNvPr>
        <xdr:cNvSpPr txBox="1"/>
      </xdr:nvSpPr>
      <xdr:spPr>
        <a:xfrm>
          <a:off x="1066800" y="107945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a16="http://schemas.microsoft.com/office/drawing/2014/main" id="{00000000-0008-0000-0300-000094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a16="http://schemas.microsoft.com/office/drawing/2014/main" id="{00000000-0008-0000-0300-000095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a16="http://schemas.microsoft.com/office/drawing/2014/main" id="{00000000-0008-0000-0300-000096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a16="http://schemas.microsoft.com/office/drawing/2014/main" id="{00000000-0008-0000-0300-000097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a16="http://schemas.microsoft.com/office/drawing/2014/main" id="{00000000-0008-0000-0300-000098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47413</xdr:rowOff>
    </xdr:from>
    <xdr:to>
      <xdr:col>23</xdr:col>
      <xdr:colOff>184150</xdr:colOff>
      <xdr:row>63</xdr:row>
      <xdr:rowOff>149013</xdr:rowOff>
    </xdr:to>
    <xdr:sp macro="" textlink="">
      <xdr:nvSpPr>
        <xdr:cNvPr id="153" name="楕円 152">
          <a:extLst>
            <a:ext uri="{FF2B5EF4-FFF2-40B4-BE49-F238E27FC236}">
              <a16:creationId xmlns:a16="http://schemas.microsoft.com/office/drawing/2014/main" id="{00000000-0008-0000-0300-000099000000}"/>
            </a:ext>
          </a:extLst>
        </xdr:cNvPr>
        <xdr:cNvSpPr/>
      </xdr:nvSpPr>
      <xdr:spPr>
        <a:xfrm>
          <a:off x="4902200" y="10848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9490</xdr:rowOff>
    </xdr:from>
    <xdr:ext cx="762000" cy="259045"/>
    <xdr:sp macro="" textlink="">
      <xdr:nvSpPr>
        <xdr:cNvPr id="154" name="財政構造の弾力性該当値テキスト">
          <a:extLst>
            <a:ext uri="{FF2B5EF4-FFF2-40B4-BE49-F238E27FC236}">
              <a16:creationId xmlns:a16="http://schemas.microsoft.com/office/drawing/2014/main" id="{00000000-0008-0000-0300-00009A000000}"/>
            </a:ext>
          </a:extLst>
        </xdr:cNvPr>
        <xdr:cNvSpPr txBox="1"/>
      </xdr:nvSpPr>
      <xdr:spPr>
        <a:xfrm>
          <a:off x="5041900" y="108208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6</xdr:row>
      <xdr:rowOff>104140</xdr:rowOff>
    </xdr:from>
    <xdr:to>
      <xdr:col>19</xdr:col>
      <xdr:colOff>184150</xdr:colOff>
      <xdr:row>67</xdr:row>
      <xdr:rowOff>34290</xdr:rowOff>
    </xdr:to>
    <xdr:sp macro="" textlink="">
      <xdr:nvSpPr>
        <xdr:cNvPr id="155" name="楕円 154">
          <a:extLst>
            <a:ext uri="{FF2B5EF4-FFF2-40B4-BE49-F238E27FC236}">
              <a16:creationId xmlns:a16="http://schemas.microsoft.com/office/drawing/2014/main" id="{00000000-0008-0000-0300-00009B000000}"/>
            </a:ext>
          </a:extLst>
        </xdr:cNvPr>
        <xdr:cNvSpPr/>
      </xdr:nvSpPr>
      <xdr:spPr>
        <a:xfrm>
          <a:off x="4064000" y="1141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7</xdr:row>
      <xdr:rowOff>19067</xdr:rowOff>
    </xdr:from>
    <xdr:ext cx="736600" cy="259045"/>
    <xdr:sp macro="" textlink="">
      <xdr:nvSpPr>
        <xdr:cNvPr id="156" name="テキスト ボックス 155">
          <a:extLst>
            <a:ext uri="{FF2B5EF4-FFF2-40B4-BE49-F238E27FC236}">
              <a16:creationId xmlns:a16="http://schemas.microsoft.com/office/drawing/2014/main" id="{00000000-0008-0000-0300-00009C000000}"/>
            </a:ext>
          </a:extLst>
        </xdr:cNvPr>
        <xdr:cNvSpPr txBox="1"/>
      </xdr:nvSpPr>
      <xdr:spPr>
        <a:xfrm>
          <a:off x="3733800" y="115062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6</xdr:row>
      <xdr:rowOff>144356</xdr:rowOff>
    </xdr:from>
    <xdr:to>
      <xdr:col>15</xdr:col>
      <xdr:colOff>133350</xdr:colOff>
      <xdr:row>67</xdr:row>
      <xdr:rowOff>74506</xdr:rowOff>
    </xdr:to>
    <xdr:sp macro="" textlink="">
      <xdr:nvSpPr>
        <xdr:cNvPr id="157" name="楕円 156">
          <a:extLst>
            <a:ext uri="{FF2B5EF4-FFF2-40B4-BE49-F238E27FC236}">
              <a16:creationId xmlns:a16="http://schemas.microsoft.com/office/drawing/2014/main" id="{00000000-0008-0000-0300-00009D000000}"/>
            </a:ext>
          </a:extLst>
        </xdr:cNvPr>
        <xdr:cNvSpPr/>
      </xdr:nvSpPr>
      <xdr:spPr>
        <a:xfrm>
          <a:off x="3175000" y="114600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7</xdr:row>
      <xdr:rowOff>59283</xdr:rowOff>
    </xdr:from>
    <xdr:ext cx="762000" cy="259045"/>
    <xdr:sp macro="" textlink="">
      <xdr:nvSpPr>
        <xdr:cNvPr id="158" name="テキスト ボックス 157">
          <a:extLst>
            <a:ext uri="{FF2B5EF4-FFF2-40B4-BE49-F238E27FC236}">
              <a16:creationId xmlns:a16="http://schemas.microsoft.com/office/drawing/2014/main" id="{00000000-0008-0000-0300-00009E000000}"/>
            </a:ext>
          </a:extLst>
        </xdr:cNvPr>
        <xdr:cNvSpPr txBox="1"/>
      </xdr:nvSpPr>
      <xdr:spPr>
        <a:xfrm>
          <a:off x="2844800" y="11546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6</xdr:row>
      <xdr:rowOff>15663</xdr:rowOff>
    </xdr:from>
    <xdr:to>
      <xdr:col>11</xdr:col>
      <xdr:colOff>82550</xdr:colOff>
      <xdr:row>66</xdr:row>
      <xdr:rowOff>117263</xdr:rowOff>
    </xdr:to>
    <xdr:sp macro="" textlink="">
      <xdr:nvSpPr>
        <xdr:cNvPr id="159" name="楕円 158">
          <a:extLst>
            <a:ext uri="{FF2B5EF4-FFF2-40B4-BE49-F238E27FC236}">
              <a16:creationId xmlns:a16="http://schemas.microsoft.com/office/drawing/2014/main" id="{00000000-0008-0000-0300-00009F000000}"/>
            </a:ext>
          </a:extLst>
        </xdr:cNvPr>
        <xdr:cNvSpPr/>
      </xdr:nvSpPr>
      <xdr:spPr>
        <a:xfrm>
          <a:off x="2286000" y="11331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6</xdr:row>
      <xdr:rowOff>102040</xdr:rowOff>
    </xdr:from>
    <xdr:ext cx="762000" cy="259045"/>
    <xdr:sp macro="" textlink="">
      <xdr:nvSpPr>
        <xdr:cNvPr id="160" name="テキスト ボックス 159">
          <a:extLst>
            <a:ext uri="{FF2B5EF4-FFF2-40B4-BE49-F238E27FC236}">
              <a16:creationId xmlns:a16="http://schemas.microsoft.com/office/drawing/2014/main" id="{00000000-0008-0000-0300-0000A0000000}"/>
            </a:ext>
          </a:extLst>
        </xdr:cNvPr>
        <xdr:cNvSpPr txBox="1"/>
      </xdr:nvSpPr>
      <xdr:spPr>
        <a:xfrm>
          <a:off x="1955800" y="11417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171027</xdr:rowOff>
    </xdr:from>
    <xdr:to>
      <xdr:col>7</xdr:col>
      <xdr:colOff>31750</xdr:colOff>
      <xdr:row>66</xdr:row>
      <xdr:rowOff>101177</xdr:rowOff>
    </xdr:to>
    <xdr:sp macro="" textlink="">
      <xdr:nvSpPr>
        <xdr:cNvPr id="161" name="楕円 160">
          <a:extLst>
            <a:ext uri="{FF2B5EF4-FFF2-40B4-BE49-F238E27FC236}">
              <a16:creationId xmlns:a16="http://schemas.microsoft.com/office/drawing/2014/main" id="{00000000-0008-0000-0300-0000A1000000}"/>
            </a:ext>
          </a:extLst>
        </xdr:cNvPr>
        <xdr:cNvSpPr/>
      </xdr:nvSpPr>
      <xdr:spPr>
        <a:xfrm>
          <a:off x="1397000" y="11315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6</xdr:row>
      <xdr:rowOff>85954</xdr:rowOff>
    </xdr:from>
    <xdr:ext cx="762000" cy="259045"/>
    <xdr:sp macro="" textlink="">
      <xdr:nvSpPr>
        <xdr:cNvPr id="162" name="テキスト ボックス 161">
          <a:extLst>
            <a:ext uri="{FF2B5EF4-FFF2-40B4-BE49-F238E27FC236}">
              <a16:creationId xmlns:a16="http://schemas.microsoft.com/office/drawing/2014/main" id="{00000000-0008-0000-0300-0000A2000000}"/>
            </a:ext>
          </a:extLst>
        </xdr:cNvPr>
        <xdr:cNvSpPr txBox="1"/>
      </xdr:nvSpPr>
      <xdr:spPr>
        <a:xfrm>
          <a:off x="1066800" y="114016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a16="http://schemas.microsoft.com/office/drawing/2014/main" id="{00000000-0008-0000-0300-0000A3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a16="http://schemas.microsoft.com/office/drawing/2014/main" id="{00000000-0008-0000-0300-0000A4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a16="http://schemas.microsoft.com/office/drawing/2014/main" id="{00000000-0008-0000-0300-0000A5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0,3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a16="http://schemas.microsoft.com/office/drawing/2014/main" id="{00000000-0008-0000-0300-0000A6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a16="http://schemas.microsoft.com/office/drawing/2014/main" id="{00000000-0008-0000-0300-0000A7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a16="http://schemas.microsoft.com/office/drawing/2014/main" id="{00000000-0008-0000-0300-0000A8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a16="http://schemas.microsoft.com/office/drawing/2014/main" id="{00000000-0008-0000-0300-0000A9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0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a16="http://schemas.microsoft.com/office/drawing/2014/main" id="{00000000-0008-0000-0300-0000AA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a16="http://schemas.microsoft.com/office/drawing/2014/main" id="{00000000-0008-0000-0300-0000AB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a16="http://schemas.microsoft.com/office/drawing/2014/main" id="{00000000-0008-0000-0300-0000AC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a16="http://schemas.microsoft.com/office/drawing/2014/main" id="{00000000-0008-0000-0300-0000AD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a16="http://schemas.microsoft.com/office/drawing/2014/main" id="{00000000-0008-0000-0300-0000AE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a16="http://schemas.microsoft.com/office/drawing/2014/main" id="{00000000-0008-0000-0300-0000AF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は退職手当組合負担金の減等により減少したが、物件費は新型コロナウイルス感染症ワクチン接種にかかる委託料の増等により、増加幅が減少幅を上回ったため、人口</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人当たり人件費・物件費等決算額は悪化した。物件費の増加要因は臨時的なものが主たるものであるため、今後は減少が見込まれる。類似団体の平均値を下回っているものの、昨年度から増加傾向にあるため、経費縮減に努め、数値の改善を図っていく。</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a16="http://schemas.microsoft.com/office/drawing/2014/main" id="{00000000-0008-0000-0300-0000B0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a16="http://schemas.microsoft.com/office/drawing/2014/main" id="{00000000-0008-0000-0300-0000B1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a16="http://schemas.microsoft.com/office/drawing/2014/main" id="{00000000-0008-0000-0300-0000B2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0</xdr:row>
      <xdr:rowOff>36286</xdr:rowOff>
    </xdr:from>
    <xdr:to>
      <xdr:col>27</xdr:col>
      <xdr:colOff>184150</xdr:colOff>
      <xdr:row>90</xdr:row>
      <xdr:rowOff>36286</xdr:rowOff>
    </xdr:to>
    <xdr:cxnSp macro="">
      <xdr:nvCxnSpPr>
        <xdr:cNvPr id="179" name="直線コネクタ 178">
          <a:extLst>
            <a:ext uri="{FF2B5EF4-FFF2-40B4-BE49-F238E27FC236}">
              <a16:creationId xmlns:a16="http://schemas.microsoft.com/office/drawing/2014/main" id="{00000000-0008-0000-0300-0000B3000000}"/>
            </a:ext>
          </a:extLst>
        </xdr:cNvPr>
        <xdr:cNvCxnSpPr/>
      </xdr:nvCxnSpPr>
      <xdr:spPr>
        <a:xfrm>
          <a:off x="762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65513</xdr:rowOff>
    </xdr:from>
    <xdr:ext cx="762000" cy="259045"/>
    <xdr:sp macro="" textlink="">
      <xdr:nvSpPr>
        <xdr:cNvPr id="180" name="テキスト ボックス 179">
          <a:extLst>
            <a:ext uri="{FF2B5EF4-FFF2-40B4-BE49-F238E27FC236}">
              <a16:creationId xmlns:a16="http://schemas.microsoft.com/office/drawing/2014/main" id="{00000000-0008-0000-0300-0000B4000000}"/>
            </a:ext>
          </a:extLst>
        </xdr:cNvPr>
        <xdr:cNvSpPr txBox="1"/>
      </xdr:nvSpPr>
      <xdr:spPr>
        <a:xfrm>
          <a:off x="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8</xdr:row>
      <xdr:rowOff>34471</xdr:rowOff>
    </xdr:from>
    <xdr:to>
      <xdr:col>27</xdr:col>
      <xdr:colOff>184150</xdr:colOff>
      <xdr:row>88</xdr:row>
      <xdr:rowOff>34471</xdr:rowOff>
    </xdr:to>
    <xdr:cxnSp macro="">
      <xdr:nvCxnSpPr>
        <xdr:cNvPr id="181" name="直線コネクタ 180">
          <a:extLst>
            <a:ext uri="{FF2B5EF4-FFF2-40B4-BE49-F238E27FC236}">
              <a16:creationId xmlns:a16="http://schemas.microsoft.com/office/drawing/2014/main" id="{00000000-0008-0000-0300-0000B5000000}"/>
            </a:ext>
          </a:extLst>
        </xdr:cNvPr>
        <xdr:cNvCxnSpPr/>
      </xdr:nvCxnSpPr>
      <xdr:spPr>
        <a:xfrm>
          <a:off x="762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7</xdr:row>
      <xdr:rowOff>63698</xdr:rowOff>
    </xdr:from>
    <xdr:ext cx="762000" cy="259045"/>
    <xdr:sp macro="" textlink="">
      <xdr:nvSpPr>
        <xdr:cNvPr id="182" name="テキスト ボックス 181">
          <a:extLst>
            <a:ext uri="{FF2B5EF4-FFF2-40B4-BE49-F238E27FC236}">
              <a16:creationId xmlns:a16="http://schemas.microsoft.com/office/drawing/2014/main" id="{00000000-0008-0000-0300-0000B6000000}"/>
            </a:ext>
          </a:extLst>
        </xdr:cNvPr>
        <xdr:cNvSpPr txBox="1"/>
      </xdr:nvSpPr>
      <xdr:spPr>
        <a:xfrm>
          <a:off x="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32657</xdr:rowOff>
    </xdr:from>
    <xdr:to>
      <xdr:col>27</xdr:col>
      <xdr:colOff>184150</xdr:colOff>
      <xdr:row>86</xdr:row>
      <xdr:rowOff>32657</xdr:rowOff>
    </xdr:to>
    <xdr:cxnSp macro="">
      <xdr:nvCxnSpPr>
        <xdr:cNvPr id="183" name="直線コネクタ 182">
          <a:extLst>
            <a:ext uri="{FF2B5EF4-FFF2-40B4-BE49-F238E27FC236}">
              <a16:creationId xmlns:a16="http://schemas.microsoft.com/office/drawing/2014/main" id="{00000000-0008-0000-0300-0000B7000000}"/>
            </a:ext>
          </a:extLst>
        </xdr:cNvPr>
        <xdr:cNvCxnSpPr/>
      </xdr:nvCxnSpPr>
      <xdr:spPr>
        <a:xfrm>
          <a:off x="762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61884</xdr:rowOff>
    </xdr:from>
    <xdr:ext cx="762000" cy="259045"/>
    <xdr:sp macro="" textlink="">
      <xdr:nvSpPr>
        <xdr:cNvPr id="184" name="テキスト ボックス 183">
          <a:extLst>
            <a:ext uri="{FF2B5EF4-FFF2-40B4-BE49-F238E27FC236}">
              <a16:creationId xmlns:a16="http://schemas.microsoft.com/office/drawing/2014/main" id="{00000000-0008-0000-0300-0000B8000000}"/>
            </a:ext>
          </a:extLst>
        </xdr:cNvPr>
        <xdr:cNvSpPr txBox="1"/>
      </xdr:nvSpPr>
      <xdr:spPr>
        <a:xfrm>
          <a:off x="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4</xdr:row>
      <xdr:rowOff>30843</xdr:rowOff>
    </xdr:from>
    <xdr:to>
      <xdr:col>27</xdr:col>
      <xdr:colOff>184150</xdr:colOff>
      <xdr:row>84</xdr:row>
      <xdr:rowOff>30843</xdr:rowOff>
    </xdr:to>
    <xdr:cxnSp macro="">
      <xdr:nvCxnSpPr>
        <xdr:cNvPr id="185" name="直線コネクタ 184">
          <a:extLst>
            <a:ext uri="{FF2B5EF4-FFF2-40B4-BE49-F238E27FC236}">
              <a16:creationId xmlns:a16="http://schemas.microsoft.com/office/drawing/2014/main" id="{00000000-0008-0000-0300-0000B9000000}"/>
            </a:ext>
          </a:extLst>
        </xdr:cNvPr>
        <xdr:cNvCxnSpPr/>
      </xdr:nvCxnSpPr>
      <xdr:spPr>
        <a:xfrm>
          <a:off x="762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3</xdr:row>
      <xdr:rowOff>60070</xdr:rowOff>
    </xdr:from>
    <xdr:ext cx="762000" cy="259045"/>
    <xdr:sp macro="" textlink="">
      <xdr:nvSpPr>
        <xdr:cNvPr id="186" name="テキスト ボックス 185">
          <a:extLst>
            <a:ext uri="{FF2B5EF4-FFF2-40B4-BE49-F238E27FC236}">
              <a16:creationId xmlns:a16="http://schemas.microsoft.com/office/drawing/2014/main" id="{00000000-0008-0000-0300-0000BA000000}"/>
            </a:ext>
          </a:extLst>
        </xdr:cNvPr>
        <xdr:cNvSpPr txBox="1"/>
      </xdr:nvSpPr>
      <xdr:spPr>
        <a:xfrm>
          <a:off x="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29029</xdr:rowOff>
    </xdr:from>
    <xdr:to>
      <xdr:col>27</xdr:col>
      <xdr:colOff>184150</xdr:colOff>
      <xdr:row>82</xdr:row>
      <xdr:rowOff>29029</xdr:rowOff>
    </xdr:to>
    <xdr:cxnSp macro="">
      <xdr:nvCxnSpPr>
        <xdr:cNvPr id="187" name="直線コネクタ 186">
          <a:extLst>
            <a:ext uri="{FF2B5EF4-FFF2-40B4-BE49-F238E27FC236}">
              <a16:creationId xmlns:a16="http://schemas.microsoft.com/office/drawing/2014/main" id="{00000000-0008-0000-0300-0000BB000000}"/>
            </a:ext>
          </a:extLst>
        </xdr:cNvPr>
        <xdr:cNvCxnSpPr/>
      </xdr:nvCxnSpPr>
      <xdr:spPr>
        <a:xfrm>
          <a:off x="762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1</xdr:row>
      <xdr:rowOff>58256</xdr:rowOff>
    </xdr:from>
    <xdr:ext cx="762000" cy="259045"/>
    <xdr:sp macro="" textlink="">
      <xdr:nvSpPr>
        <xdr:cNvPr id="188" name="テキスト ボックス 187">
          <a:extLst>
            <a:ext uri="{FF2B5EF4-FFF2-40B4-BE49-F238E27FC236}">
              <a16:creationId xmlns:a16="http://schemas.microsoft.com/office/drawing/2014/main" id="{00000000-0008-0000-0300-0000BC000000}"/>
            </a:ext>
          </a:extLst>
        </xdr:cNvPr>
        <xdr:cNvSpPr txBox="1"/>
      </xdr:nvSpPr>
      <xdr:spPr>
        <a:xfrm>
          <a:off x="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27214</xdr:rowOff>
    </xdr:from>
    <xdr:to>
      <xdr:col>27</xdr:col>
      <xdr:colOff>184150</xdr:colOff>
      <xdr:row>80</xdr:row>
      <xdr:rowOff>27214</xdr:rowOff>
    </xdr:to>
    <xdr:cxnSp macro="">
      <xdr:nvCxnSpPr>
        <xdr:cNvPr id="189" name="直線コネクタ 188">
          <a:extLst>
            <a:ext uri="{FF2B5EF4-FFF2-40B4-BE49-F238E27FC236}">
              <a16:creationId xmlns:a16="http://schemas.microsoft.com/office/drawing/2014/main" id="{00000000-0008-0000-0300-0000BD000000}"/>
            </a:ext>
          </a:extLst>
        </xdr:cNvPr>
        <xdr:cNvCxnSpPr/>
      </xdr:nvCxnSpPr>
      <xdr:spPr>
        <a:xfrm>
          <a:off x="762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56441</xdr:rowOff>
    </xdr:from>
    <xdr:ext cx="762000" cy="259045"/>
    <xdr:sp macro="" textlink="">
      <xdr:nvSpPr>
        <xdr:cNvPr id="190" name="テキスト ボックス 189">
          <a:extLst>
            <a:ext uri="{FF2B5EF4-FFF2-40B4-BE49-F238E27FC236}">
              <a16:creationId xmlns:a16="http://schemas.microsoft.com/office/drawing/2014/main" id="{00000000-0008-0000-0300-0000BE000000}"/>
            </a:ext>
          </a:extLst>
        </xdr:cNvPr>
        <xdr:cNvSpPr txBox="1"/>
      </xdr:nvSpPr>
      <xdr:spPr>
        <a:xfrm>
          <a:off x="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91" name="直線コネクタ 190">
          <a:extLst>
            <a:ext uri="{FF2B5EF4-FFF2-40B4-BE49-F238E27FC236}">
              <a16:creationId xmlns:a16="http://schemas.microsoft.com/office/drawing/2014/main" id="{00000000-0008-0000-0300-0000BF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92" name="テキスト ボックス 191">
          <a:extLst>
            <a:ext uri="{FF2B5EF4-FFF2-40B4-BE49-F238E27FC236}">
              <a16:creationId xmlns:a16="http://schemas.microsoft.com/office/drawing/2014/main" id="{00000000-0008-0000-0300-0000C0000000}"/>
            </a:ext>
          </a:extLst>
        </xdr:cNvPr>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93" name="人件費・物件費等の状況グラフ枠">
          <a:extLst>
            <a:ext uri="{FF2B5EF4-FFF2-40B4-BE49-F238E27FC236}">
              <a16:creationId xmlns:a16="http://schemas.microsoft.com/office/drawing/2014/main" id="{00000000-0008-0000-0300-0000C1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95779</xdr:rowOff>
    </xdr:from>
    <xdr:to>
      <xdr:col>23</xdr:col>
      <xdr:colOff>133350</xdr:colOff>
      <xdr:row>90</xdr:row>
      <xdr:rowOff>76462</xdr:rowOff>
    </xdr:to>
    <xdr:cxnSp macro="">
      <xdr:nvCxnSpPr>
        <xdr:cNvPr id="194" name="直線コネクタ 193">
          <a:extLst>
            <a:ext uri="{FF2B5EF4-FFF2-40B4-BE49-F238E27FC236}">
              <a16:creationId xmlns:a16="http://schemas.microsoft.com/office/drawing/2014/main" id="{00000000-0008-0000-0300-0000C2000000}"/>
            </a:ext>
          </a:extLst>
        </xdr:cNvPr>
        <xdr:cNvCxnSpPr/>
      </xdr:nvCxnSpPr>
      <xdr:spPr>
        <a:xfrm flipV="1">
          <a:off x="4953000" y="13811779"/>
          <a:ext cx="0" cy="169518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90</xdr:row>
      <xdr:rowOff>48539</xdr:rowOff>
    </xdr:from>
    <xdr:ext cx="762000" cy="259045"/>
    <xdr:sp macro="" textlink="">
      <xdr:nvSpPr>
        <xdr:cNvPr id="195" name="人件費・物件費等の状況最小値テキスト">
          <a:extLst>
            <a:ext uri="{FF2B5EF4-FFF2-40B4-BE49-F238E27FC236}">
              <a16:creationId xmlns:a16="http://schemas.microsoft.com/office/drawing/2014/main" id="{00000000-0008-0000-0300-0000C3000000}"/>
            </a:ext>
          </a:extLst>
        </xdr:cNvPr>
        <xdr:cNvSpPr txBox="1"/>
      </xdr:nvSpPr>
      <xdr:spPr>
        <a:xfrm>
          <a:off x="5041900" y="15479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3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90</xdr:row>
      <xdr:rowOff>76462</xdr:rowOff>
    </xdr:from>
    <xdr:to>
      <xdr:col>24</xdr:col>
      <xdr:colOff>12700</xdr:colOff>
      <xdr:row>90</xdr:row>
      <xdr:rowOff>76462</xdr:rowOff>
    </xdr:to>
    <xdr:cxnSp macro="">
      <xdr:nvCxnSpPr>
        <xdr:cNvPr id="196" name="直線コネクタ 195">
          <a:extLst>
            <a:ext uri="{FF2B5EF4-FFF2-40B4-BE49-F238E27FC236}">
              <a16:creationId xmlns:a16="http://schemas.microsoft.com/office/drawing/2014/main" id="{00000000-0008-0000-0300-0000C4000000}"/>
            </a:ext>
          </a:extLst>
        </xdr:cNvPr>
        <xdr:cNvCxnSpPr/>
      </xdr:nvCxnSpPr>
      <xdr:spPr>
        <a:xfrm>
          <a:off x="4864100" y="155069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10706</xdr:rowOff>
    </xdr:from>
    <xdr:ext cx="762000" cy="259045"/>
    <xdr:sp macro="" textlink="">
      <xdr:nvSpPr>
        <xdr:cNvPr id="197" name="人件費・物件費等の状況最大値テキスト">
          <a:extLst>
            <a:ext uri="{FF2B5EF4-FFF2-40B4-BE49-F238E27FC236}">
              <a16:creationId xmlns:a16="http://schemas.microsoft.com/office/drawing/2014/main" id="{00000000-0008-0000-0300-0000C5000000}"/>
            </a:ext>
          </a:extLst>
        </xdr:cNvPr>
        <xdr:cNvSpPr txBox="1"/>
      </xdr:nvSpPr>
      <xdr:spPr>
        <a:xfrm>
          <a:off x="5041900" y="13555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95779</xdr:rowOff>
    </xdr:from>
    <xdr:to>
      <xdr:col>24</xdr:col>
      <xdr:colOff>12700</xdr:colOff>
      <xdr:row>80</xdr:row>
      <xdr:rowOff>95779</xdr:rowOff>
    </xdr:to>
    <xdr:cxnSp macro="">
      <xdr:nvCxnSpPr>
        <xdr:cNvPr id="198" name="直線コネクタ 197">
          <a:extLst>
            <a:ext uri="{FF2B5EF4-FFF2-40B4-BE49-F238E27FC236}">
              <a16:creationId xmlns:a16="http://schemas.microsoft.com/office/drawing/2014/main" id="{00000000-0008-0000-0300-0000C6000000}"/>
            </a:ext>
          </a:extLst>
        </xdr:cNvPr>
        <xdr:cNvCxnSpPr/>
      </xdr:nvCxnSpPr>
      <xdr:spPr>
        <a:xfrm>
          <a:off x="4864100" y="13811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40588</xdr:rowOff>
    </xdr:from>
    <xdr:to>
      <xdr:col>23</xdr:col>
      <xdr:colOff>133350</xdr:colOff>
      <xdr:row>84</xdr:row>
      <xdr:rowOff>36030</xdr:rowOff>
    </xdr:to>
    <xdr:cxnSp macro="">
      <xdr:nvCxnSpPr>
        <xdr:cNvPr id="199" name="直線コネクタ 198">
          <a:extLst>
            <a:ext uri="{FF2B5EF4-FFF2-40B4-BE49-F238E27FC236}">
              <a16:creationId xmlns:a16="http://schemas.microsoft.com/office/drawing/2014/main" id="{00000000-0008-0000-0300-0000C7000000}"/>
            </a:ext>
          </a:extLst>
        </xdr:cNvPr>
        <xdr:cNvCxnSpPr/>
      </xdr:nvCxnSpPr>
      <xdr:spPr>
        <a:xfrm>
          <a:off x="4114800" y="14370938"/>
          <a:ext cx="838200" cy="66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4</xdr:row>
      <xdr:rowOff>78923</xdr:rowOff>
    </xdr:from>
    <xdr:ext cx="762000" cy="259045"/>
    <xdr:sp macro="" textlink="">
      <xdr:nvSpPr>
        <xdr:cNvPr id="200" name="人件費・物件費等の状況平均値テキスト">
          <a:extLst>
            <a:ext uri="{FF2B5EF4-FFF2-40B4-BE49-F238E27FC236}">
              <a16:creationId xmlns:a16="http://schemas.microsoft.com/office/drawing/2014/main" id="{00000000-0008-0000-0300-0000C8000000}"/>
            </a:ext>
          </a:extLst>
        </xdr:cNvPr>
        <xdr:cNvSpPr txBox="1"/>
      </xdr:nvSpPr>
      <xdr:spPr>
        <a:xfrm>
          <a:off x="5041900" y="1448072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7,3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106846</xdr:rowOff>
    </xdr:from>
    <xdr:to>
      <xdr:col>23</xdr:col>
      <xdr:colOff>184150</xdr:colOff>
      <xdr:row>85</xdr:row>
      <xdr:rowOff>36996</xdr:rowOff>
    </xdr:to>
    <xdr:sp macro="" textlink="">
      <xdr:nvSpPr>
        <xdr:cNvPr id="201" name="フローチャート: 判断 200">
          <a:extLst>
            <a:ext uri="{FF2B5EF4-FFF2-40B4-BE49-F238E27FC236}">
              <a16:creationId xmlns:a16="http://schemas.microsoft.com/office/drawing/2014/main" id="{00000000-0008-0000-0300-0000C9000000}"/>
            </a:ext>
          </a:extLst>
        </xdr:cNvPr>
        <xdr:cNvSpPr/>
      </xdr:nvSpPr>
      <xdr:spPr>
        <a:xfrm>
          <a:off x="4902200" y="145086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91611</xdr:rowOff>
    </xdr:from>
    <xdr:to>
      <xdr:col>19</xdr:col>
      <xdr:colOff>133350</xdr:colOff>
      <xdr:row>83</xdr:row>
      <xdr:rowOff>140588</xdr:rowOff>
    </xdr:to>
    <xdr:cxnSp macro="">
      <xdr:nvCxnSpPr>
        <xdr:cNvPr id="202" name="直線コネクタ 201">
          <a:extLst>
            <a:ext uri="{FF2B5EF4-FFF2-40B4-BE49-F238E27FC236}">
              <a16:creationId xmlns:a16="http://schemas.microsoft.com/office/drawing/2014/main" id="{00000000-0008-0000-0300-0000CA000000}"/>
            </a:ext>
          </a:extLst>
        </xdr:cNvPr>
        <xdr:cNvCxnSpPr/>
      </xdr:nvCxnSpPr>
      <xdr:spPr>
        <a:xfrm>
          <a:off x="3225800" y="14150511"/>
          <a:ext cx="889000" cy="2204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147442</xdr:rowOff>
    </xdr:from>
    <xdr:to>
      <xdr:col>19</xdr:col>
      <xdr:colOff>184150</xdr:colOff>
      <xdr:row>84</xdr:row>
      <xdr:rowOff>77592</xdr:rowOff>
    </xdr:to>
    <xdr:sp macro="" textlink="">
      <xdr:nvSpPr>
        <xdr:cNvPr id="203" name="フローチャート: 判断 202">
          <a:extLst>
            <a:ext uri="{FF2B5EF4-FFF2-40B4-BE49-F238E27FC236}">
              <a16:creationId xmlns:a16="http://schemas.microsoft.com/office/drawing/2014/main" id="{00000000-0008-0000-0300-0000CB000000}"/>
            </a:ext>
          </a:extLst>
        </xdr:cNvPr>
        <xdr:cNvSpPr/>
      </xdr:nvSpPr>
      <xdr:spPr>
        <a:xfrm>
          <a:off x="4064000" y="14377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62369</xdr:rowOff>
    </xdr:from>
    <xdr:ext cx="736600" cy="259045"/>
    <xdr:sp macro="" textlink="">
      <xdr:nvSpPr>
        <xdr:cNvPr id="204" name="テキスト ボックス 203">
          <a:extLst>
            <a:ext uri="{FF2B5EF4-FFF2-40B4-BE49-F238E27FC236}">
              <a16:creationId xmlns:a16="http://schemas.microsoft.com/office/drawing/2014/main" id="{00000000-0008-0000-0300-0000CC000000}"/>
            </a:ext>
          </a:extLst>
        </xdr:cNvPr>
        <xdr:cNvSpPr txBox="1"/>
      </xdr:nvSpPr>
      <xdr:spPr>
        <a:xfrm>
          <a:off x="3733800" y="144641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29873</xdr:rowOff>
    </xdr:from>
    <xdr:to>
      <xdr:col>15</xdr:col>
      <xdr:colOff>82550</xdr:colOff>
      <xdr:row>82</xdr:row>
      <xdr:rowOff>91611</xdr:rowOff>
    </xdr:to>
    <xdr:cxnSp macro="">
      <xdr:nvCxnSpPr>
        <xdr:cNvPr id="205" name="直線コネクタ 204">
          <a:extLst>
            <a:ext uri="{FF2B5EF4-FFF2-40B4-BE49-F238E27FC236}">
              <a16:creationId xmlns:a16="http://schemas.microsoft.com/office/drawing/2014/main" id="{00000000-0008-0000-0300-0000CD000000}"/>
            </a:ext>
          </a:extLst>
        </xdr:cNvPr>
        <xdr:cNvCxnSpPr/>
      </xdr:nvCxnSpPr>
      <xdr:spPr>
        <a:xfrm>
          <a:off x="2336800" y="14088773"/>
          <a:ext cx="889000" cy="61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36909</xdr:rowOff>
    </xdr:from>
    <xdr:to>
      <xdr:col>15</xdr:col>
      <xdr:colOff>133350</xdr:colOff>
      <xdr:row>83</xdr:row>
      <xdr:rowOff>138509</xdr:rowOff>
    </xdr:to>
    <xdr:sp macro="" textlink="">
      <xdr:nvSpPr>
        <xdr:cNvPr id="206" name="フローチャート: 判断 205">
          <a:extLst>
            <a:ext uri="{FF2B5EF4-FFF2-40B4-BE49-F238E27FC236}">
              <a16:creationId xmlns:a16="http://schemas.microsoft.com/office/drawing/2014/main" id="{00000000-0008-0000-0300-0000CE000000}"/>
            </a:ext>
          </a:extLst>
        </xdr:cNvPr>
        <xdr:cNvSpPr/>
      </xdr:nvSpPr>
      <xdr:spPr>
        <a:xfrm>
          <a:off x="3175000" y="14267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23286</xdr:rowOff>
    </xdr:from>
    <xdr:ext cx="762000" cy="259045"/>
    <xdr:sp macro="" textlink="">
      <xdr:nvSpPr>
        <xdr:cNvPr id="207" name="テキスト ボックス 206">
          <a:extLst>
            <a:ext uri="{FF2B5EF4-FFF2-40B4-BE49-F238E27FC236}">
              <a16:creationId xmlns:a16="http://schemas.microsoft.com/office/drawing/2014/main" id="{00000000-0008-0000-0300-0000CF000000}"/>
            </a:ext>
          </a:extLst>
        </xdr:cNvPr>
        <xdr:cNvSpPr txBox="1"/>
      </xdr:nvSpPr>
      <xdr:spPr>
        <a:xfrm>
          <a:off x="2844800" y="14353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29873</xdr:rowOff>
    </xdr:from>
    <xdr:to>
      <xdr:col>11</xdr:col>
      <xdr:colOff>31750</xdr:colOff>
      <xdr:row>82</xdr:row>
      <xdr:rowOff>55606</xdr:rowOff>
    </xdr:to>
    <xdr:cxnSp macro="">
      <xdr:nvCxnSpPr>
        <xdr:cNvPr id="208" name="直線コネクタ 207">
          <a:extLst>
            <a:ext uri="{FF2B5EF4-FFF2-40B4-BE49-F238E27FC236}">
              <a16:creationId xmlns:a16="http://schemas.microsoft.com/office/drawing/2014/main" id="{00000000-0008-0000-0300-0000D0000000}"/>
            </a:ext>
          </a:extLst>
        </xdr:cNvPr>
        <xdr:cNvCxnSpPr/>
      </xdr:nvCxnSpPr>
      <xdr:spPr>
        <a:xfrm flipV="1">
          <a:off x="1447800" y="14088773"/>
          <a:ext cx="889000" cy="257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60031</xdr:rowOff>
    </xdr:from>
    <xdr:to>
      <xdr:col>11</xdr:col>
      <xdr:colOff>82550</xdr:colOff>
      <xdr:row>83</xdr:row>
      <xdr:rowOff>90181</xdr:rowOff>
    </xdr:to>
    <xdr:sp macro="" textlink="">
      <xdr:nvSpPr>
        <xdr:cNvPr id="209" name="フローチャート: 判断 208">
          <a:extLst>
            <a:ext uri="{FF2B5EF4-FFF2-40B4-BE49-F238E27FC236}">
              <a16:creationId xmlns:a16="http://schemas.microsoft.com/office/drawing/2014/main" id="{00000000-0008-0000-0300-0000D1000000}"/>
            </a:ext>
          </a:extLst>
        </xdr:cNvPr>
        <xdr:cNvSpPr/>
      </xdr:nvSpPr>
      <xdr:spPr>
        <a:xfrm>
          <a:off x="2286000" y="14218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74958</xdr:rowOff>
    </xdr:from>
    <xdr:ext cx="762000" cy="259045"/>
    <xdr:sp macro="" textlink="">
      <xdr:nvSpPr>
        <xdr:cNvPr id="210" name="テキスト ボックス 209">
          <a:extLst>
            <a:ext uri="{FF2B5EF4-FFF2-40B4-BE49-F238E27FC236}">
              <a16:creationId xmlns:a16="http://schemas.microsoft.com/office/drawing/2014/main" id="{00000000-0008-0000-0300-0000D2000000}"/>
            </a:ext>
          </a:extLst>
        </xdr:cNvPr>
        <xdr:cNvSpPr txBox="1"/>
      </xdr:nvSpPr>
      <xdr:spPr>
        <a:xfrm>
          <a:off x="1955800" y="143053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5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3129</xdr:rowOff>
    </xdr:from>
    <xdr:to>
      <xdr:col>7</xdr:col>
      <xdr:colOff>31750</xdr:colOff>
      <xdr:row>83</xdr:row>
      <xdr:rowOff>53279</xdr:rowOff>
    </xdr:to>
    <xdr:sp macro="" textlink="">
      <xdr:nvSpPr>
        <xdr:cNvPr id="211" name="フローチャート: 判断 210">
          <a:extLst>
            <a:ext uri="{FF2B5EF4-FFF2-40B4-BE49-F238E27FC236}">
              <a16:creationId xmlns:a16="http://schemas.microsoft.com/office/drawing/2014/main" id="{00000000-0008-0000-0300-0000D3000000}"/>
            </a:ext>
          </a:extLst>
        </xdr:cNvPr>
        <xdr:cNvSpPr/>
      </xdr:nvSpPr>
      <xdr:spPr>
        <a:xfrm>
          <a:off x="1397000" y="14182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38056</xdr:rowOff>
    </xdr:from>
    <xdr:ext cx="762000" cy="259045"/>
    <xdr:sp macro="" textlink="">
      <xdr:nvSpPr>
        <xdr:cNvPr id="212" name="テキスト ボックス 211">
          <a:extLst>
            <a:ext uri="{FF2B5EF4-FFF2-40B4-BE49-F238E27FC236}">
              <a16:creationId xmlns:a16="http://schemas.microsoft.com/office/drawing/2014/main" id="{00000000-0008-0000-0300-0000D4000000}"/>
            </a:ext>
          </a:extLst>
        </xdr:cNvPr>
        <xdr:cNvSpPr txBox="1"/>
      </xdr:nvSpPr>
      <xdr:spPr>
        <a:xfrm>
          <a:off x="1066800" y="14268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13" name="テキスト ボックス 212">
          <a:extLst>
            <a:ext uri="{FF2B5EF4-FFF2-40B4-BE49-F238E27FC236}">
              <a16:creationId xmlns:a16="http://schemas.microsoft.com/office/drawing/2014/main" id="{00000000-0008-0000-0300-0000D5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4" name="テキスト ボックス 213">
          <a:extLst>
            <a:ext uri="{FF2B5EF4-FFF2-40B4-BE49-F238E27FC236}">
              <a16:creationId xmlns:a16="http://schemas.microsoft.com/office/drawing/2014/main" id="{00000000-0008-0000-0300-0000D6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5" name="テキスト ボックス 214">
          <a:extLst>
            <a:ext uri="{FF2B5EF4-FFF2-40B4-BE49-F238E27FC236}">
              <a16:creationId xmlns:a16="http://schemas.microsoft.com/office/drawing/2014/main" id="{00000000-0008-0000-0300-0000D7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6" name="テキスト ボックス 215">
          <a:extLst>
            <a:ext uri="{FF2B5EF4-FFF2-40B4-BE49-F238E27FC236}">
              <a16:creationId xmlns:a16="http://schemas.microsoft.com/office/drawing/2014/main" id="{00000000-0008-0000-0300-0000D8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7" name="テキスト ボックス 216">
          <a:extLst>
            <a:ext uri="{FF2B5EF4-FFF2-40B4-BE49-F238E27FC236}">
              <a16:creationId xmlns:a16="http://schemas.microsoft.com/office/drawing/2014/main" id="{00000000-0008-0000-0300-0000D9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156680</xdr:rowOff>
    </xdr:from>
    <xdr:to>
      <xdr:col>23</xdr:col>
      <xdr:colOff>184150</xdr:colOff>
      <xdr:row>84</xdr:row>
      <xdr:rowOff>86830</xdr:rowOff>
    </xdr:to>
    <xdr:sp macro="" textlink="">
      <xdr:nvSpPr>
        <xdr:cNvPr id="218" name="楕円 217">
          <a:extLst>
            <a:ext uri="{FF2B5EF4-FFF2-40B4-BE49-F238E27FC236}">
              <a16:creationId xmlns:a16="http://schemas.microsoft.com/office/drawing/2014/main" id="{00000000-0008-0000-0300-0000DA000000}"/>
            </a:ext>
          </a:extLst>
        </xdr:cNvPr>
        <xdr:cNvSpPr/>
      </xdr:nvSpPr>
      <xdr:spPr>
        <a:xfrm>
          <a:off x="4902200" y="1438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757</xdr:rowOff>
    </xdr:from>
    <xdr:ext cx="762000" cy="259045"/>
    <xdr:sp macro="" textlink="">
      <xdr:nvSpPr>
        <xdr:cNvPr id="219" name="人件費・物件費等の状況該当値テキスト">
          <a:extLst>
            <a:ext uri="{FF2B5EF4-FFF2-40B4-BE49-F238E27FC236}">
              <a16:creationId xmlns:a16="http://schemas.microsoft.com/office/drawing/2014/main" id="{00000000-0008-0000-0300-0000DB000000}"/>
            </a:ext>
          </a:extLst>
        </xdr:cNvPr>
        <xdr:cNvSpPr txBox="1"/>
      </xdr:nvSpPr>
      <xdr:spPr>
        <a:xfrm>
          <a:off x="5041900" y="142321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3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89788</xdr:rowOff>
    </xdr:from>
    <xdr:to>
      <xdr:col>19</xdr:col>
      <xdr:colOff>184150</xdr:colOff>
      <xdr:row>84</xdr:row>
      <xdr:rowOff>19938</xdr:rowOff>
    </xdr:to>
    <xdr:sp macro="" textlink="">
      <xdr:nvSpPr>
        <xdr:cNvPr id="220" name="楕円 219">
          <a:extLst>
            <a:ext uri="{FF2B5EF4-FFF2-40B4-BE49-F238E27FC236}">
              <a16:creationId xmlns:a16="http://schemas.microsoft.com/office/drawing/2014/main" id="{00000000-0008-0000-0300-0000DC000000}"/>
            </a:ext>
          </a:extLst>
        </xdr:cNvPr>
        <xdr:cNvSpPr/>
      </xdr:nvSpPr>
      <xdr:spPr>
        <a:xfrm>
          <a:off x="4064000" y="14320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30115</xdr:rowOff>
    </xdr:from>
    <xdr:ext cx="736600" cy="259045"/>
    <xdr:sp macro="" textlink="">
      <xdr:nvSpPr>
        <xdr:cNvPr id="221" name="テキスト ボックス 220">
          <a:extLst>
            <a:ext uri="{FF2B5EF4-FFF2-40B4-BE49-F238E27FC236}">
              <a16:creationId xmlns:a16="http://schemas.microsoft.com/office/drawing/2014/main" id="{00000000-0008-0000-0300-0000DD000000}"/>
            </a:ext>
          </a:extLst>
        </xdr:cNvPr>
        <xdr:cNvSpPr txBox="1"/>
      </xdr:nvSpPr>
      <xdr:spPr>
        <a:xfrm>
          <a:off x="3733800" y="140890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40811</xdr:rowOff>
    </xdr:from>
    <xdr:to>
      <xdr:col>15</xdr:col>
      <xdr:colOff>133350</xdr:colOff>
      <xdr:row>82</xdr:row>
      <xdr:rowOff>142411</xdr:rowOff>
    </xdr:to>
    <xdr:sp macro="" textlink="">
      <xdr:nvSpPr>
        <xdr:cNvPr id="222" name="楕円 221">
          <a:extLst>
            <a:ext uri="{FF2B5EF4-FFF2-40B4-BE49-F238E27FC236}">
              <a16:creationId xmlns:a16="http://schemas.microsoft.com/office/drawing/2014/main" id="{00000000-0008-0000-0300-0000DE000000}"/>
            </a:ext>
          </a:extLst>
        </xdr:cNvPr>
        <xdr:cNvSpPr/>
      </xdr:nvSpPr>
      <xdr:spPr>
        <a:xfrm>
          <a:off x="3175000" y="14099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52588</xdr:rowOff>
    </xdr:from>
    <xdr:ext cx="762000" cy="259045"/>
    <xdr:sp macro="" textlink="">
      <xdr:nvSpPr>
        <xdr:cNvPr id="223" name="テキスト ボックス 222">
          <a:extLst>
            <a:ext uri="{FF2B5EF4-FFF2-40B4-BE49-F238E27FC236}">
              <a16:creationId xmlns:a16="http://schemas.microsoft.com/office/drawing/2014/main" id="{00000000-0008-0000-0300-0000DF000000}"/>
            </a:ext>
          </a:extLst>
        </xdr:cNvPr>
        <xdr:cNvSpPr txBox="1"/>
      </xdr:nvSpPr>
      <xdr:spPr>
        <a:xfrm>
          <a:off x="2844800" y="1386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50523</xdr:rowOff>
    </xdr:from>
    <xdr:to>
      <xdr:col>11</xdr:col>
      <xdr:colOff>82550</xdr:colOff>
      <xdr:row>82</xdr:row>
      <xdr:rowOff>80673</xdr:rowOff>
    </xdr:to>
    <xdr:sp macro="" textlink="">
      <xdr:nvSpPr>
        <xdr:cNvPr id="224" name="楕円 223">
          <a:extLst>
            <a:ext uri="{FF2B5EF4-FFF2-40B4-BE49-F238E27FC236}">
              <a16:creationId xmlns:a16="http://schemas.microsoft.com/office/drawing/2014/main" id="{00000000-0008-0000-0300-0000E0000000}"/>
            </a:ext>
          </a:extLst>
        </xdr:cNvPr>
        <xdr:cNvSpPr/>
      </xdr:nvSpPr>
      <xdr:spPr>
        <a:xfrm>
          <a:off x="2286000" y="14037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90850</xdr:rowOff>
    </xdr:from>
    <xdr:ext cx="762000" cy="259045"/>
    <xdr:sp macro="" textlink="">
      <xdr:nvSpPr>
        <xdr:cNvPr id="225" name="テキスト ボックス 224">
          <a:extLst>
            <a:ext uri="{FF2B5EF4-FFF2-40B4-BE49-F238E27FC236}">
              <a16:creationId xmlns:a16="http://schemas.microsoft.com/office/drawing/2014/main" id="{00000000-0008-0000-0300-0000E1000000}"/>
            </a:ext>
          </a:extLst>
        </xdr:cNvPr>
        <xdr:cNvSpPr txBox="1"/>
      </xdr:nvSpPr>
      <xdr:spPr>
        <a:xfrm>
          <a:off x="1955800" y="138068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4806</xdr:rowOff>
    </xdr:from>
    <xdr:to>
      <xdr:col>7</xdr:col>
      <xdr:colOff>31750</xdr:colOff>
      <xdr:row>82</xdr:row>
      <xdr:rowOff>106406</xdr:rowOff>
    </xdr:to>
    <xdr:sp macro="" textlink="">
      <xdr:nvSpPr>
        <xdr:cNvPr id="226" name="楕円 225">
          <a:extLst>
            <a:ext uri="{FF2B5EF4-FFF2-40B4-BE49-F238E27FC236}">
              <a16:creationId xmlns:a16="http://schemas.microsoft.com/office/drawing/2014/main" id="{00000000-0008-0000-0300-0000E2000000}"/>
            </a:ext>
          </a:extLst>
        </xdr:cNvPr>
        <xdr:cNvSpPr/>
      </xdr:nvSpPr>
      <xdr:spPr>
        <a:xfrm>
          <a:off x="1397000" y="14063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16583</xdr:rowOff>
    </xdr:from>
    <xdr:ext cx="762000" cy="259045"/>
    <xdr:sp macro="" textlink="">
      <xdr:nvSpPr>
        <xdr:cNvPr id="227" name="テキスト ボックス 226">
          <a:extLst>
            <a:ext uri="{FF2B5EF4-FFF2-40B4-BE49-F238E27FC236}">
              <a16:creationId xmlns:a16="http://schemas.microsoft.com/office/drawing/2014/main" id="{00000000-0008-0000-0300-0000E3000000}"/>
            </a:ext>
          </a:extLst>
        </xdr:cNvPr>
        <xdr:cNvSpPr txBox="1"/>
      </xdr:nvSpPr>
      <xdr:spPr>
        <a:xfrm>
          <a:off x="1066800" y="13832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8" name="正方形/長方形 227">
          <a:extLst>
            <a:ext uri="{FF2B5EF4-FFF2-40B4-BE49-F238E27FC236}">
              <a16:creationId xmlns:a16="http://schemas.microsoft.com/office/drawing/2014/main" id="{00000000-0008-0000-0300-0000E4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9" name="テキスト ボックス 228">
          <a:extLst>
            <a:ext uri="{FF2B5EF4-FFF2-40B4-BE49-F238E27FC236}">
              <a16:creationId xmlns:a16="http://schemas.microsoft.com/office/drawing/2014/main" id="{00000000-0008-0000-0300-0000E5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30" name="テキスト ボックス 229">
          <a:extLst>
            <a:ext uri="{FF2B5EF4-FFF2-40B4-BE49-F238E27FC236}">
              <a16:creationId xmlns:a16="http://schemas.microsoft.com/office/drawing/2014/main" id="{00000000-0008-0000-0300-0000E6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9.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31" name="正方形/長方形 230">
          <a:extLst>
            <a:ext uri="{FF2B5EF4-FFF2-40B4-BE49-F238E27FC236}">
              <a16:creationId xmlns:a16="http://schemas.microsoft.com/office/drawing/2014/main" id="{00000000-0008-0000-0300-0000E7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32" name="正方形/長方形 231">
          <a:extLst>
            <a:ext uri="{FF2B5EF4-FFF2-40B4-BE49-F238E27FC236}">
              <a16:creationId xmlns:a16="http://schemas.microsoft.com/office/drawing/2014/main" id="{00000000-0008-0000-0300-0000E8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33" name="正方形/長方形 232">
          <a:extLst>
            <a:ext uri="{FF2B5EF4-FFF2-40B4-BE49-F238E27FC236}">
              <a16:creationId xmlns:a16="http://schemas.microsoft.com/office/drawing/2014/main" id="{00000000-0008-0000-0300-0000E9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4" name="正方形/長方形 233">
          <a:extLst>
            <a:ext uri="{FF2B5EF4-FFF2-40B4-BE49-F238E27FC236}">
              <a16:creationId xmlns:a16="http://schemas.microsoft.com/office/drawing/2014/main" id="{00000000-0008-0000-0300-0000EA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5" name="正方形/長方形 234">
          <a:extLst>
            <a:ext uri="{FF2B5EF4-FFF2-40B4-BE49-F238E27FC236}">
              <a16:creationId xmlns:a16="http://schemas.microsoft.com/office/drawing/2014/main" id="{00000000-0008-0000-0300-0000EB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6" name="正方形/長方形 235">
          <a:extLst>
            <a:ext uri="{FF2B5EF4-FFF2-40B4-BE49-F238E27FC236}">
              <a16:creationId xmlns:a16="http://schemas.microsoft.com/office/drawing/2014/main" id="{00000000-0008-0000-0300-0000EC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7" name="正方形/長方形 236">
          <a:extLst>
            <a:ext uri="{FF2B5EF4-FFF2-40B4-BE49-F238E27FC236}">
              <a16:creationId xmlns:a16="http://schemas.microsoft.com/office/drawing/2014/main" id="{00000000-0008-0000-0300-0000ED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8" name="正方形/長方形 237">
          <a:extLst>
            <a:ext uri="{FF2B5EF4-FFF2-40B4-BE49-F238E27FC236}">
              <a16:creationId xmlns:a16="http://schemas.microsoft.com/office/drawing/2014/main" id="{00000000-0008-0000-0300-0000EE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9" name="正方形/長方形 238">
          <a:extLst>
            <a:ext uri="{FF2B5EF4-FFF2-40B4-BE49-F238E27FC236}">
              <a16:creationId xmlns:a16="http://schemas.microsoft.com/office/drawing/2014/main" id="{00000000-0008-0000-0300-0000EF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40" name="テキスト ボックス 239">
          <a:extLst>
            <a:ext uri="{FF2B5EF4-FFF2-40B4-BE49-F238E27FC236}">
              <a16:creationId xmlns:a16="http://schemas.microsoft.com/office/drawing/2014/main" id="{00000000-0008-0000-0300-0000F0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毎年の人事院勧告に基づき、国家公務員に準拠することを基本として見直しを行っている。指数に高低差はあるものの、実質の指数は概ね１００程度で推移している。類似団体より若干高めではあるが、神奈川県内市町村の平均値と同水準である。今後も引き続き給与の適正化に努め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41" name="直線コネクタ 240">
          <a:extLst>
            <a:ext uri="{FF2B5EF4-FFF2-40B4-BE49-F238E27FC236}">
              <a16:creationId xmlns:a16="http://schemas.microsoft.com/office/drawing/2014/main" id="{00000000-0008-0000-0300-0000F1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42" name="テキスト ボックス 241">
          <a:extLst>
            <a:ext uri="{FF2B5EF4-FFF2-40B4-BE49-F238E27FC236}">
              <a16:creationId xmlns:a16="http://schemas.microsoft.com/office/drawing/2014/main" id="{00000000-0008-0000-0300-0000F2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43" name="直線コネクタ 242">
          <a:extLst>
            <a:ext uri="{FF2B5EF4-FFF2-40B4-BE49-F238E27FC236}">
              <a16:creationId xmlns:a16="http://schemas.microsoft.com/office/drawing/2014/main" id="{00000000-0008-0000-0300-0000F3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44" name="テキスト ボックス 243">
          <a:extLst>
            <a:ext uri="{FF2B5EF4-FFF2-40B4-BE49-F238E27FC236}">
              <a16:creationId xmlns:a16="http://schemas.microsoft.com/office/drawing/2014/main" id="{00000000-0008-0000-0300-0000F4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5" name="直線コネクタ 244">
          <a:extLst>
            <a:ext uri="{FF2B5EF4-FFF2-40B4-BE49-F238E27FC236}">
              <a16:creationId xmlns:a16="http://schemas.microsoft.com/office/drawing/2014/main" id="{00000000-0008-0000-0300-0000F5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6" name="テキスト ボックス 245">
          <a:extLst>
            <a:ext uri="{FF2B5EF4-FFF2-40B4-BE49-F238E27FC236}">
              <a16:creationId xmlns:a16="http://schemas.microsoft.com/office/drawing/2014/main" id="{00000000-0008-0000-0300-0000F6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7" name="直線コネクタ 246">
          <a:extLst>
            <a:ext uri="{FF2B5EF4-FFF2-40B4-BE49-F238E27FC236}">
              <a16:creationId xmlns:a16="http://schemas.microsoft.com/office/drawing/2014/main" id="{00000000-0008-0000-0300-0000F7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8" name="テキスト ボックス 247">
          <a:extLst>
            <a:ext uri="{FF2B5EF4-FFF2-40B4-BE49-F238E27FC236}">
              <a16:creationId xmlns:a16="http://schemas.microsoft.com/office/drawing/2014/main" id="{00000000-0008-0000-0300-0000F8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9" name="直線コネクタ 248">
          <a:extLst>
            <a:ext uri="{FF2B5EF4-FFF2-40B4-BE49-F238E27FC236}">
              <a16:creationId xmlns:a16="http://schemas.microsoft.com/office/drawing/2014/main" id="{00000000-0008-0000-0300-0000F9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50" name="テキスト ボックス 249">
          <a:extLst>
            <a:ext uri="{FF2B5EF4-FFF2-40B4-BE49-F238E27FC236}">
              <a16:creationId xmlns:a16="http://schemas.microsoft.com/office/drawing/2014/main" id="{00000000-0008-0000-0300-0000FA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51" name="直線コネクタ 250">
          <a:extLst>
            <a:ext uri="{FF2B5EF4-FFF2-40B4-BE49-F238E27FC236}">
              <a16:creationId xmlns:a16="http://schemas.microsoft.com/office/drawing/2014/main" id="{00000000-0008-0000-0300-0000FB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52" name="テキスト ボックス 251">
          <a:extLst>
            <a:ext uri="{FF2B5EF4-FFF2-40B4-BE49-F238E27FC236}">
              <a16:creationId xmlns:a16="http://schemas.microsoft.com/office/drawing/2014/main" id="{00000000-0008-0000-0300-0000FC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53" name="直線コネクタ 252">
          <a:extLst>
            <a:ext uri="{FF2B5EF4-FFF2-40B4-BE49-F238E27FC236}">
              <a16:creationId xmlns:a16="http://schemas.microsoft.com/office/drawing/2014/main" id="{00000000-0008-0000-0300-0000FD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54" name="テキスト ボックス 253">
          <a:extLst>
            <a:ext uri="{FF2B5EF4-FFF2-40B4-BE49-F238E27FC236}">
              <a16:creationId xmlns:a16="http://schemas.microsoft.com/office/drawing/2014/main" id="{00000000-0008-0000-0300-0000FE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5" name="直線コネクタ 254">
          <a:extLst>
            <a:ext uri="{FF2B5EF4-FFF2-40B4-BE49-F238E27FC236}">
              <a16:creationId xmlns:a16="http://schemas.microsoft.com/office/drawing/2014/main" id="{00000000-0008-0000-0300-0000FF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6" name="テキスト ボックス 255">
          <a:extLst>
            <a:ext uri="{FF2B5EF4-FFF2-40B4-BE49-F238E27FC236}">
              <a16:creationId xmlns:a16="http://schemas.microsoft.com/office/drawing/2014/main" id="{00000000-0008-0000-0300-00000001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7" name="給与水準   （国との比較）グラフ枠">
          <a:extLst>
            <a:ext uri="{FF2B5EF4-FFF2-40B4-BE49-F238E27FC236}">
              <a16:creationId xmlns:a16="http://schemas.microsoft.com/office/drawing/2014/main" id="{00000000-0008-0000-0300-00000101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0</xdr:row>
      <xdr:rowOff>147864</xdr:rowOff>
    </xdr:from>
    <xdr:to>
      <xdr:col>81</xdr:col>
      <xdr:colOff>44450</xdr:colOff>
      <xdr:row>89</xdr:row>
      <xdr:rowOff>52614</xdr:rowOff>
    </xdr:to>
    <xdr:cxnSp macro="">
      <xdr:nvCxnSpPr>
        <xdr:cNvPr id="258" name="直線コネクタ 257">
          <a:extLst>
            <a:ext uri="{FF2B5EF4-FFF2-40B4-BE49-F238E27FC236}">
              <a16:creationId xmlns:a16="http://schemas.microsoft.com/office/drawing/2014/main" id="{00000000-0008-0000-0300-000002010000}"/>
            </a:ext>
          </a:extLst>
        </xdr:cNvPr>
        <xdr:cNvCxnSpPr/>
      </xdr:nvCxnSpPr>
      <xdr:spPr>
        <a:xfrm flipV="1">
          <a:off x="17018000" y="13863864"/>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24691</xdr:rowOff>
    </xdr:from>
    <xdr:ext cx="762000" cy="259045"/>
    <xdr:sp macro="" textlink="">
      <xdr:nvSpPr>
        <xdr:cNvPr id="259" name="給与水準   （国との比較）最小値テキスト">
          <a:extLst>
            <a:ext uri="{FF2B5EF4-FFF2-40B4-BE49-F238E27FC236}">
              <a16:creationId xmlns:a16="http://schemas.microsoft.com/office/drawing/2014/main" id="{00000000-0008-0000-0300-000003010000}"/>
            </a:ext>
          </a:extLst>
        </xdr:cNvPr>
        <xdr:cNvSpPr txBox="1"/>
      </xdr:nvSpPr>
      <xdr:spPr>
        <a:xfrm>
          <a:off x="17106900" y="152837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52614</xdr:rowOff>
    </xdr:from>
    <xdr:to>
      <xdr:col>81</xdr:col>
      <xdr:colOff>133350</xdr:colOff>
      <xdr:row>89</xdr:row>
      <xdr:rowOff>52614</xdr:rowOff>
    </xdr:to>
    <xdr:cxnSp macro="">
      <xdr:nvCxnSpPr>
        <xdr:cNvPr id="260" name="直線コネクタ 259">
          <a:extLst>
            <a:ext uri="{FF2B5EF4-FFF2-40B4-BE49-F238E27FC236}">
              <a16:creationId xmlns:a16="http://schemas.microsoft.com/office/drawing/2014/main" id="{00000000-0008-0000-0300-000004010000}"/>
            </a:ext>
          </a:extLst>
        </xdr:cNvPr>
        <xdr:cNvCxnSpPr/>
      </xdr:nvCxnSpPr>
      <xdr:spPr>
        <a:xfrm>
          <a:off x="16929100" y="153116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62791</xdr:rowOff>
    </xdr:from>
    <xdr:ext cx="762000" cy="259045"/>
    <xdr:sp macro="" textlink="">
      <xdr:nvSpPr>
        <xdr:cNvPr id="261" name="給与水準   （国との比較）最大値テキスト">
          <a:extLst>
            <a:ext uri="{FF2B5EF4-FFF2-40B4-BE49-F238E27FC236}">
              <a16:creationId xmlns:a16="http://schemas.microsoft.com/office/drawing/2014/main" id="{00000000-0008-0000-0300-000005010000}"/>
            </a:ext>
          </a:extLst>
        </xdr:cNvPr>
        <xdr:cNvSpPr txBox="1"/>
      </xdr:nvSpPr>
      <xdr:spPr>
        <a:xfrm>
          <a:off x="17106900" y="136073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0</xdr:row>
      <xdr:rowOff>147864</xdr:rowOff>
    </xdr:from>
    <xdr:to>
      <xdr:col>81</xdr:col>
      <xdr:colOff>133350</xdr:colOff>
      <xdr:row>80</xdr:row>
      <xdr:rowOff>147864</xdr:rowOff>
    </xdr:to>
    <xdr:cxnSp macro="">
      <xdr:nvCxnSpPr>
        <xdr:cNvPr id="262" name="直線コネクタ 261">
          <a:extLst>
            <a:ext uri="{FF2B5EF4-FFF2-40B4-BE49-F238E27FC236}">
              <a16:creationId xmlns:a16="http://schemas.microsoft.com/office/drawing/2014/main" id="{00000000-0008-0000-0300-000006010000}"/>
            </a:ext>
          </a:extLst>
        </xdr:cNvPr>
        <xdr:cNvCxnSpPr/>
      </xdr:nvCxnSpPr>
      <xdr:spPr>
        <a:xfrm>
          <a:off x="16929100" y="138638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5421</xdr:rowOff>
    </xdr:from>
    <xdr:to>
      <xdr:col>81</xdr:col>
      <xdr:colOff>44450</xdr:colOff>
      <xdr:row>86</xdr:row>
      <xdr:rowOff>15421</xdr:rowOff>
    </xdr:to>
    <xdr:cxnSp macro="">
      <xdr:nvCxnSpPr>
        <xdr:cNvPr id="263" name="直線コネクタ 262">
          <a:extLst>
            <a:ext uri="{FF2B5EF4-FFF2-40B4-BE49-F238E27FC236}">
              <a16:creationId xmlns:a16="http://schemas.microsoft.com/office/drawing/2014/main" id="{00000000-0008-0000-0300-000007010000}"/>
            </a:ext>
          </a:extLst>
        </xdr:cNvPr>
        <xdr:cNvCxnSpPr/>
      </xdr:nvCxnSpPr>
      <xdr:spPr>
        <a:xfrm>
          <a:off x="16179800" y="14760121"/>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68927</xdr:rowOff>
    </xdr:from>
    <xdr:ext cx="762000" cy="259045"/>
    <xdr:sp macro="" textlink="">
      <xdr:nvSpPr>
        <xdr:cNvPr id="264" name="給与水準   （国との比較）平均値テキスト">
          <a:extLst>
            <a:ext uri="{FF2B5EF4-FFF2-40B4-BE49-F238E27FC236}">
              <a16:creationId xmlns:a16="http://schemas.microsoft.com/office/drawing/2014/main" id="{00000000-0008-0000-0300-000008010000}"/>
            </a:ext>
          </a:extLst>
        </xdr:cNvPr>
        <xdr:cNvSpPr txBox="1"/>
      </xdr:nvSpPr>
      <xdr:spPr>
        <a:xfrm>
          <a:off x="17106900" y="14399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52400</xdr:rowOff>
    </xdr:from>
    <xdr:to>
      <xdr:col>81</xdr:col>
      <xdr:colOff>95250</xdr:colOff>
      <xdr:row>85</xdr:row>
      <xdr:rowOff>82550</xdr:rowOff>
    </xdr:to>
    <xdr:sp macro="" textlink="">
      <xdr:nvSpPr>
        <xdr:cNvPr id="265" name="フローチャート: 判断 264">
          <a:extLst>
            <a:ext uri="{FF2B5EF4-FFF2-40B4-BE49-F238E27FC236}">
              <a16:creationId xmlns:a16="http://schemas.microsoft.com/office/drawing/2014/main" id="{00000000-0008-0000-0300-000009010000}"/>
            </a:ext>
          </a:extLst>
        </xdr:cNvPr>
        <xdr:cNvSpPr/>
      </xdr:nvSpPr>
      <xdr:spPr>
        <a:xfrm>
          <a:off x="16967200" y="1455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5421</xdr:rowOff>
    </xdr:from>
    <xdr:to>
      <xdr:col>77</xdr:col>
      <xdr:colOff>44450</xdr:colOff>
      <xdr:row>86</xdr:row>
      <xdr:rowOff>170543</xdr:rowOff>
    </xdr:to>
    <xdr:cxnSp macro="">
      <xdr:nvCxnSpPr>
        <xdr:cNvPr id="266" name="直線コネクタ 265">
          <a:extLst>
            <a:ext uri="{FF2B5EF4-FFF2-40B4-BE49-F238E27FC236}">
              <a16:creationId xmlns:a16="http://schemas.microsoft.com/office/drawing/2014/main" id="{00000000-0008-0000-0300-00000A010000}"/>
            </a:ext>
          </a:extLst>
        </xdr:cNvPr>
        <xdr:cNvCxnSpPr/>
      </xdr:nvCxnSpPr>
      <xdr:spPr>
        <a:xfrm flipV="1">
          <a:off x="15290800" y="14760121"/>
          <a:ext cx="889000" cy="155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15421</xdr:rowOff>
    </xdr:from>
    <xdr:to>
      <xdr:col>77</xdr:col>
      <xdr:colOff>95250</xdr:colOff>
      <xdr:row>85</xdr:row>
      <xdr:rowOff>117021</xdr:rowOff>
    </xdr:to>
    <xdr:sp macro="" textlink="">
      <xdr:nvSpPr>
        <xdr:cNvPr id="267" name="フローチャート: 判断 266">
          <a:extLst>
            <a:ext uri="{FF2B5EF4-FFF2-40B4-BE49-F238E27FC236}">
              <a16:creationId xmlns:a16="http://schemas.microsoft.com/office/drawing/2014/main" id="{00000000-0008-0000-0300-00000B010000}"/>
            </a:ext>
          </a:extLst>
        </xdr:cNvPr>
        <xdr:cNvSpPr/>
      </xdr:nvSpPr>
      <xdr:spPr>
        <a:xfrm>
          <a:off x="16129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27198</xdr:rowOff>
    </xdr:from>
    <xdr:ext cx="736600" cy="259045"/>
    <xdr:sp macro="" textlink="">
      <xdr:nvSpPr>
        <xdr:cNvPr id="268" name="テキスト ボックス 267">
          <a:extLst>
            <a:ext uri="{FF2B5EF4-FFF2-40B4-BE49-F238E27FC236}">
              <a16:creationId xmlns:a16="http://schemas.microsoft.com/office/drawing/2014/main" id="{00000000-0008-0000-0300-00000C010000}"/>
            </a:ext>
          </a:extLst>
        </xdr:cNvPr>
        <xdr:cNvSpPr txBox="1"/>
      </xdr:nvSpPr>
      <xdr:spPr>
        <a:xfrm>
          <a:off x="15798800" y="143575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84364</xdr:rowOff>
    </xdr:from>
    <xdr:to>
      <xdr:col>72</xdr:col>
      <xdr:colOff>203200</xdr:colOff>
      <xdr:row>86</xdr:row>
      <xdr:rowOff>170543</xdr:rowOff>
    </xdr:to>
    <xdr:cxnSp macro="">
      <xdr:nvCxnSpPr>
        <xdr:cNvPr id="269" name="直線コネクタ 268">
          <a:extLst>
            <a:ext uri="{FF2B5EF4-FFF2-40B4-BE49-F238E27FC236}">
              <a16:creationId xmlns:a16="http://schemas.microsoft.com/office/drawing/2014/main" id="{00000000-0008-0000-0300-00000D010000}"/>
            </a:ext>
          </a:extLst>
        </xdr:cNvPr>
        <xdr:cNvCxnSpPr/>
      </xdr:nvCxnSpPr>
      <xdr:spPr>
        <a:xfrm>
          <a:off x="14401800" y="14829064"/>
          <a:ext cx="889000" cy="86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70" name="フローチャート: 判断 269">
          <a:extLst>
            <a:ext uri="{FF2B5EF4-FFF2-40B4-BE49-F238E27FC236}">
              <a16:creationId xmlns:a16="http://schemas.microsoft.com/office/drawing/2014/main" id="{00000000-0008-0000-0300-00000E010000}"/>
            </a:ext>
          </a:extLst>
        </xdr:cNvPr>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71" name="テキスト ボックス 270">
          <a:extLst>
            <a:ext uri="{FF2B5EF4-FFF2-40B4-BE49-F238E27FC236}">
              <a16:creationId xmlns:a16="http://schemas.microsoft.com/office/drawing/2014/main" id="{00000000-0008-0000-0300-00000F010000}"/>
            </a:ext>
          </a:extLst>
        </xdr:cNvPr>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49893</xdr:rowOff>
    </xdr:from>
    <xdr:to>
      <xdr:col>68</xdr:col>
      <xdr:colOff>152400</xdr:colOff>
      <xdr:row>86</xdr:row>
      <xdr:rowOff>84364</xdr:rowOff>
    </xdr:to>
    <xdr:cxnSp macro="">
      <xdr:nvCxnSpPr>
        <xdr:cNvPr id="272" name="直線コネクタ 271">
          <a:extLst>
            <a:ext uri="{FF2B5EF4-FFF2-40B4-BE49-F238E27FC236}">
              <a16:creationId xmlns:a16="http://schemas.microsoft.com/office/drawing/2014/main" id="{00000000-0008-0000-0300-000010010000}"/>
            </a:ext>
          </a:extLst>
        </xdr:cNvPr>
        <xdr:cNvCxnSpPr/>
      </xdr:nvCxnSpPr>
      <xdr:spPr>
        <a:xfrm>
          <a:off x="13512800" y="14794593"/>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67129</xdr:rowOff>
    </xdr:from>
    <xdr:to>
      <xdr:col>68</xdr:col>
      <xdr:colOff>203200</xdr:colOff>
      <xdr:row>85</xdr:row>
      <xdr:rowOff>168729</xdr:rowOff>
    </xdr:to>
    <xdr:sp macro="" textlink="">
      <xdr:nvSpPr>
        <xdr:cNvPr id="273" name="フローチャート: 判断 272">
          <a:extLst>
            <a:ext uri="{FF2B5EF4-FFF2-40B4-BE49-F238E27FC236}">
              <a16:creationId xmlns:a16="http://schemas.microsoft.com/office/drawing/2014/main" id="{00000000-0008-0000-0300-000011010000}"/>
            </a:ext>
          </a:extLst>
        </xdr:cNvPr>
        <xdr:cNvSpPr/>
      </xdr:nvSpPr>
      <xdr:spPr>
        <a:xfrm>
          <a:off x="14351000" y="146403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7456</xdr:rowOff>
    </xdr:from>
    <xdr:ext cx="762000" cy="259045"/>
    <xdr:sp macro="" textlink="">
      <xdr:nvSpPr>
        <xdr:cNvPr id="274" name="テキスト ボックス 273">
          <a:extLst>
            <a:ext uri="{FF2B5EF4-FFF2-40B4-BE49-F238E27FC236}">
              <a16:creationId xmlns:a16="http://schemas.microsoft.com/office/drawing/2014/main" id="{00000000-0008-0000-0300-000012010000}"/>
            </a:ext>
          </a:extLst>
        </xdr:cNvPr>
        <xdr:cNvSpPr txBox="1"/>
      </xdr:nvSpPr>
      <xdr:spPr>
        <a:xfrm>
          <a:off x="14020800" y="144092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18836</xdr:rowOff>
    </xdr:from>
    <xdr:to>
      <xdr:col>64</xdr:col>
      <xdr:colOff>152400</xdr:colOff>
      <xdr:row>86</xdr:row>
      <xdr:rowOff>48986</xdr:rowOff>
    </xdr:to>
    <xdr:sp macro="" textlink="">
      <xdr:nvSpPr>
        <xdr:cNvPr id="275" name="フローチャート: 判断 274">
          <a:extLst>
            <a:ext uri="{FF2B5EF4-FFF2-40B4-BE49-F238E27FC236}">
              <a16:creationId xmlns:a16="http://schemas.microsoft.com/office/drawing/2014/main" id="{00000000-0008-0000-0300-000013010000}"/>
            </a:ext>
          </a:extLst>
        </xdr:cNvPr>
        <xdr:cNvSpPr/>
      </xdr:nvSpPr>
      <xdr:spPr>
        <a:xfrm>
          <a:off x="13462000" y="14692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59163</xdr:rowOff>
    </xdr:from>
    <xdr:ext cx="762000" cy="259045"/>
    <xdr:sp macro="" textlink="">
      <xdr:nvSpPr>
        <xdr:cNvPr id="276" name="テキスト ボックス 275">
          <a:extLst>
            <a:ext uri="{FF2B5EF4-FFF2-40B4-BE49-F238E27FC236}">
              <a16:creationId xmlns:a16="http://schemas.microsoft.com/office/drawing/2014/main" id="{00000000-0008-0000-0300-000014010000}"/>
            </a:ext>
          </a:extLst>
        </xdr:cNvPr>
        <xdr:cNvSpPr txBox="1"/>
      </xdr:nvSpPr>
      <xdr:spPr>
        <a:xfrm>
          <a:off x="13131800" y="1446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7" name="テキスト ボックス 276">
          <a:extLst>
            <a:ext uri="{FF2B5EF4-FFF2-40B4-BE49-F238E27FC236}">
              <a16:creationId xmlns:a16="http://schemas.microsoft.com/office/drawing/2014/main" id="{00000000-0008-0000-0300-000015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8" name="テキスト ボックス 277">
          <a:extLst>
            <a:ext uri="{FF2B5EF4-FFF2-40B4-BE49-F238E27FC236}">
              <a16:creationId xmlns:a16="http://schemas.microsoft.com/office/drawing/2014/main" id="{00000000-0008-0000-0300-000016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9" name="テキスト ボックス 278">
          <a:extLst>
            <a:ext uri="{FF2B5EF4-FFF2-40B4-BE49-F238E27FC236}">
              <a16:creationId xmlns:a16="http://schemas.microsoft.com/office/drawing/2014/main" id="{00000000-0008-0000-0300-000017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80" name="テキスト ボックス 279">
          <a:extLst>
            <a:ext uri="{FF2B5EF4-FFF2-40B4-BE49-F238E27FC236}">
              <a16:creationId xmlns:a16="http://schemas.microsoft.com/office/drawing/2014/main" id="{00000000-0008-0000-0300-000018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81" name="テキスト ボックス 280">
          <a:extLst>
            <a:ext uri="{FF2B5EF4-FFF2-40B4-BE49-F238E27FC236}">
              <a16:creationId xmlns:a16="http://schemas.microsoft.com/office/drawing/2014/main" id="{00000000-0008-0000-0300-000019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36071</xdr:rowOff>
    </xdr:from>
    <xdr:to>
      <xdr:col>81</xdr:col>
      <xdr:colOff>95250</xdr:colOff>
      <xdr:row>86</xdr:row>
      <xdr:rowOff>66221</xdr:rowOff>
    </xdr:to>
    <xdr:sp macro="" textlink="">
      <xdr:nvSpPr>
        <xdr:cNvPr id="282" name="楕円 281">
          <a:extLst>
            <a:ext uri="{FF2B5EF4-FFF2-40B4-BE49-F238E27FC236}">
              <a16:creationId xmlns:a16="http://schemas.microsoft.com/office/drawing/2014/main" id="{00000000-0008-0000-0300-00001A010000}"/>
            </a:ext>
          </a:extLst>
        </xdr:cNvPr>
        <xdr:cNvSpPr/>
      </xdr:nvSpPr>
      <xdr:spPr>
        <a:xfrm>
          <a:off x="16967200" y="14709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08148</xdr:rowOff>
    </xdr:from>
    <xdr:ext cx="762000" cy="259045"/>
    <xdr:sp macro="" textlink="">
      <xdr:nvSpPr>
        <xdr:cNvPr id="283" name="給与水準   （国との比較）該当値テキスト">
          <a:extLst>
            <a:ext uri="{FF2B5EF4-FFF2-40B4-BE49-F238E27FC236}">
              <a16:creationId xmlns:a16="http://schemas.microsoft.com/office/drawing/2014/main" id="{00000000-0008-0000-0300-00001B010000}"/>
            </a:ext>
          </a:extLst>
        </xdr:cNvPr>
        <xdr:cNvSpPr txBox="1"/>
      </xdr:nvSpPr>
      <xdr:spPr>
        <a:xfrm>
          <a:off x="17106900" y="146813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136071</xdr:rowOff>
    </xdr:from>
    <xdr:to>
      <xdr:col>77</xdr:col>
      <xdr:colOff>95250</xdr:colOff>
      <xdr:row>86</xdr:row>
      <xdr:rowOff>66221</xdr:rowOff>
    </xdr:to>
    <xdr:sp macro="" textlink="">
      <xdr:nvSpPr>
        <xdr:cNvPr id="284" name="楕円 283">
          <a:extLst>
            <a:ext uri="{FF2B5EF4-FFF2-40B4-BE49-F238E27FC236}">
              <a16:creationId xmlns:a16="http://schemas.microsoft.com/office/drawing/2014/main" id="{00000000-0008-0000-0300-00001C010000}"/>
            </a:ext>
          </a:extLst>
        </xdr:cNvPr>
        <xdr:cNvSpPr/>
      </xdr:nvSpPr>
      <xdr:spPr>
        <a:xfrm>
          <a:off x="16129000" y="147093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50998</xdr:rowOff>
    </xdr:from>
    <xdr:ext cx="736600" cy="259045"/>
    <xdr:sp macro="" textlink="">
      <xdr:nvSpPr>
        <xdr:cNvPr id="285" name="テキスト ボックス 284">
          <a:extLst>
            <a:ext uri="{FF2B5EF4-FFF2-40B4-BE49-F238E27FC236}">
              <a16:creationId xmlns:a16="http://schemas.microsoft.com/office/drawing/2014/main" id="{00000000-0008-0000-0300-00001D010000}"/>
            </a:ext>
          </a:extLst>
        </xdr:cNvPr>
        <xdr:cNvSpPr txBox="1"/>
      </xdr:nvSpPr>
      <xdr:spPr>
        <a:xfrm>
          <a:off x="15798800" y="147956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19743</xdr:rowOff>
    </xdr:from>
    <xdr:to>
      <xdr:col>73</xdr:col>
      <xdr:colOff>44450</xdr:colOff>
      <xdr:row>87</xdr:row>
      <xdr:rowOff>49893</xdr:rowOff>
    </xdr:to>
    <xdr:sp macro="" textlink="">
      <xdr:nvSpPr>
        <xdr:cNvPr id="286" name="楕円 285">
          <a:extLst>
            <a:ext uri="{FF2B5EF4-FFF2-40B4-BE49-F238E27FC236}">
              <a16:creationId xmlns:a16="http://schemas.microsoft.com/office/drawing/2014/main" id="{00000000-0008-0000-0300-00001E010000}"/>
            </a:ext>
          </a:extLst>
        </xdr:cNvPr>
        <xdr:cNvSpPr/>
      </xdr:nvSpPr>
      <xdr:spPr>
        <a:xfrm>
          <a:off x="15240000" y="1486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34670</xdr:rowOff>
    </xdr:from>
    <xdr:ext cx="762000" cy="259045"/>
    <xdr:sp macro="" textlink="">
      <xdr:nvSpPr>
        <xdr:cNvPr id="287" name="テキスト ボックス 286">
          <a:extLst>
            <a:ext uri="{FF2B5EF4-FFF2-40B4-BE49-F238E27FC236}">
              <a16:creationId xmlns:a16="http://schemas.microsoft.com/office/drawing/2014/main" id="{00000000-0008-0000-0300-00001F010000}"/>
            </a:ext>
          </a:extLst>
        </xdr:cNvPr>
        <xdr:cNvSpPr txBox="1"/>
      </xdr:nvSpPr>
      <xdr:spPr>
        <a:xfrm>
          <a:off x="14909800" y="14950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33564</xdr:rowOff>
    </xdr:from>
    <xdr:to>
      <xdr:col>68</xdr:col>
      <xdr:colOff>203200</xdr:colOff>
      <xdr:row>86</xdr:row>
      <xdr:rowOff>135164</xdr:rowOff>
    </xdr:to>
    <xdr:sp macro="" textlink="">
      <xdr:nvSpPr>
        <xdr:cNvPr id="288" name="楕円 287">
          <a:extLst>
            <a:ext uri="{FF2B5EF4-FFF2-40B4-BE49-F238E27FC236}">
              <a16:creationId xmlns:a16="http://schemas.microsoft.com/office/drawing/2014/main" id="{00000000-0008-0000-0300-000020010000}"/>
            </a:ext>
          </a:extLst>
        </xdr:cNvPr>
        <xdr:cNvSpPr/>
      </xdr:nvSpPr>
      <xdr:spPr>
        <a:xfrm>
          <a:off x="14351000" y="14778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19941</xdr:rowOff>
    </xdr:from>
    <xdr:ext cx="762000" cy="259045"/>
    <xdr:sp macro="" textlink="">
      <xdr:nvSpPr>
        <xdr:cNvPr id="289" name="テキスト ボックス 288">
          <a:extLst>
            <a:ext uri="{FF2B5EF4-FFF2-40B4-BE49-F238E27FC236}">
              <a16:creationId xmlns:a16="http://schemas.microsoft.com/office/drawing/2014/main" id="{00000000-0008-0000-0300-000021010000}"/>
            </a:ext>
          </a:extLst>
        </xdr:cNvPr>
        <xdr:cNvSpPr txBox="1"/>
      </xdr:nvSpPr>
      <xdr:spPr>
        <a:xfrm>
          <a:off x="14020800" y="148646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70543</xdr:rowOff>
    </xdr:from>
    <xdr:to>
      <xdr:col>64</xdr:col>
      <xdr:colOff>152400</xdr:colOff>
      <xdr:row>86</xdr:row>
      <xdr:rowOff>100693</xdr:rowOff>
    </xdr:to>
    <xdr:sp macro="" textlink="">
      <xdr:nvSpPr>
        <xdr:cNvPr id="290" name="楕円 289">
          <a:extLst>
            <a:ext uri="{FF2B5EF4-FFF2-40B4-BE49-F238E27FC236}">
              <a16:creationId xmlns:a16="http://schemas.microsoft.com/office/drawing/2014/main" id="{00000000-0008-0000-0300-000022010000}"/>
            </a:ext>
          </a:extLst>
        </xdr:cNvPr>
        <xdr:cNvSpPr/>
      </xdr:nvSpPr>
      <xdr:spPr>
        <a:xfrm>
          <a:off x="13462000" y="14743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85470</xdr:rowOff>
    </xdr:from>
    <xdr:ext cx="762000" cy="259045"/>
    <xdr:sp macro="" textlink="">
      <xdr:nvSpPr>
        <xdr:cNvPr id="291" name="テキスト ボックス 290">
          <a:extLst>
            <a:ext uri="{FF2B5EF4-FFF2-40B4-BE49-F238E27FC236}">
              <a16:creationId xmlns:a16="http://schemas.microsoft.com/office/drawing/2014/main" id="{00000000-0008-0000-0300-000023010000}"/>
            </a:ext>
          </a:extLst>
        </xdr:cNvPr>
        <xdr:cNvSpPr txBox="1"/>
      </xdr:nvSpPr>
      <xdr:spPr>
        <a:xfrm>
          <a:off x="13131800" y="148301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92" name="正方形/長方形 291">
          <a:extLst>
            <a:ext uri="{FF2B5EF4-FFF2-40B4-BE49-F238E27FC236}">
              <a16:creationId xmlns:a16="http://schemas.microsoft.com/office/drawing/2014/main" id="{00000000-0008-0000-0300-000024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93" name="テキスト ボックス 292">
          <a:extLst>
            <a:ext uri="{FF2B5EF4-FFF2-40B4-BE49-F238E27FC236}">
              <a16:creationId xmlns:a16="http://schemas.microsoft.com/office/drawing/2014/main" id="{00000000-0008-0000-0300-000025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94" name="テキスト ボックス 293">
          <a:extLst>
            <a:ext uri="{FF2B5EF4-FFF2-40B4-BE49-F238E27FC236}">
              <a16:creationId xmlns:a16="http://schemas.microsoft.com/office/drawing/2014/main" id="{00000000-0008-0000-0300-000026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1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5" name="正方形/長方形 294">
          <a:extLst>
            <a:ext uri="{FF2B5EF4-FFF2-40B4-BE49-F238E27FC236}">
              <a16:creationId xmlns:a16="http://schemas.microsoft.com/office/drawing/2014/main" id="{00000000-0008-0000-0300-000027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6" name="正方形/長方形 295">
          <a:extLst>
            <a:ext uri="{FF2B5EF4-FFF2-40B4-BE49-F238E27FC236}">
              <a16:creationId xmlns:a16="http://schemas.microsoft.com/office/drawing/2014/main" id="{00000000-0008-0000-0300-000028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7" name="正方形/長方形 296">
          <a:extLst>
            <a:ext uri="{FF2B5EF4-FFF2-40B4-BE49-F238E27FC236}">
              <a16:creationId xmlns:a16="http://schemas.microsoft.com/office/drawing/2014/main" id="{00000000-0008-0000-0300-000029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8" name="正方形/長方形 297">
          <a:extLst>
            <a:ext uri="{FF2B5EF4-FFF2-40B4-BE49-F238E27FC236}">
              <a16:creationId xmlns:a16="http://schemas.microsoft.com/office/drawing/2014/main" id="{00000000-0008-0000-0300-00002A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9" name="正方形/長方形 298">
          <a:extLst>
            <a:ext uri="{FF2B5EF4-FFF2-40B4-BE49-F238E27FC236}">
              <a16:creationId xmlns:a16="http://schemas.microsoft.com/office/drawing/2014/main" id="{00000000-0008-0000-0300-00002B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300" name="正方形/長方形 299">
          <a:extLst>
            <a:ext uri="{FF2B5EF4-FFF2-40B4-BE49-F238E27FC236}">
              <a16:creationId xmlns:a16="http://schemas.microsoft.com/office/drawing/2014/main" id="{00000000-0008-0000-0300-00002C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301" name="正方形/長方形 300">
          <a:extLst>
            <a:ext uri="{FF2B5EF4-FFF2-40B4-BE49-F238E27FC236}">
              <a16:creationId xmlns:a16="http://schemas.microsoft.com/office/drawing/2014/main" id="{00000000-0008-0000-0300-00002D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302" name="正方形/長方形 301">
          <a:extLst>
            <a:ext uri="{FF2B5EF4-FFF2-40B4-BE49-F238E27FC236}">
              <a16:creationId xmlns:a16="http://schemas.microsoft.com/office/drawing/2014/main" id="{00000000-0008-0000-0300-00002E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303" name="正方形/長方形 302">
          <a:extLst>
            <a:ext uri="{FF2B5EF4-FFF2-40B4-BE49-F238E27FC236}">
              <a16:creationId xmlns:a16="http://schemas.microsoft.com/office/drawing/2014/main" id="{00000000-0008-0000-0300-00002F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304" name="テキスト ボックス 303">
          <a:extLst>
            <a:ext uri="{FF2B5EF4-FFF2-40B4-BE49-F238E27FC236}">
              <a16:creationId xmlns:a16="http://schemas.microsoft.com/office/drawing/2014/main" id="{00000000-0008-0000-0300-000030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新型コロナウイルス感染症関連業務の増加等の臨時的な要因により、</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職員数は増加傾向にあるが、類似団体平均と同規模となっている。引き続き経常的経費である人件費の抑制を図るため、限られた職員数を適切に配分していく一方、適正な水準による行政サービスの提供を維持していくため、事務事業の見直し、ＩＣＴの導入、組織・機構の再編などを推進するとともに、今後の公務員の定年延長なども考慮しながら、定員管理計画により適正な職員数を確保していく。</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305" name="テキスト ボックス 304">
          <a:extLst>
            <a:ext uri="{FF2B5EF4-FFF2-40B4-BE49-F238E27FC236}">
              <a16:creationId xmlns:a16="http://schemas.microsoft.com/office/drawing/2014/main" id="{00000000-0008-0000-0300-000031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6" name="直線コネクタ 305">
          <a:extLst>
            <a:ext uri="{FF2B5EF4-FFF2-40B4-BE49-F238E27FC236}">
              <a16:creationId xmlns:a16="http://schemas.microsoft.com/office/drawing/2014/main" id="{00000000-0008-0000-0300-000032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7" name="テキスト ボックス 306">
          <a:extLst>
            <a:ext uri="{FF2B5EF4-FFF2-40B4-BE49-F238E27FC236}">
              <a16:creationId xmlns:a16="http://schemas.microsoft.com/office/drawing/2014/main" id="{00000000-0008-0000-0300-000033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308" name="直線コネクタ 307">
          <a:extLst>
            <a:ext uri="{FF2B5EF4-FFF2-40B4-BE49-F238E27FC236}">
              <a16:creationId xmlns:a16="http://schemas.microsoft.com/office/drawing/2014/main" id="{00000000-0008-0000-0300-000034010000}"/>
            </a:ext>
          </a:extLst>
        </xdr:cNvPr>
        <xdr:cNvCxnSpPr/>
      </xdr:nvCxnSpPr>
      <xdr:spPr>
        <a:xfrm>
          <a:off x="12827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309" name="テキスト ボックス 308">
          <a:extLst>
            <a:ext uri="{FF2B5EF4-FFF2-40B4-BE49-F238E27FC236}">
              <a16:creationId xmlns:a16="http://schemas.microsoft.com/office/drawing/2014/main" id="{00000000-0008-0000-0300-000035010000}"/>
            </a:ext>
          </a:extLst>
        </xdr:cNvPr>
        <xdr:cNvSpPr txBox="1"/>
      </xdr:nvSpPr>
      <xdr:spPr>
        <a:xfrm>
          <a:off x="1206500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10" name="直線コネクタ 309">
          <a:extLst>
            <a:ext uri="{FF2B5EF4-FFF2-40B4-BE49-F238E27FC236}">
              <a16:creationId xmlns:a16="http://schemas.microsoft.com/office/drawing/2014/main" id="{00000000-0008-0000-0300-000036010000}"/>
            </a:ext>
          </a:extLst>
        </xdr:cNvPr>
        <xdr:cNvCxnSpPr/>
      </xdr:nvCxnSpPr>
      <xdr:spPr>
        <a:xfrm>
          <a:off x="12827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11" name="テキスト ボックス 310">
          <a:extLst>
            <a:ext uri="{FF2B5EF4-FFF2-40B4-BE49-F238E27FC236}">
              <a16:creationId xmlns:a16="http://schemas.microsoft.com/office/drawing/2014/main" id="{00000000-0008-0000-0300-000037010000}"/>
            </a:ext>
          </a:extLst>
        </xdr:cNvPr>
        <xdr:cNvSpPr txBox="1"/>
      </xdr:nvSpPr>
      <xdr:spPr>
        <a:xfrm>
          <a:off x="1206500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12" name="直線コネクタ 311">
          <a:extLst>
            <a:ext uri="{FF2B5EF4-FFF2-40B4-BE49-F238E27FC236}">
              <a16:creationId xmlns:a16="http://schemas.microsoft.com/office/drawing/2014/main" id="{00000000-0008-0000-0300-000038010000}"/>
            </a:ext>
          </a:extLst>
        </xdr:cNvPr>
        <xdr:cNvCxnSpPr/>
      </xdr:nvCxnSpPr>
      <xdr:spPr>
        <a:xfrm>
          <a:off x="12827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13" name="テキスト ボックス 312">
          <a:extLst>
            <a:ext uri="{FF2B5EF4-FFF2-40B4-BE49-F238E27FC236}">
              <a16:creationId xmlns:a16="http://schemas.microsoft.com/office/drawing/2014/main" id="{00000000-0008-0000-0300-000039010000}"/>
            </a:ext>
          </a:extLst>
        </xdr:cNvPr>
        <xdr:cNvSpPr txBox="1"/>
      </xdr:nvSpPr>
      <xdr:spPr>
        <a:xfrm>
          <a:off x="120650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14" name="直線コネクタ 313">
          <a:extLst>
            <a:ext uri="{FF2B5EF4-FFF2-40B4-BE49-F238E27FC236}">
              <a16:creationId xmlns:a16="http://schemas.microsoft.com/office/drawing/2014/main" id="{00000000-0008-0000-0300-00003A010000}"/>
            </a:ext>
          </a:extLst>
        </xdr:cNvPr>
        <xdr:cNvCxnSpPr/>
      </xdr:nvCxnSpPr>
      <xdr:spPr>
        <a:xfrm>
          <a:off x="12827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15" name="テキスト ボックス 314">
          <a:extLst>
            <a:ext uri="{FF2B5EF4-FFF2-40B4-BE49-F238E27FC236}">
              <a16:creationId xmlns:a16="http://schemas.microsoft.com/office/drawing/2014/main" id="{00000000-0008-0000-0300-00003B010000}"/>
            </a:ext>
          </a:extLst>
        </xdr:cNvPr>
        <xdr:cNvSpPr txBox="1"/>
      </xdr:nvSpPr>
      <xdr:spPr>
        <a:xfrm>
          <a:off x="1206500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16" name="直線コネクタ 315">
          <a:extLst>
            <a:ext uri="{FF2B5EF4-FFF2-40B4-BE49-F238E27FC236}">
              <a16:creationId xmlns:a16="http://schemas.microsoft.com/office/drawing/2014/main" id="{00000000-0008-0000-0300-00003C010000}"/>
            </a:ext>
          </a:extLst>
        </xdr:cNvPr>
        <xdr:cNvCxnSpPr/>
      </xdr:nvCxnSpPr>
      <xdr:spPr>
        <a:xfrm>
          <a:off x="12827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17" name="テキスト ボックス 316">
          <a:extLst>
            <a:ext uri="{FF2B5EF4-FFF2-40B4-BE49-F238E27FC236}">
              <a16:creationId xmlns:a16="http://schemas.microsoft.com/office/drawing/2014/main" id="{00000000-0008-0000-0300-00003D010000}"/>
            </a:ext>
          </a:extLst>
        </xdr:cNvPr>
        <xdr:cNvSpPr txBox="1"/>
      </xdr:nvSpPr>
      <xdr:spPr>
        <a:xfrm>
          <a:off x="1206500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8" name="直線コネクタ 317">
          <a:extLst>
            <a:ext uri="{FF2B5EF4-FFF2-40B4-BE49-F238E27FC236}">
              <a16:creationId xmlns:a16="http://schemas.microsoft.com/office/drawing/2014/main" id="{00000000-0008-0000-0300-00003E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9" name="テキスト ボックス 318">
          <a:extLst>
            <a:ext uri="{FF2B5EF4-FFF2-40B4-BE49-F238E27FC236}">
              <a16:creationId xmlns:a16="http://schemas.microsoft.com/office/drawing/2014/main" id="{00000000-0008-0000-0300-00003F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20" name="定員管理の状況グラフ枠">
          <a:extLst>
            <a:ext uri="{FF2B5EF4-FFF2-40B4-BE49-F238E27FC236}">
              <a16:creationId xmlns:a16="http://schemas.microsoft.com/office/drawing/2014/main" id="{00000000-0008-0000-0300-000040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108373</xdr:rowOff>
    </xdr:from>
    <xdr:to>
      <xdr:col>81</xdr:col>
      <xdr:colOff>44450</xdr:colOff>
      <xdr:row>66</xdr:row>
      <xdr:rowOff>162983</xdr:rowOff>
    </xdr:to>
    <xdr:cxnSp macro="">
      <xdr:nvCxnSpPr>
        <xdr:cNvPr id="321" name="直線コネクタ 320">
          <a:extLst>
            <a:ext uri="{FF2B5EF4-FFF2-40B4-BE49-F238E27FC236}">
              <a16:creationId xmlns:a16="http://schemas.microsoft.com/office/drawing/2014/main" id="{00000000-0008-0000-0300-000041010000}"/>
            </a:ext>
          </a:extLst>
        </xdr:cNvPr>
        <xdr:cNvCxnSpPr/>
      </xdr:nvCxnSpPr>
      <xdr:spPr>
        <a:xfrm flipV="1">
          <a:off x="17018000" y="10223923"/>
          <a:ext cx="0" cy="125476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35060</xdr:rowOff>
    </xdr:from>
    <xdr:ext cx="762000" cy="259045"/>
    <xdr:sp macro="" textlink="">
      <xdr:nvSpPr>
        <xdr:cNvPr id="322" name="定員管理の状況最小値テキスト">
          <a:extLst>
            <a:ext uri="{FF2B5EF4-FFF2-40B4-BE49-F238E27FC236}">
              <a16:creationId xmlns:a16="http://schemas.microsoft.com/office/drawing/2014/main" id="{00000000-0008-0000-0300-000042010000}"/>
            </a:ext>
          </a:extLst>
        </xdr:cNvPr>
        <xdr:cNvSpPr txBox="1"/>
      </xdr:nvSpPr>
      <xdr:spPr>
        <a:xfrm>
          <a:off x="17106900" y="11450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62983</xdr:rowOff>
    </xdr:from>
    <xdr:to>
      <xdr:col>81</xdr:col>
      <xdr:colOff>133350</xdr:colOff>
      <xdr:row>66</xdr:row>
      <xdr:rowOff>162983</xdr:rowOff>
    </xdr:to>
    <xdr:cxnSp macro="">
      <xdr:nvCxnSpPr>
        <xdr:cNvPr id="323" name="直線コネクタ 322">
          <a:extLst>
            <a:ext uri="{FF2B5EF4-FFF2-40B4-BE49-F238E27FC236}">
              <a16:creationId xmlns:a16="http://schemas.microsoft.com/office/drawing/2014/main" id="{00000000-0008-0000-0300-000043010000}"/>
            </a:ext>
          </a:extLst>
        </xdr:cNvPr>
        <xdr:cNvCxnSpPr/>
      </xdr:nvCxnSpPr>
      <xdr:spPr>
        <a:xfrm>
          <a:off x="16929100" y="11478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23300</xdr:rowOff>
    </xdr:from>
    <xdr:ext cx="762000" cy="259045"/>
    <xdr:sp macro="" textlink="">
      <xdr:nvSpPr>
        <xdr:cNvPr id="324" name="定員管理の状況最大値テキスト">
          <a:extLst>
            <a:ext uri="{FF2B5EF4-FFF2-40B4-BE49-F238E27FC236}">
              <a16:creationId xmlns:a16="http://schemas.microsoft.com/office/drawing/2014/main" id="{00000000-0008-0000-0300-000044010000}"/>
            </a:ext>
          </a:extLst>
        </xdr:cNvPr>
        <xdr:cNvSpPr txBox="1"/>
      </xdr:nvSpPr>
      <xdr:spPr>
        <a:xfrm>
          <a:off x="17106900" y="99674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108373</xdr:rowOff>
    </xdr:from>
    <xdr:to>
      <xdr:col>81</xdr:col>
      <xdr:colOff>133350</xdr:colOff>
      <xdr:row>59</xdr:row>
      <xdr:rowOff>108373</xdr:rowOff>
    </xdr:to>
    <xdr:cxnSp macro="">
      <xdr:nvCxnSpPr>
        <xdr:cNvPr id="325" name="直線コネクタ 324">
          <a:extLst>
            <a:ext uri="{FF2B5EF4-FFF2-40B4-BE49-F238E27FC236}">
              <a16:creationId xmlns:a16="http://schemas.microsoft.com/office/drawing/2014/main" id="{00000000-0008-0000-0300-000045010000}"/>
            </a:ext>
          </a:extLst>
        </xdr:cNvPr>
        <xdr:cNvCxnSpPr/>
      </xdr:nvCxnSpPr>
      <xdr:spPr>
        <a:xfrm>
          <a:off x="16929100" y="102239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9737</xdr:rowOff>
    </xdr:from>
    <xdr:to>
      <xdr:col>81</xdr:col>
      <xdr:colOff>44450</xdr:colOff>
      <xdr:row>63</xdr:row>
      <xdr:rowOff>13758</xdr:rowOff>
    </xdr:to>
    <xdr:cxnSp macro="">
      <xdr:nvCxnSpPr>
        <xdr:cNvPr id="326" name="直線コネクタ 325">
          <a:extLst>
            <a:ext uri="{FF2B5EF4-FFF2-40B4-BE49-F238E27FC236}">
              <a16:creationId xmlns:a16="http://schemas.microsoft.com/office/drawing/2014/main" id="{00000000-0008-0000-0300-000046010000}"/>
            </a:ext>
          </a:extLst>
        </xdr:cNvPr>
        <xdr:cNvCxnSpPr/>
      </xdr:nvCxnSpPr>
      <xdr:spPr>
        <a:xfrm>
          <a:off x="16179800" y="10811087"/>
          <a:ext cx="838200" cy="40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50935</xdr:rowOff>
    </xdr:from>
    <xdr:ext cx="762000" cy="259045"/>
    <xdr:sp macro="" textlink="">
      <xdr:nvSpPr>
        <xdr:cNvPr id="327" name="定員管理の状況平均値テキスト">
          <a:extLst>
            <a:ext uri="{FF2B5EF4-FFF2-40B4-BE49-F238E27FC236}">
              <a16:creationId xmlns:a16="http://schemas.microsoft.com/office/drawing/2014/main" id="{00000000-0008-0000-0300-000047010000}"/>
            </a:ext>
          </a:extLst>
        </xdr:cNvPr>
        <xdr:cNvSpPr txBox="1"/>
      </xdr:nvSpPr>
      <xdr:spPr>
        <a:xfrm>
          <a:off x="17106900" y="106093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34408</xdr:rowOff>
    </xdr:from>
    <xdr:to>
      <xdr:col>81</xdr:col>
      <xdr:colOff>95250</xdr:colOff>
      <xdr:row>63</xdr:row>
      <xdr:rowOff>64558</xdr:rowOff>
    </xdr:to>
    <xdr:sp macro="" textlink="">
      <xdr:nvSpPr>
        <xdr:cNvPr id="328" name="フローチャート: 判断 327">
          <a:extLst>
            <a:ext uri="{FF2B5EF4-FFF2-40B4-BE49-F238E27FC236}">
              <a16:creationId xmlns:a16="http://schemas.microsoft.com/office/drawing/2014/main" id="{00000000-0008-0000-0300-000048010000}"/>
            </a:ext>
          </a:extLst>
        </xdr:cNvPr>
        <xdr:cNvSpPr/>
      </xdr:nvSpPr>
      <xdr:spPr>
        <a:xfrm>
          <a:off x="16967200" y="10764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69121</xdr:rowOff>
    </xdr:from>
    <xdr:to>
      <xdr:col>77</xdr:col>
      <xdr:colOff>44450</xdr:colOff>
      <xdr:row>63</xdr:row>
      <xdr:rowOff>9737</xdr:rowOff>
    </xdr:to>
    <xdr:cxnSp macro="">
      <xdr:nvCxnSpPr>
        <xdr:cNvPr id="329" name="直線コネクタ 328">
          <a:extLst>
            <a:ext uri="{FF2B5EF4-FFF2-40B4-BE49-F238E27FC236}">
              <a16:creationId xmlns:a16="http://schemas.microsoft.com/office/drawing/2014/main" id="{00000000-0008-0000-0300-000049010000}"/>
            </a:ext>
          </a:extLst>
        </xdr:cNvPr>
        <xdr:cNvCxnSpPr/>
      </xdr:nvCxnSpPr>
      <xdr:spPr>
        <a:xfrm>
          <a:off x="15290800" y="10799021"/>
          <a:ext cx="889000" cy="1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126365</xdr:rowOff>
    </xdr:from>
    <xdr:to>
      <xdr:col>77</xdr:col>
      <xdr:colOff>95250</xdr:colOff>
      <xdr:row>63</xdr:row>
      <xdr:rowOff>56515</xdr:rowOff>
    </xdr:to>
    <xdr:sp macro="" textlink="">
      <xdr:nvSpPr>
        <xdr:cNvPr id="330" name="フローチャート: 判断 329">
          <a:extLst>
            <a:ext uri="{FF2B5EF4-FFF2-40B4-BE49-F238E27FC236}">
              <a16:creationId xmlns:a16="http://schemas.microsoft.com/office/drawing/2014/main" id="{00000000-0008-0000-0300-00004A010000}"/>
            </a:ext>
          </a:extLst>
        </xdr:cNvPr>
        <xdr:cNvSpPr/>
      </xdr:nvSpPr>
      <xdr:spPr>
        <a:xfrm>
          <a:off x="16129000" y="10756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66692</xdr:rowOff>
    </xdr:from>
    <xdr:ext cx="736600" cy="259045"/>
    <xdr:sp macro="" textlink="">
      <xdr:nvSpPr>
        <xdr:cNvPr id="331" name="テキスト ボックス 330">
          <a:extLst>
            <a:ext uri="{FF2B5EF4-FFF2-40B4-BE49-F238E27FC236}">
              <a16:creationId xmlns:a16="http://schemas.microsoft.com/office/drawing/2014/main" id="{00000000-0008-0000-0300-00004B010000}"/>
            </a:ext>
          </a:extLst>
        </xdr:cNvPr>
        <xdr:cNvSpPr txBox="1"/>
      </xdr:nvSpPr>
      <xdr:spPr>
        <a:xfrm>
          <a:off x="15798800" y="105251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169121</xdr:rowOff>
    </xdr:from>
    <xdr:to>
      <xdr:col>72</xdr:col>
      <xdr:colOff>203200</xdr:colOff>
      <xdr:row>63</xdr:row>
      <xdr:rowOff>15769</xdr:rowOff>
    </xdr:to>
    <xdr:cxnSp macro="">
      <xdr:nvCxnSpPr>
        <xdr:cNvPr id="332" name="直線コネクタ 331">
          <a:extLst>
            <a:ext uri="{FF2B5EF4-FFF2-40B4-BE49-F238E27FC236}">
              <a16:creationId xmlns:a16="http://schemas.microsoft.com/office/drawing/2014/main" id="{00000000-0008-0000-0300-00004C010000}"/>
            </a:ext>
          </a:extLst>
        </xdr:cNvPr>
        <xdr:cNvCxnSpPr/>
      </xdr:nvCxnSpPr>
      <xdr:spPr>
        <a:xfrm flipV="1">
          <a:off x="14401800" y="10799021"/>
          <a:ext cx="889000" cy="18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124354</xdr:rowOff>
    </xdr:from>
    <xdr:to>
      <xdr:col>73</xdr:col>
      <xdr:colOff>44450</xdr:colOff>
      <xdr:row>63</xdr:row>
      <xdr:rowOff>54504</xdr:rowOff>
    </xdr:to>
    <xdr:sp macro="" textlink="">
      <xdr:nvSpPr>
        <xdr:cNvPr id="333" name="フローチャート: 判断 332">
          <a:extLst>
            <a:ext uri="{FF2B5EF4-FFF2-40B4-BE49-F238E27FC236}">
              <a16:creationId xmlns:a16="http://schemas.microsoft.com/office/drawing/2014/main" id="{00000000-0008-0000-0300-00004D010000}"/>
            </a:ext>
          </a:extLst>
        </xdr:cNvPr>
        <xdr:cNvSpPr/>
      </xdr:nvSpPr>
      <xdr:spPr>
        <a:xfrm>
          <a:off x="15240000" y="10754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3</xdr:row>
      <xdr:rowOff>39281</xdr:rowOff>
    </xdr:from>
    <xdr:ext cx="762000" cy="259045"/>
    <xdr:sp macro="" textlink="">
      <xdr:nvSpPr>
        <xdr:cNvPr id="334" name="テキスト ボックス 333">
          <a:extLst>
            <a:ext uri="{FF2B5EF4-FFF2-40B4-BE49-F238E27FC236}">
              <a16:creationId xmlns:a16="http://schemas.microsoft.com/office/drawing/2014/main" id="{00000000-0008-0000-0300-00004E010000}"/>
            </a:ext>
          </a:extLst>
        </xdr:cNvPr>
        <xdr:cNvSpPr txBox="1"/>
      </xdr:nvSpPr>
      <xdr:spPr>
        <a:xfrm>
          <a:off x="14909800" y="10840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3</xdr:row>
      <xdr:rowOff>15769</xdr:rowOff>
    </xdr:from>
    <xdr:to>
      <xdr:col>68</xdr:col>
      <xdr:colOff>152400</xdr:colOff>
      <xdr:row>63</xdr:row>
      <xdr:rowOff>17780</xdr:rowOff>
    </xdr:to>
    <xdr:cxnSp macro="">
      <xdr:nvCxnSpPr>
        <xdr:cNvPr id="335" name="直線コネクタ 334">
          <a:extLst>
            <a:ext uri="{FF2B5EF4-FFF2-40B4-BE49-F238E27FC236}">
              <a16:creationId xmlns:a16="http://schemas.microsoft.com/office/drawing/2014/main" id="{00000000-0008-0000-0300-00004F010000}"/>
            </a:ext>
          </a:extLst>
        </xdr:cNvPr>
        <xdr:cNvCxnSpPr/>
      </xdr:nvCxnSpPr>
      <xdr:spPr>
        <a:xfrm flipV="1">
          <a:off x="13512800" y="10817119"/>
          <a:ext cx="889000" cy="20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114300</xdr:rowOff>
    </xdr:from>
    <xdr:to>
      <xdr:col>68</xdr:col>
      <xdr:colOff>203200</xdr:colOff>
      <xdr:row>63</xdr:row>
      <xdr:rowOff>44450</xdr:rowOff>
    </xdr:to>
    <xdr:sp macro="" textlink="">
      <xdr:nvSpPr>
        <xdr:cNvPr id="336" name="フローチャート: 判断 335">
          <a:extLst>
            <a:ext uri="{FF2B5EF4-FFF2-40B4-BE49-F238E27FC236}">
              <a16:creationId xmlns:a16="http://schemas.microsoft.com/office/drawing/2014/main" id="{00000000-0008-0000-0300-000050010000}"/>
            </a:ext>
          </a:extLst>
        </xdr:cNvPr>
        <xdr:cNvSpPr/>
      </xdr:nvSpPr>
      <xdr:spPr>
        <a:xfrm>
          <a:off x="14351000" y="1074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1</xdr:row>
      <xdr:rowOff>54627</xdr:rowOff>
    </xdr:from>
    <xdr:ext cx="762000" cy="259045"/>
    <xdr:sp macro="" textlink="">
      <xdr:nvSpPr>
        <xdr:cNvPr id="337" name="テキスト ボックス 336">
          <a:extLst>
            <a:ext uri="{FF2B5EF4-FFF2-40B4-BE49-F238E27FC236}">
              <a16:creationId xmlns:a16="http://schemas.microsoft.com/office/drawing/2014/main" id="{00000000-0008-0000-0300-000051010000}"/>
            </a:ext>
          </a:extLst>
        </xdr:cNvPr>
        <xdr:cNvSpPr txBox="1"/>
      </xdr:nvSpPr>
      <xdr:spPr>
        <a:xfrm>
          <a:off x="14020800" y="1051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08268</xdr:rowOff>
    </xdr:from>
    <xdr:to>
      <xdr:col>64</xdr:col>
      <xdr:colOff>152400</xdr:colOff>
      <xdr:row>63</xdr:row>
      <xdr:rowOff>38418</xdr:rowOff>
    </xdr:to>
    <xdr:sp macro="" textlink="">
      <xdr:nvSpPr>
        <xdr:cNvPr id="338" name="フローチャート: 判断 337">
          <a:extLst>
            <a:ext uri="{FF2B5EF4-FFF2-40B4-BE49-F238E27FC236}">
              <a16:creationId xmlns:a16="http://schemas.microsoft.com/office/drawing/2014/main" id="{00000000-0008-0000-0300-000052010000}"/>
            </a:ext>
          </a:extLst>
        </xdr:cNvPr>
        <xdr:cNvSpPr/>
      </xdr:nvSpPr>
      <xdr:spPr>
        <a:xfrm>
          <a:off x="13462000" y="10738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1</xdr:row>
      <xdr:rowOff>48595</xdr:rowOff>
    </xdr:from>
    <xdr:ext cx="762000" cy="259045"/>
    <xdr:sp macro="" textlink="">
      <xdr:nvSpPr>
        <xdr:cNvPr id="339" name="テキスト ボックス 338">
          <a:extLst>
            <a:ext uri="{FF2B5EF4-FFF2-40B4-BE49-F238E27FC236}">
              <a16:creationId xmlns:a16="http://schemas.microsoft.com/office/drawing/2014/main" id="{00000000-0008-0000-0300-000053010000}"/>
            </a:ext>
          </a:extLst>
        </xdr:cNvPr>
        <xdr:cNvSpPr txBox="1"/>
      </xdr:nvSpPr>
      <xdr:spPr>
        <a:xfrm>
          <a:off x="13131800" y="10507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40" name="テキスト ボックス 339">
          <a:extLst>
            <a:ext uri="{FF2B5EF4-FFF2-40B4-BE49-F238E27FC236}">
              <a16:creationId xmlns:a16="http://schemas.microsoft.com/office/drawing/2014/main" id="{00000000-0008-0000-0300-000054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41" name="テキスト ボックス 340">
          <a:extLst>
            <a:ext uri="{FF2B5EF4-FFF2-40B4-BE49-F238E27FC236}">
              <a16:creationId xmlns:a16="http://schemas.microsoft.com/office/drawing/2014/main" id="{00000000-0008-0000-0300-000055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42" name="テキスト ボックス 341">
          <a:extLst>
            <a:ext uri="{FF2B5EF4-FFF2-40B4-BE49-F238E27FC236}">
              <a16:creationId xmlns:a16="http://schemas.microsoft.com/office/drawing/2014/main" id="{00000000-0008-0000-0300-000056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3" name="テキスト ボックス 342">
          <a:extLst>
            <a:ext uri="{FF2B5EF4-FFF2-40B4-BE49-F238E27FC236}">
              <a16:creationId xmlns:a16="http://schemas.microsoft.com/office/drawing/2014/main" id="{00000000-0008-0000-0300-000057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4" name="テキスト ボックス 343">
          <a:extLst>
            <a:ext uri="{FF2B5EF4-FFF2-40B4-BE49-F238E27FC236}">
              <a16:creationId xmlns:a16="http://schemas.microsoft.com/office/drawing/2014/main" id="{00000000-0008-0000-0300-000058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134408</xdr:rowOff>
    </xdr:from>
    <xdr:to>
      <xdr:col>81</xdr:col>
      <xdr:colOff>95250</xdr:colOff>
      <xdr:row>63</xdr:row>
      <xdr:rowOff>64558</xdr:rowOff>
    </xdr:to>
    <xdr:sp macro="" textlink="">
      <xdr:nvSpPr>
        <xdr:cNvPr id="345" name="楕円 344">
          <a:extLst>
            <a:ext uri="{FF2B5EF4-FFF2-40B4-BE49-F238E27FC236}">
              <a16:creationId xmlns:a16="http://schemas.microsoft.com/office/drawing/2014/main" id="{00000000-0008-0000-0300-000059010000}"/>
            </a:ext>
          </a:extLst>
        </xdr:cNvPr>
        <xdr:cNvSpPr/>
      </xdr:nvSpPr>
      <xdr:spPr>
        <a:xfrm>
          <a:off x="16967200" y="10764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2</xdr:row>
      <xdr:rowOff>106485</xdr:rowOff>
    </xdr:from>
    <xdr:ext cx="762000" cy="259045"/>
    <xdr:sp macro="" textlink="">
      <xdr:nvSpPr>
        <xdr:cNvPr id="346" name="定員管理の状況該当値テキスト">
          <a:extLst>
            <a:ext uri="{FF2B5EF4-FFF2-40B4-BE49-F238E27FC236}">
              <a16:creationId xmlns:a16="http://schemas.microsoft.com/office/drawing/2014/main" id="{00000000-0008-0000-0300-00005A010000}"/>
            </a:ext>
          </a:extLst>
        </xdr:cNvPr>
        <xdr:cNvSpPr txBox="1"/>
      </xdr:nvSpPr>
      <xdr:spPr>
        <a:xfrm>
          <a:off x="17106900" y="10736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2</xdr:row>
      <xdr:rowOff>130387</xdr:rowOff>
    </xdr:from>
    <xdr:to>
      <xdr:col>77</xdr:col>
      <xdr:colOff>95250</xdr:colOff>
      <xdr:row>63</xdr:row>
      <xdr:rowOff>60537</xdr:rowOff>
    </xdr:to>
    <xdr:sp macro="" textlink="">
      <xdr:nvSpPr>
        <xdr:cNvPr id="347" name="楕円 346">
          <a:extLst>
            <a:ext uri="{FF2B5EF4-FFF2-40B4-BE49-F238E27FC236}">
              <a16:creationId xmlns:a16="http://schemas.microsoft.com/office/drawing/2014/main" id="{00000000-0008-0000-0300-00005B010000}"/>
            </a:ext>
          </a:extLst>
        </xdr:cNvPr>
        <xdr:cNvSpPr/>
      </xdr:nvSpPr>
      <xdr:spPr>
        <a:xfrm>
          <a:off x="16129000" y="10760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3</xdr:row>
      <xdr:rowOff>45314</xdr:rowOff>
    </xdr:from>
    <xdr:ext cx="736600" cy="259045"/>
    <xdr:sp macro="" textlink="">
      <xdr:nvSpPr>
        <xdr:cNvPr id="348" name="テキスト ボックス 347">
          <a:extLst>
            <a:ext uri="{FF2B5EF4-FFF2-40B4-BE49-F238E27FC236}">
              <a16:creationId xmlns:a16="http://schemas.microsoft.com/office/drawing/2014/main" id="{00000000-0008-0000-0300-00005C010000}"/>
            </a:ext>
          </a:extLst>
        </xdr:cNvPr>
        <xdr:cNvSpPr txBox="1"/>
      </xdr:nvSpPr>
      <xdr:spPr>
        <a:xfrm>
          <a:off x="15798800" y="108466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2</xdr:row>
      <xdr:rowOff>118321</xdr:rowOff>
    </xdr:from>
    <xdr:to>
      <xdr:col>73</xdr:col>
      <xdr:colOff>44450</xdr:colOff>
      <xdr:row>63</xdr:row>
      <xdr:rowOff>48471</xdr:rowOff>
    </xdr:to>
    <xdr:sp macro="" textlink="">
      <xdr:nvSpPr>
        <xdr:cNvPr id="349" name="楕円 348">
          <a:extLst>
            <a:ext uri="{FF2B5EF4-FFF2-40B4-BE49-F238E27FC236}">
              <a16:creationId xmlns:a16="http://schemas.microsoft.com/office/drawing/2014/main" id="{00000000-0008-0000-0300-00005D010000}"/>
            </a:ext>
          </a:extLst>
        </xdr:cNvPr>
        <xdr:cNvSpPr/>
      </xdr:nvSpPr>
      <xdr:spPr>
        <a:xfrm>
          <a:off x="15240000" y="107482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58648</xdr:rowOff>
    </xdr:from>
    <xdr:ext cx="762000" cy="259045"/>
    <xdr:sp macro="" textlink="">
      <xdr:nvSpPr>
        <xdr:cNvPr id="350" name="テキスト ボックス 349">
          <a:extLst>
            <a:ext uri="{FF2B5EF4-FFF2-40B4-BE49-F238E27FC236}">
              <a16:creationId xmlns:a16="http://schemas.microsoft.com/office/drawing/2014/main" id="{00000000-0008-0000-0300-00005E010000}"/>
            </a:ext>
          </a:extLst>
        </xdr:cNvPr>
        <xdr:cNvSpPr txBox="1"/>
      </xdr:nvSpPr>
      <xdr:spPr>
        <a:xfrm>
          <a:off x="14909800" y="1051709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2</xdr:row>
      <xdr:rowOff>136419</xdr:rowOff>
    </xdr:from>
    <xdr:to>
      <xdr:col>68</xdr:col>
      <xdr:colOff>203200</xdr:colOff>
      <xdr:row>63</xdr:row>
      <xdr:rowOff>66569</xdr:rowOff>
    </xdr:to>
    <xdr:sp macro="" textlink="">
      <xdr:nvSpPr>
        <xdr:cNvPr id="351" name="楕円 350">
          <a:extLst>
            <a:ext uri="{FF2B5EF4-FFF2-40B4-BE49-F238E27FC236}">
              <a16:creationId xmlns:a16="http://schemas.microsoft.com/office/drawing/2014/main" id="{00000000-0008-0000-0300-00005F010000}"/>
            </a:ext>
          </a:extLst>
        </xdr:cNvPr>
        <xdr:cNvSpPr/>
      </xdr:nvSpPr>
      <xdr:spPr>
        <a:xfrm>
          <a:off x="14351000" y="10766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3</xdr:row>
      <xdr:rowOff>51346</xdr:rowOff>
    </xdr:from>
    <xdr:ext cx="762000" cy="259045"/>
    <xdr:sp macro="" textlink="">
      <xdr:nvSpPr>
        <xdr:cNvPr id="352" name="テキスト ボックス 351">
          <a:extLst>
            <a:ext uri="{FF2B5EF4-FFF2-40B4-BE49-F238E27FC236}">
              <a16:creationId xmlns:a16="http://schemas.microsoft.com/office/drawing/2014/main" id="{00000000-0008-0000-0300-000060010000}"/>
            </a:ext>
          </a:extLst>
        </xdr:cNvPr>
        <xdr:cNvSpPr txBox="1"/>
      </xdr:nvSpPr>
      <xdr:spPr>
        <a:xfrm>
          <a:off x="14020800" y="108526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138430</xdr:rowOff>
    </xdr:from>
    <xdr:to>
      <xdr:col>64</xdr:col>
      <xdr:colOff>152400</xdr:colOff>
      <xdr:row>63</xdr:row>
      <xdr:rowOff>68580</xdr:rowOff>
    </xdr:to>
    <xdr:sp macro="" textlink="">
      <xdr:nvSpPr>
        <xdr:cNvPr id="353" name="楕円 352">
          <a:extLst>
            <a:ext uri="{FF2B5EF4-FFF2-40B4-BE49-F238E27FC236}">
              <a16:creationId xmlns:a16="http://schemas.microsoft.com/office/drawing/2014/main" id="{00000000-0008-0000-0300-000061010000}"/>
            </a:ext>
          </a:extLst>
        </xdr:cNvPr>
        <xdr:cNvSpPr/>
      </xdr:nvSpPr>
      <xdr:spPr>
        <a:xfrm>
          <a:off x="13462000" y="10768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3</xdr:row>
      <xdr:rowOff>53357</xdr:rowOff>
    </xdr:from>
    <xdr:ext cx="762000" cy="259045"/>
    <xdr:sp macro="" textlink="">
      <xdr:nvSpPr>
        <xdr:cNvPr id="354" name="テキスト ボックス 353">
          <a:extLst>
            <a:ext uri="{FF2B5EF4-FFF2-40B4-BE49-F238E27FC236}">
              <a16:creationId xmlns:a16="http://schemas.microsoft.com/office/drawing/2014/main" id="{00000000-0008-0000-0300-000062010000}"/>
            </a:ext>
          </a:extLst>
        </xdr:cNvPr>
        <xdr:cNvSpPr txBox="1"/>
      </xdr:nvSpPr>
      <xdr:spPr>
        <a:xfrm>
          <a:off x="13131800" y="10854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5" name="正方形/長方形 354">
          <a:extLst>
            <a:ext uri="{FF2B5EF4-FFF2-40B4-BE49-F238E27FC236}">
              <a16:creationId xmlns:a16="http://schemas.microsoft.com/office/drawing/2014/main" id="{00000000-0008-0000-0300-000063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6" name="テキスト ボックス 355">
          <a:extLst>
            <a:ext uri="{FF2B5EF4-FFF2-40B4-BE49-F238E27FC236}">
              <a16:creationId xmlns:a16="http://schemas.microsoft.com/office/drawing/2014/main" id="{00000000-0008-0000-0300-000064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7" name="テキスト ボックス 356">
          <a:extLst>
            <a:ext uri="{FF2B5EF4-FFF2-40B4-BE49-F238E27FC236}">
              <a16:creationId xmlns:a16="http://schemas.microsoft.com/office/drawing/2014/main" id="{00000000-0008-0000-0300-000065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8" name="正方形/長方形 357">
          <a:extLst>
            <a:ext uri="{FF2B5EF4-FFF2-40B4-BE49-F238E27FC236}">
              <a16:creationId xmlns:a16="http://schemas.microsoft.com/office/drawing/2014/main" id="{00000000-0008-0000-0300-000066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9" name="正方形/長方形 358">
          <a:extLst>
            <a:ext uri="{FF2B5EF4-FFF2-40B4-BE49-F238E27FC236}">
              <a16:creationId xmlns:a16="http://schemas.microsoft.com/office/drawing/2014/main" id="{00000000-0008-0000-0300-000067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60" name="正方形/長方形 359">
          <a:extLst>
            <a:ext uri="{FF2B5EF4-FFF2-40B4-BE49-F238E27FC236}">
              <a16:creationId xmlns:a16="http://schemas.microsoft.com/office/drawing/2014/main" id="{00000000-0008-0000-0300-000068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61" name="正方形/長方形 360">
          <a:extLst>
            <a:ext uri="{FF2B5EF4-FFF2-40B4-BE49-F238E27FC236}">
              <a16:creationId xmlns:a16="http://schemas.microsoft.com/office/drawing/2014/main" id="{00000000-0008-0000-0300-000069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62" name="正方形/長方形 361">
          <a:extLst>
            <a:ext uri="{FF2B5EF4-FFF2-40B4-BE49-F238E27FC236}">
              <a16:creationId xmlns:a16="http://schemas.microsoft.com/office/drawing/2014/main" id="{00000000-0008-0000-0300-00006A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3" name="正方形/長方形 362">
          <a:extLst>
            <a:ext uri="{FF2B5EF4-FFF2-40B4-BE49-F238E27FC236}">
              <a16:creationId xmlns:a16="http://schemas.microsoft.com/office/drawing/2014/main" id="{00000000-0008-0000-0300-00006B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4" name="正方形/長方形 363">
          <a:extLst>
            <a:ext uri="{FF2B5EF4-FFF2-40B4-BE49-F238E27FC236}">
              <a16:creationId xmlns:a16="http://schemas.microsoft.com/office/drawing/2014/main" id="{00000000-0008-0000-0300-00006C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5" name="正方形/長方形 364">
          <a:extLst>
            <a:ext uri="{FF2B5EF4-FFF2-40B4-BE49-F238E27FC236}">
              <a16:creationId xmlns:a16="http://schemas.microsoft.com/office/drawing/2014/main" id="{00000000-0008-0000-0300-00006D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6" name="正方形/長方形 365">
          <a:extLst>
            <a:ext uri="{FF2B5EF4-FFF2-40B4-BE49-F238E27FC236}">
              <a16:creationId xmlns:a16="http://schemas.microsoft.com/office/drawing/2014/main" id="{00000000-0008-0000-0300-00006E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7" name="テキスト ボックス 366">
          <a:extLst>
            <a:ext uri="{FF2B5EF4-FFF2-40B4-BE49-F238E27FC236}">
              <a16:creationId xmlns:a16="http://schemas.microsoft.com/office/drawing/2014/main" id="{00000000-0008-0000-0300-00006F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令和２年度と比べ、市債の元利償還額が増加したこと等により、０．２ポイント増加した。類似団体の平均値を上回る水準となっており、今後も公共施設の改修等が計画されているが、新規借入の適切な管理により、一定水準の確保を図っていく。</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8" name="テキスト ボックス 367">
          <a:extLst>
            <a:ext uri="{FF2B5EF4-FFF2-40B4-BE49-F238E27FC236}">
              <a16:creationId xmlns:a16="http://schemas.microsoft.com/office/drawing/2014/main" id="{00000000-0008-0000-0300-000070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9" name="直線コネクタ 368">
          <a:extLst>
            <a:ext uri="{FF2B5EF4-FFF2-40B4-BE49-F238E27FC236}">
              <a16:creationId xmlns:a16="http://schemas.microsoft.com/office/drawing/2014/main" id="{00000000-0008-0000-0300-000071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70" name="テキスト ボックス 369">
          <a:extLst>
            <a:ext uri="{FF2B5EF4-FFF2-40B4-BE49-F238E27FC236}">
              <a16:creationId xmlns:a16="http://schemas.microsoft.com/office/drawing/2014/main" id="{00000000-0008-0000-0300-000072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6</xdr:row>
      <xdr:rowOff>3175</xdr:rowOff>
    </xdr:from>
    <xdr:to>
      <xdr:col>85</xdr:col>
      <xdr:colOff>95250</xdr:colOff>
      <xdr:row>46</xdr:row>
      <xdr:rowOff>3175</xdr:rowOff>
    </xdr:to>
    <xdr:cxnSp macro="">
      <xdr:nvCxnSpPr>
        <xdr:cNvPr id="371" name="直線コネクタ 370">
          <a:extLst>
            <a:ext uri="{FF2B5EF4-FFF2-40B4-BE49-F238E27FC236}">
              <a16:creationId xmlns:a16="http://schemas.microsoft.com/office/drawing/2014/main" id="{00000000-0008-0000-0300-000073010000}"/>
            </a:ext>
          </a:extLst>
        </xdr:cNvPr>
        <xdr:cNvCxnSpPr/>
      </xdr:nvCxnSpPr>
      <xdr:spPr>
        <a:xfrm>
          <a:off x="12827000" y="78898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5</xdr:row>
      <xdr:rowOff>32402</xdr:rowOff>
    </xdr:from>
    <xdr:ext cx="762000" cy="259045"/>
    <xdr:sp macro="" textlink="">
      <xdr:nvSpPr>
        <xdr:cNvPr id="372" name="テキスト ボックス 371">
          <a:extLst>
            <a:ext uri="{FF2B5EF4-FFF2-40B4-BE49-F238E27FC236}">
              <a16:creationId xmlns:a16="http://schemas.microsoft.com/office/drawing/2014/main" id="{00000000-0008-0000-0300-000074010000}"/>
            </a:ext>
          </a:extLst>
        </xdr:cNvPr>
        <xdr:cNvSpPr txBox="1"/>
      </xdr:nvSpPr>
      <xdr:spPr>
        <a:xfrm>
          <a:off x="12065000" y="77476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44450</xdr:rowOff>
    </xdr:from>
    <xdr:to>
      <xdr:col>85</xdr:col>
      <xdr:colOff>95250</xdr:colOff>
      <xdr:row>44</xdr:row>
      <xdr:rowOff>44450</xdr:rowOff>
    </xdr:to>
    <xdr:cxnSp macro="">
      <xdr:nvCxnSpPr>
        <xdr:cNvPr id="373" name="直線コネクタ 372">
          <a:extLst>
            <a:ext uri="{FF2B5EF4-FFF2-40B4-BE49-F238E27FC236}">
              <a16:creationId xmlns:a16="http://schemas.microsoft.com/office/drawing/2014/main" id="{00000000-0008-0000-0300-000075010000}"/>
            </a:ext>
          </a:extLst>
        </xdr:cNvPr>
        <xdr:cNvCxnSpPr/>
      </xdr:nvCxnSpPr>
      <xdr:spPr>
        <a:xfrm>
          <a:off x="12827000" y="758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3</xdr:row>
      <xdr:rowOff>73677</xdr:rowOff>
    </xdr:from>
    <xdr:ext cx="762000" cy="259045"/>
    <xdr:sp macro="" textlink="">
      <xdr:nvSpPr>
        <xdr:cNvPr id="374" name="テキスト ボックス 373">
          <a:extLst>
            <a:ext uri="{FF2B5EF4-FFF2-40B4-BE49-F238E27FC236}">
              <a16:creationId xmlns:a16="http://schemas.microsoft.com/office/drawing/2014/main" id="{00000000-0008-0000-0300-000076010000}"/>
            </a:ext>
          </a:extLst>
        </xdr:cNvPr>
        <xdr:cNvSpPr txBox="1"/>
      </xdr:nvSpPr>
      <xdr:spPr>
        <a:xfrm>
          <a:off x="12065000" y="744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85725</xdr:rowOff>
    </xdr:from>
    <xdr:to>
      <xdr:col>85</xdr:col>
      <xdr:colOff>95250</xdr:colOff>
      <xdr:row>42</xdr:row>
      <xdr:rowOff>85725</xdr:rowOff>
    </xdr:to>
    <xdr:cxnSp macro="">
      <xdr:nvCxnSpPr>
        <xdr:cNvPr id="375" name="直線コネクタ 374">
          <a:extLst>
            <a:ext uri="{FF2B5EF4-FFF2-40B4-BE49-F238E27FC236}">
              <a16:creationId xmlns:a16="http://schemas.microsoft.com/office/drawing/2014/main" id="{00000000-0008-0000-0300-000077010000}"/>
            </a:ext>
          </a:extLst>
        </xdr:cNvPr>
        <xdr:cNvCxnSpPr/>
      </xdr:nvCxnSpPr>
      <xdr:spPr>
        <a:xfrm>
          <a:off x="12827000" y="72866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114952</xdr:rowOff>
    </xdr:from>
    <xdr:ext cx="762000" cy="259045"/>
    <xdr:sp macro="" textlink="">
      <xdr:nvSpPr>
        <xdr:cNvPr id="376" name="テキスト ボックス 375">
          <a:extLst>
            <a:ext uri="{FF2B5EF4-FFF2-40B4-BE49-F238E27FC236}">
              <a16:creationId xmlns:a16="http://schemas.microsoft.com/office/drawing/2014/main" id="{00000000-0008-0000-0300-000078010000}"/>
            </a:ext>
          </a:extLst>
        </xdr:cNvPr>
        <xdr:cNvSpPr txBox="1"/>
      </xdr:nvSpPr>
      <xdr:spPr>
        <a:xfrm>
          <a:off x="12065000" y="71444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7" name="直線コネクタ 376">
          <a:extLst>
            <a:ext uri="{FF2B5EF4-FFF2-40B4-BE49-F238E27FC236}">
              <a16:creationId xmlns:a16="http://schemas.microsoft.com/office/drawing/2014/main" id="{00000000-0008-0000-0300-000079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8" name="テキスト ボックス 377">
          <a:extLst>
            <a:ext uri="{FF2B5EF4-FFF2-40B4-BE49-F238E27FC236}">
              <a16:creationId xmlns:a16="http://schemas.microsoft.com/office/drawing/2014/main" id="{00000000-0008-0000-0300-00007A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168275</xdr:rowOff>
    </xdr:from>
    <xdr:to>
      <xdr:col>85</xdr:col>
      <xdr:colOff>95250</xdr:colOff>
      <xdr:row>38</xdr:row>
      <xdr:rowOff>168275</xdr:rowOff>
    </xdr:to>
    <xdr:cxnSp macro="">
      <xdr:nvCxnSpPr>
        <xdr:cNvPr id="379" name="直線コネクタ 378">
          <a:extLst>
            <a:ext uri="{FF2B5EF4-FFF2-40B4-BE49-F238E27FC236}">
              <a16:creationId xmlns:a16="http://schemas.microsoft.com/office/drawing/2014/main" id="{00000000-0008-0000-0300-00007B010000}"/>
            </a:ext>
          </a:extLst>
        </xdr:cNvPr>
        <xdr:cNvCxnSpPr/>
      </xdr:nvCxnSpPr>
      <xdr:spPr>
        <a:xfrm>
          <a:off x="12827000" y="668337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26052</xdr:rowOff>
    </xdr:from>
    <xdr:ext cx="762000" cy="259045"/>
    <xdr:sp macro="" textlink="">
      <xdr:nvSpPr>
        <xdr:cNvPr id="380" name="テキスト ボックス 379">
          <a:extLst>
            <a:ext uri="{FF2B5EF4-FFF2-40B4-BE49-F238E27FC236}">
              <a16:creationId xmlns:a16="http://schemas.microsoft.com/office/drawing/2014/main" id="{00000000-0008-0000-0300-00007C010000}"/>
            </a:ext>
          </a:extLst>
        </xdr:cNvPr>
        <xdr:cNvSpPr txBox="1"/>
      </xdr:nvSpPr>
      <xdr:spPr>
        <a:xfrm>
          <a:off x="12065000" y="6541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38100</xdr:rowOff>
    </xdr:from>
    <xdr:to>
      <xdr:col>85</xdr:col>
      <xdr:colOff>95250</xdr:colOff>
      <xdr:row>37</xdr:row>
      <xdr:rowOff>38100</xdr:rowOff>
    </xdr:to>
    <xdr:cxnSp macro="">
      <xdr:nvCxnSpPr>
        <xdr:cNvPr id="381" name="直線コネクタ 380">
          <a:extLst>
            <a:ext uri="{FF2B5EF4-FFF2-40B4-BE49-F238E27FC236}">
              <a16:creationId xmlns:a16="http://schemas.microsoft.com/office/drawing/2014/main" id="{00000000-0008-0000-0300-00007D010000}"/>
            </a:ext>
          </a:extLst>
        </xdr:cNvPr>
        <xdr:cNvCxnSpPr/>
      </xdr:nvCxnSpPr>
      <xdr:spPr>
        <a:xfrm>
          <a:off x="12827000" y="638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5</xdr:row>
      <xdr:rowOff>79375</xdr:rowOff>
    </xdr:from>
    <xdr:to>
      <xdr:col>85</xdr:col>
      <xdr:colOff>95250</xdr:colOff>
      <xdr:row>35</xdr:row>
      <xdr:rowOff>79375</xdr:rowOff>
    </xdr:to>
    <xdr:cxnSp macro="">
      <xdr:nvCxnSpPr>
        <xdr:cNvPr id="382" name="直線コネクタ 381">
          <a:extLst>
            <a:ext uri="{FF2B5EF4-FFF2-40B4-BE49-F238E27FC236}">
              <a16:creationId xmlns:a16="http://schemas.microsoft.com/office/drawing/2014/main" id="{00000000-0008-0000-0300-00007E010000}"/>
            </a:ext>
          </a:extLst>
        </xdr:cNvPr>
        <xdr:cNvCxnSpPr/>
      </xdr:nvCxnSpPr>
      <xdr:spPr>
        <a:xfrm>
          <a:off x="12827000" y="608012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83" name="直線コネクタ 382">
          <a:extLst>
            <a:ext uri="{FF2B5EF4-FFF2-40B4-BE49-F238E27FC236}">
              <a16:creationId xmlns:a16="http://schemas.microsoft.com/office/drawing/2014/main" id="{00000000-0008-0000-0300-00007F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84" name="公債費負担の状況グラフ枠">
          <a:extLst>
            <a:ext uri="{FF2B5EF4-FFF2-40B4-BE49-F238E27FC236}">
              <a16:creationId xmlns:a16="http://schemas.microsoft.com/office/drawing/2014/main" id="{00000000-0008-0000-0300-000080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09008</xdr:rowOff>
    </xdr:from>
    <xdr:to>
      <xdr:col>81</xdr:col>
      <xdr:colOff>44450</xdr:colOff>
      <xdr:row>44</xdr:row>
      <xdr:rowOff>155046</xdr:rowOff>
    </xdr:to>
    <xdr:cxnSp macro="">
      <xdr:nvCxnSpPr>
        <xdr:cNvPr id="385" name="直線コネクタ 384">
          <a:extLst>
            <a:ext uri="{FF2B5EF4-FFF2-40B4-BE49-F238E27FC236}">
              <a16:creationId xmlns:a16="http://schemas.microsoft.com/office/drawing/2014/main" id="{00000000-0008-0000-0300-000081010000}"/>
            </a:ext>
          </a:extLst>
        </xdr:cNvPr>
        <xdr:cNvCxnSpPr/>
      </xdr:nvCxnSpPr>
      <xdr:spPr>
        <a:xfrm flipV="1">
          <a:off x="17018000" y="6281208"/>
          <a:ext cx="0" cy="14176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7123</xdr:rowOff>
    </xdr:from>
    <xdr:ext cx="762000" cy="259045"/>
    <xdr:sp macro="" textlink="">
      <xdr:nvSpPr>
        <xdr:cNvPr id="386" name="公債費負担の状況最小値テキスト">
          <a:extLst>
            <a:ext uri="{FF2B5EF4-FFF2-40B4-BE49-F238E27FC236}">
              <a16:creationId xmlns:a16="http://schemas.microsoft.com/office/drawing/2014/main" id="{00000000-0008-0000-0300-000082010000}"/>
            </a:ext>
          </a:extLst>
        </xdr:cNvPr>
        <xdr:cNvSpPr txBox="1"/>
      </xdr:nvSpPr>
      <xdr:spPr>
        <a:xfrm>
          <a:off x="17106900" y="7670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5046</xdr:rowOff>
    </xdr:from>
    <xdr:to>
      <xdr:col>81</xdr:col>
      <xdr:colOff>133350</xdr:colOff>
      <xdr:row>44</xdr:row>
      <xdr:rowOff>155046</xdr:rowOff>
    </xdr:to>
    <xdr:cxnSp macro="">
      <xdr:nvCxnSpPr>
        <xdr:cNvPr id="387" name="直線コネクタ 386">
          <a:extLst>
            <a:ext uri="{FF2B5EF4-FFF2-40B4-BE49-F238E27FC236}">
              <a16:creationId xmlns:a16="http://schemas.microsoft.com/office/drawing/2014/main" id="{00000000-0008-0000-0300-000083010000}"/>
            </a:ext>
          </a:extLst>
        </xdr:cNvPr>
        <xdr:cNvCxnSpPr/>
      </xdr:nvCxnSpPr>
      <xdr:spPr>
        <a:xfrm>
          <a:off x="16929100" y="7698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23935</xdr:rowOff>
    </xdr:from>
    <xdr:ext cx="762000" cy="259045"/>
    <xdr:sp macro="" textlink="">
      <xdr:nvSpPr>
        <xdr:cNvPr id="388" name="公債費負担の状況最大値テキスト">
          <a:extLst>
            <a:ext uri="{FF2B5EF4-FFF2-40B4-BE49-F238E27FC236}">
              <a16:creationId xmlns:a16="http://schemas.microsoft.com/office/drawing/2014/main" id="{00000000-0008-0000-0300-000084010000}"/>
            </a:ext>
          </a:extLst>
        </xdr:cNvPr>
        <xdr:cNvSpPr txBox="1"/>
      </xdr:nvSpPr>
      <xdr:spPr>
        <a:xfrm>
          <a:off x="17106900" y="6024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09008</xdr:rowOff>
    </xdr:from>
    <xdr:to>
      <xdr:col>81</xdr:col>
      <xdr:colOff>133350</xdr:colOff>
      <xdr:row>36</xdr:row>
      <xdr:rowOff>109008</xdr:rowOff>
    </xdr:to>
    <xdr:cxnSp macro="">
      <xdr:nvCxnSpPr>
        <xdr:cNvPr id="389" name="直線コネクタ 388">
          <a:extLst>
            <a:ext uri="{FF2B5EF4-FFF2-40B4-BE49-F238E27FC236}">
              <a16:creationId xmlns:a16="http://schemas.microsoft.com/office/drawing/2014/main" id="{00000000-0008-0000-0300-000085010000}"/>
            </a:ext>
          </a:extLst>
        </xdr:cNvPr>
        <xdr:cNvCxnSpPr/>
      </xdr:nvCxnSpPr>
      <xdr:spPr>
        <a:xfrm>
          <a:off x="16929100" y="6281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3</xdr:row>
      <xdr:rowOff>44979</xdr:rowOff>
    </xdr:from>
    <xdr:to>
      <xdr:col>81</xdr:col>
      <xdr:colOff>44450</xdr:colOff>
      <xdr:row>43</xdr:row>
      <xdr:rowOff>65088</xdr:rowOff>
    </xdr:to>
    <xdr:cxnSp macro="">
      <xdr:nvCxnSpPr>
        <xdr:cNvPr id="390" name="直線コネクタ 389">
          <a:extLst>
            <a:ext uri="{FF2B5EF4-FFF2-40B4-BE49-F238E27FC236}">
              <a16:creationId xmlns:a16="http://schemas.microsoft.com/office/drawing/2014/main" id="{00000000-0008-0000-0300-000086010000}"/>
            </a:ext>
          </a:extLst>
        </xdr:cNvPr>
        <xdr:cNvCxnSpPr/>
      </xdr:nvCxnSpPr>
      <xdr:spPr>
        <a:xfrm>
          <a:off x="16179800" y="7417329"/>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0</xdr:row>
      <xdr:rowOff>72090</xdr:rowOff>
    </xdr:from>
    <xdr:ext cx="762000" cy="259045"/>
    <xdr:sp macro="" textlink="">
      <xdr:nvSpPr>
        <xdr:cNvPr id="391" name="公債費負担の状況平均値テキスト">
          <a:extLst>
            <a:ext uri="{FF2B5EF4-FFF2-40B4-BE49-F238E27FC236}">
              <a16:creationId xmlns:a16="http://schemas.microsoft.com/office/drawing/2014/main" id="{00000000-0008-0000-0300-000087010000}"/>
            </a:ext>
          </a:extLst>
        </xdr:cNvPr>
        <xdr:cNvSpPr txBox="1"/>
      </xdr:nvSpPr>
      <xdr:spPr>
        <a:xfrm>
          <a:off x="17106900" y="693009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55563</xdr:rowOff>
    </xdr:from>
    <xdr:to>
      <xdr:col>81</xdr:col>
      <xdr:colOff>95250</xdr:colOff>
      <xdr:row>41</xdr:row>
      <xdr:rowOff>157163</xdr:rowOff>
    </xdr:to>
    <xdr:sp macro="" textlink="">
      <xdr:nvSpPr>
        <xdr:cNvPr id="392" name="フローチャート: 判断 391">
          <a:extLst>
            <a:ext uri="{FF2B5EF4-FFF2-40B4-BE49-F238E27FC236}">
              <a16:creationId xmlns:a16="http://schemas.microsoft.com/office/drawing/2014/main" id="{00000000-0008-0000-0300-000088010000}"/>
            </a:ext>
          </a:extLst>
        </xdr:cNvPr>
        <xdr:cNvSpPr/>
      </xdr:nvSpPr>
      <xdr:spPr>
        <a:xfrm>
          <a:off x="16967200" y="708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3</xdr:row>
      <xdr:rowOff>44979</xdr:rowOff>
    </xdr:from>
    <xdr:to>
      <xdr:col>77</xdr:col>
      <xdr:colOff>44450</xdr:colOff>
      <xdr:row>43</xdr:row>
      <xdr:rowOff>55033</xdr:rowOff>
    </xdr:to>
    <xdr:cxnSp macro="">
      <xdr:nvCxnSpPr>
        <xdr:cNvPr id="393" name="直線コネクタ 392">
          <a:extLst>
            <a:ext uri="{FF2B5EF4-FFF2-40B4-BE49-F238E27FC236}">
              <a16:creationId xmlns:a16="http://schemas.microsoft.com/office/drawing/2014/main" id="{00000000-0008-0000-0300-000089010000}"/>
            </a:ext>
          </a:extLst>
        </xdr:cNvPr>
        <xdr:cNvCxnSpPr/>
      </xdr:nvCxnSpPr>
      <xdr:spPr>
        <a:xfrm flipV="1">
          <a:off x="15290800" y="7417329"/>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25400</xdr:rowOff>
    </xdr:from>
    <xdr:to>
      <xdr:col>77</xdr:col>
      <xdr:colOff>95250</xdr:colOff>
      <xdr:row>41</xdr:row>
      <xdr:rowOff>127000</xdr:rowOff>
    </xdr:to>
    <xdr:sp macro="" textlink="">
      <xdr:nvSpPr>
        <xdr:cNvPr id="394" name="フローチャート: 判断 393">
          <a:extLst>
            <a:ext uri="{FF2B5EF4-FFF2-40B4-BE49-F238E27FC236}">
              <a16:creationId xmlns:a16="http://schemas.microsoft.com/office/drawing/2014/main" id="{00000000-0008-0000-0300-00008A010000}"/>
            </a:ext>
          </a:extLst>
        </xdr:cNvPr>
        <xdr:cNvSpPr/>
      </xdr:nvSpPr>
      <xdr:spPr>
        <a:xfrm>
          <a:off x="16129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9</xdr:row>
      <xdr:rowOff>137177</xdr:rowOff>
    </xdr:from>
    <xdr:ext cx="736600" cy="259045"/>
    <xdr:sp macro="" textlink="">
      <xdr:nvSpPr>
        <xdr:cNvPr id="395" name="テキスト ボックス 394">
          <a:extLst>
            <a:ext uri="{FF2B5EF4-FFF2-40B4-BE49-F238E27FC236}">
              <a16:creationId xmlns:a16="http://schemas.microsoft.com/office/drawing/2014/main" id="{00000000-0008-0000-0300-00008B010000}"/>
            </a:ext>
          </a:extLst>
        </xdr:cNvPr>
        <xdr:cNvSpPr txBox="1"/>
      </xdr:nvSpPr>
      <xdr:spPr>
        <a:xfrm>
          <a:off x="15798800" y="682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3</xdr:row>
      <xdr:rowOff>44979</xdr:rowOff>
    </xdr:from>
    <xdr:to>
      <xdr:col>72</xdr:col>
      <xdr:colOff>203200</xdr:colOff>
      <xdr:row>43</xdr:row>
      <xdr:rowOff>55033</xdr:rowOff>
    </xdr:to>
    <xdr:cxnSp macro="">
      <xdr:nvCxnSpPr>
        <xdr:cNvPr id="396" name="直線コネクタ 395">
          <a:extLst>
            <a:ext uri="{FF2B5EF4-FFF2-40B4-BE49-F238E27FC236}">
              <a16:creationId xmlns:a16="http://schemas.microsoft.com/office/drawing/2014/main" id="{00000000-0008-0000-0300-00008C010000}"/>
            </a:ext>
          </a:extLst>
        </xdr:cNvPr>
        <xdr:cNvCxnSpPr/>
      </xdr:nvCxnSpPr>
      <xdr:spPr>
        <a:xfrm>
          <a:off x="14401800" y="7417329"/>
          <a:ext cx="889000" cy="10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25400</xdr:rowOff>
    </xdr:from>
    <xdr:to>
      <xdr:col>73</xdr:col>
      <xdr:colOff>44450</xdr:colOff>
      <xdr:row>41</xdr:row>
      <xdr:rowOff>127000</xdr:rowOff>
    </xdr:to>
    <xdr:sp macro="" textlink="">
      <xdr:nvSpPr>
        <xdr:cNvPr id="397" name="フローチャート: 判断 396">
          <a:extLst>
            <a:ext uri="{FF2B5EF4-FFF2-40B4-BE49-F238E27FC236}">
              <a16:creationId xmlns:a16="http://schemas.microsoft.com/office/drawing/2014/main" id="{00000000-0008-0000-0300-00008D010000}"/>
            </a:ext>
          </a:extLst>
        </xdr:cNvPr>
        <xdr:cNvSpPr/>
      </xdr:nvSpPr>
      <xdr:spPr>
        <a:xfrm>
          <a:off x="15240000" y="705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9</xdr:row>
      <xdr:rowOff>137177</xdr:rowOff>
    </xdr:from>
    <xdr:ext cx="762000" cy="259045"/>
    <xdr:sp macro="" textlink="">
      <xdr:nvSpPr>
        <xdr:cNvPr id="398" name="テキスト ボックス 397">
          <a:extLst>
            <a:ext uri="{FF2B5EF4-FFF2-40B4-BE49-F238E27FC236}">
              <a16:creationId xmlns:a16="http://schemas.microsoft.com/office/drawing/2014/main" id="{00000000-0008-0000-0300-00008E010000}"/>
            </a:ext>
          </a:extLst>
        </xdr:cNvPr>
        <xdr:cNvSpPr txBox="1"/>
      </xdr:nvSpPr>
      <xdr:spPr>
        <a:xfrm>
          <a:off x="14909800" y="682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3</xdr:row>
      <xdr:rowOff>44979</xdr:rowOff>
    </xdr:from>
    <xdr:to>
      <xdr:col>68</xdr:col>
      <xdr:colOff>152400</xdr:colOff>
      <xdr:row>43</xdr:row>
      <xdr:rowOff>44979</xdr:rowOff>
    </xdr:to>
    <xdr:cxnSp macro="">
      <xdr:nvCxnSpPr>
        <xdr:cNvPr id="399" name="直線コネクタ 398">
          <a:extLst>
            <a:ext uri="{FF2B5EF4-FFF2-40B4-BE49-F238E27FC236}">
              <a16:creationId xmlns:a16="http://schemas.microsoft.com/office/drawing/2014/main" id="{00000000-0008-0000-0300-00008F010000}"/>
            </a:ext>
          </a:extLst>
        </xdr:cNvPr>
        <xdr:cNvCxnSpPr/>
      </xdr:nvCxnSpPr>
      <xdr:spPr>
        <a:xfrm>
          <a:off x="13512800" y="74173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55563</xdr:rowOff>
    </xdr:from>
    <xdr:to>
      <xdr:col>68</xdr:col>
      <xdr:colOff>203200</xdr:colOff>
      <xdr:row>41</xdr:row>
      <xdr:rowOff>157163</xdr:rowOff>
    </xdr:to>
    <xdr:sp macro="" textlink="">
      <xdr:nvSpPr>
        <xdr:cNvPr id="400" name="フローチャート: 判断 399">
          <a:extLst>
            <a:ext uri="{FF2B5EF4-FFF2-40B4-BE49-F238E27FC236}">
              <a16:creationId xmlns:a16="http://schemas.microsoft.com/office/drawing/2014/main" id="{00000000-0008-0000-0300-000090010000}"/>
            </a:ext>
          </a:extLst>
        </xdr:cNvPr>
        <xdr:cNvSpPr/>
      </xdr:nvSpPr>
      <xdr:spPr>
        <a:xfrm>
          <a:off x="14351000" y="7085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167340</xdr:rowOff>
    </xdr:from>
    <xdr:ext cx="762000" cy="259045"/>
    <xdr:sp macro="" textlink="">
      <xdr:nvSpPr>
        <xdr:cNvPr id="401" name="テキスト ボックス 400">
          <a:extLst>
            <a:ext uri="{FF2B5EF4-FFF2-40B4-BE49-F238E27FC236}">
              <a16:creationId xmlns:a16="http://schemas.microsoft.com/office/drawing/2014/main" id="{00000000-0008-0000-0300-000091010000}"/>
            </a:ext>
          </a:extLst>
        </xdr:cNvPr>
        <xdr:cNvSpPr txBox="1"/>
      </xdr:nvSpPr>
      <xdr:spPr>
        <a:xfrm>
          <a:off x="14020800" y="68538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85725</xdr:rowOff>
    </xdr:from>
    <xdr:to>
      <xdr:col>64</xdr:col>
      <xdr:colOff>152400</xdr:colOff>
      <xdr:row>42</xdr:row>
      <xdr:rowOff>15875</xdr:rowOff>
    </xdr:to>
    <xdr:sp macro="" textlink="">
      <xdr:nvSpPr>
        <xdr:cNvPr id="402" name="フローチャート: 判断 401">
          <a:extLst>
            <a:ext uri="{FF2B5EF4-FFF2-40B4-BE49-F238E27FC236}">
              <a16:creationId xmlns:a16="http://schemas.microsoft.com/office/drawing/2014/main" id="{00000000-0008-0000-0300-000092010000}"/>
            </a:ext>
          </a:extLst>
        </xdr:cNvPr>
        <xdr:cNvSpPr/>
      </xdr:nvSpPr>
      <xdr:spPr>
        <a:xfrm>
          <a:off x="13462000" y="7115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26052</xdr:rowOff>
    </xdr:from>
    <xdr:ext cx="762000" cy="259045"/>
    <xdr:sp macro="" textlink="">
      <xdr:nvSpPr>
        <xdr:cNvPr id="403" name="テキスト ボックス 402">
          <a:extLst>
            <a:ext uri="{FF2B5EF4-FFF2-40B4-BE49-F238E27FC236}">
              <a16:creationId xmlns:a16="http://schemas.microsoft.com/office/drawing/2014/main" id="{00000000-0008-0000-0300-000093010000}"/>
            </a:ext>
          </a:extLst>
        </xdr:cNvPr>
        <xdr:cNvSpPr txBox="1"/>
      </xdr:nvSpPr>
      <xdr:spPr>
        <a:xfrm>
          <a:off x="13131800" y="6884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404" name="テキスト ボックス 403">
          <a:extLst>
            <a:ext uri="{FF2B5EF4-FFF2-40B4-BE49-F238E27FC236}">
              <a16:creationId xmlns:a16="http://schemas.microsoft.com/office/drawing/2014/main" id="{00000000-0008-0000-0300-000094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5" name="テキスト ボックス 404">
          <a:extLst>
            <a:ext uri="{FF2B5EF4-FFF2-40B4-BE49-F238E27FC236}">
              <a16:creationId xmlns:a16="http://schemas.microsoft.com/office/drawing/2014/main" id="{00000000-0008-0000-0300-000095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6" name="テキスト ボックス 405">
          <a:extLst>
            <a:ext uri="{FF2B5EF4-FFF2-40B4-BE49-F238E27FC236}">
              <a16:creationId xmlns:a16="http://schemas.microsoft.com/office/drawing/2014/main" id="{00000000-0008-0000-0300-000096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7" name="テキスト ボックス 406">
          <a:extLst>
            <a:ext uri="{FF2B5EF4-FFF2-40B4-BE49-F238E27FC236}">
              <a16:creationId xmlns:a16="http://schemas.microsoft.com/office/drawing/2014/main" id="{00000000-0008-0000-0300-000097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8" name="テキスト ボックス 407">
          <a:extLst>
            <a:ext uri="{FF2B5EF4-FFF2-40B4-BE49-F238E27FC236}">
              <a16:creationId xmlns:a16="http://schemas.microsoft.com/office/drawing/2014/main" id="{00000000-0008-0000-0300-000098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3</xdr:row>
      <xdr:rowOff>14288</xdr:rowOff>
    </xdr:from>
    <xdr:to>
      <xdr:col>81</xdr:col>
      <xdr:colOff>95250</xdr:colOff>
      <xdr:row>43</xdr:row>
      <xdr:rowOff>115888</xdr:rowOff>
    </xdr:to>
    <xdr:sp macro="" textlink="">
      <xdr:nvSpPr>
        <xdr:cNvPr id="409" name="楕円 408">
          <a:extLst>
            <a:ext uri="{FF2B5EF4-FFF2-40B4-BE49-F238E27FC236}">
              <a16:creationId xmlns:a16="http://schemas.microsoft.com/office/drawing/2014/main" id="{00000000-0008-0000-0300-000099010000}"/>
            </a:ext>
          </a:extLst>
        </xdr:cNvPr>
        <xdr:cNvSpPr/>
      </xdr:nvSpPr>
      <xdr:spPr>
        <a:xfrm>
          <a:off x="16967200" y="7386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2</xdr:row>
      <xdr:rowOff>157815</xdr:rowOff>
    </xdr:from>
    <xdr:ext cx="762000" cy="259045"/>
    <xdr:sp macro="" textlink="">
      <xdr:nvSpPr>
        <xdr:cNvPr id="410" name="公債費負担の状況該当値テキスト">
          <a:extLst>
            <a:ext uri="{FF2B5EF4-FFF2-40B4-BE49-F238E27FC236}">
              <a16:creationId xmlns:a16="http://schemas.microsoft.com/office/drawing/2014/main" id="{00000000-0008-0000-0300-00009A010000}"/>
            </a:ext>
          </a:extLst>
        </xdr:cNvPr>
        <xdr:cNvSpPr txBox="1"/>
      </xdr:nvSpPr>
      <xdr:spPr>
        <a:xfrm>
          <a:off x="17106900" y="73587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165629</xdr:rowOff>
    </xdr:from>
    <xdr:to>
      <xdr:col>77</xdr:col>
      <xdr:colOff>95250</xdr:colOff>
      <xdr:row>43</xdr:row>
      <xdr:rowOff>95779</xdr:rowOff>
    </xdr:to>
    <xdr:sp macro="" textlink="">
      <xdr:nvSpPr>
        <xdr:cNvPr id="411" name="楕円 410">
          <a:extLst>
            <a:ext uri="{FF2B5EF4-FFF2-40B4-BE49-F238E27FC236}">
              <a16:creationId xmlns:a16="http://schemas.microsoft.com/office/drawing/2014/main" id="{00000000-0008-0000-0300-00009B010000}"/>
            </a:ext>
          </a:extLst>
        </xdr:cNvPr>
        <xdr:cNvSpPr/>
      </xdr:nvSpPr>
      <xdr:spPr>
        <a:xfrm>
          <a:off x="16129000" y="7366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3</xdr:row>
      <xdr:rowOff>80556</xdr:rowOff>
    </xdr:from>
    <xdr:ext cx="736600" cy="259045"/>
    <xdr:sp macro="" textlink="">
      <xdr:nvSpPr>
        <xdr:cNvPr id="412" name="テキスト ボックス 411">
          <a:extLst>
            <a:ext uri="{FF2B5EF4-FFF2-40B4-BE49-F238E27FC236}">
              <a16:creationId xmlns:a16="http://schemas.microsoft.com/office/drawing/2014/main" id="{00000000-0008-0000-0300-00009C010000}"/>
            </a:ext>
          </a:extLst>
        </xdr:cNvPr>
        <xdr:cNvSpPr txBox="1"/>
      </xdr:nvSpPr>
      <xdr:spPr>
        <a:xfrm>
          <a:off x="15798800" y="74529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3</xdr:row>
      <xdr:rowOff>4233</xdr:rowOff>
    </xdr:from>
    <xdr:to>
      <xdr:col>73</xdr:col>
      <xdr:colOff>44450</xdr:colOff>
      <xdr:row>43</xdr:row>
      <xdr:rowOff>105833</xdr:rowOff>
    </xdr:to>
    <xdr:sp macro="" textlink="">
      <xdr:nvSpPr>
        <xdr:cNvPr id="413" name="楕円 412">
          <a:extLst>
            <a:ext uri="{FF2B5EF4-FFF2-40B4-BE49-F238E27FC236}">
              <a16:creationId xmlns:a16="http://schemas.microsoft.com/office/drawing/2014/main" id="{00000000-0008-0000-0300-00009D010000}"/>
            </a:ext>
          </a:extLst>
        </xdr:cNvPr>
        <xdr:cNvSpPr/>
      </xdr:nvSpPr>
      <xdr:spPr>
        <a:xfrm>
          <a:off x="15240000" y="7376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3</xdr:row>
      <xdr:rowOff>90610</xdr:rowOff>
    </xdr:from>
    <xdr:ext cx="762000" cy="259045"/>
    <xdr:sp macro="" textlink="">
      <xdr:nvSpPr>
        <xdr:cNvPr id="414" name="テキスト ボックス 413">
          <a:extLst>
            <a:ext uri="{FF2B5EF4-FFF2-40B4-BE49-F238E27FC236}">
              <a16:creationId xmlns:a16="http://schemas.microsoft.com/office/drawing/2014/main" id="{00000000-0008-0000-0300-00009E010000}"/>
            </a:ext>
          </a:extLst>
        </xdr:cNvPr>
        <xdr:cNvSpPr txBox="1"/>
      </xdr:nvSpPr>
      <xdr:spPr>
        <a:xfrm>
          <a:off x="14909800" y="74629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2</xdr:row>
      <xdr:rowOff>165629</xdr:rowOff>
    </xdr:from>
    <xdr:to>
      <xdr:col>68</xdr:col>
      <xdr:colOff>203200</xdr:colOff>
      <xdr:row>43</xdr:row>
      <xdr:rowOff>95779</xdr:rowOff>
    </xdr:to>
    <xdr:sp macro="" textlink="">
      <xdr:nvSpPr>
        <xdr:cNvPr id="415" name="楕円 414">
          <a:extLst>
            <a:ext uri="{FF2B5EF4-FFF2-40B4-BE49-F238E27FC236}">
              <a16:creationId xmlns:a16="http://schemas.microsoft.com/office/drawing/2014/main" id="{00000000-0008-0000-0300-00009F010000}"/>
            </a:ext>
          </a:extLst>
        </xdr:cNvPr>
        <xdr:cNvSpPr/>
      </xdr:nvSpPr>
      <xdr:spPr>
        <a:xfrm>
          <a:off x="14351000" y="7366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3</xdr:row>
      <xdr:rowOff>80556</xdr:rowOff>
    </xdr:from>
    <xdr:ext cx="762000" cy="259045"/>
    <xdr:sp macro="" textlink="">
      <xdr:nvSpPr>
        <xdr:cNvPr id="416" name="テキスト ボックス 415">
          <a:extLst>
            <a:ext uri="{FF2B5EF4-FFF2-40B4-BE49-F238E27FC236}">
              <a16:creationId xmlns:a16="http://schemas.microsoft.com/office/drawing/2014/main" id="{00000000-0008-0000-0300-0000A0010000}"/>
            </a:ext>
          </a:extLst>
        </xdr:cNvPr>
        <xdr:cNvSpPr txBox="1"/>
      </xdr:nvSpPr>
      <xdr:spPr>
        <a:xfrm>
          <a:off x="14020800" y="7452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2</xdr:row>
      <xdr:rowOff>165629</xdr:rowOff>
    </xdr:from>
    <xdr:to>
      <xdr:col>64</xdr:col>
      <xdr:colOff>152400</xdr:colOff>
      <xdr:row>43</xdr:row>
      <xdr:rowOff>95779</xdr:rowOff>
    </xdr:to>
    <xdr:sp macro="" textlink="">
      <xdr:nvSpPr>
        <xdr:cNvPr id="417" name="楕円 416">
          <a:extLst>
            <a:ext uri="{FF2B5EF4-FFF2-40B4-BE49-F238E27FC236}">
              <a16:creationId xmlns:a16="http://schemas.microsoft.com/office/drawing/2014/main" id="{00000000-0008-0000-0300-0000A1010000}"/>
            </a:ext>
          </a:extLst>
        </xdr:cNvPr>
        <xdr:cNvSpPr/>
      </xdr:nvSpPr>
      <xdr:spPr>
        <a:xfrm>
          <a:off x="13462000" y="7366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3</xdr:row>
      <xdr:rowOff>80556</xdr:rowOff>
    </xdr:from>
    <xdr:ext cx="762000" cy="259045"/>
    <xdr:sp macro="" textlink="">
      <xdr:nvSpPr>
        <xdr:cNvPr id="418" name="テキスト ボックス 417">
          <a:extLst>
            <a:ext uri="{FF2B5EF4-FFF2-40B4-BE49-F238E27FC236}">
              <a16:creationId xmlns:a16="http://schemas.microsoft.com/office/drawing/2014/main" id="{00000000-0008-0000-0300-0000A2010000}"/>
            </a:ext>
          </a:extLst>
        </xdr:cNvPr>
        <xdr:cNvSpPr txBox="1"/>
      </xdr:nvSpPr>
      <xdr:spPr>
        <a:xfrm>
          <a:off x="13131800" y="7452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9" name="正方形/長方形 418">
          <a:extLst>
            <a:ext uri="{FF2B5EF4-FFF2-40B4-BE49-F238E27FC236}">
              <a16:creationId xmlns:a16="http://schemas.microsoft.com/office/drawing/2014/main" id="{00000000-0008-0000-0300-0000A3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20" name="テキスト ボックス 419">
          <a:extLst>
            <a:ext uri="{FF2B5EF4-FFF2-40B4-BE49-F238E27FC236}">
              <a16:creationId xmlns:a16="http://schemas.microsoft.com/office/drawing/2014/main" id="{00000000-0008-0000-0300-0000A4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21" name="テキスト ボックス 420">
          <a:extLst>
            <a:ext uri="{FF2B5EF4-FFF2-40B4-BE49-F238E27FC236}">
              <a16:creationId xmlns:a16="http://schemas.microsoft.com/office/drawing/2014/main" id="{00000000-0008-0000-0300-0000A5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22" name="正方形/長方形 421">
          <a:extLst>
            <a:ext uri="{FF2B5EF4-FFF2-40B4-BE49-F238E27FC236}">
              <a16:creationId xmlns:a16="http://schemas.microsoft.com/office/drawing/2014/main" id="{00000000-0008-0000-0300-0000A6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23" name="正方形/長方形 422">
          <a:extLst>
            <a:ext uri="{FF2B5EF4-FFF2-40B4-BE49-F238E27FC236}">
              <a16:creationId xmlns:a16="http://schemas.microsoft.com/office/drawing/2014/main" id="{00000000-0008-0000-0300-0000A7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24" name="正方形/長方形 423">
          <a:extLst>
            <a:ext uri="{FF2B5EF4-FFF2-40B4-BE49-F238E27FC236}">
              <a16:creationId xmlns:a16="http://schemas.microsoft.com/office/drawing/2014/main" id="{00000000-0008-0000-0300-0000A8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5" name="正方形/長方形 424">
          <a:extLst>
            <a:ext uri="{FF2B5EF4-FFF2-40B4-BE49-F238E27FC236}">
              <a16:creationId xmlns:a16="http://schemas.microsoft.com/office/drawing/2014/main" id="{00000000-0008-0000-0300-0000A9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6" name="正方形/長方形 425">
          <a:extLst>
            <a:ext uri="{FF2B5EF4-FFF2-40B4-BE49-F238E27FC236}">
              <a16:creationId xmlns:a16="http://schemas.microsoft.com/office/drawing/2014/main" id="{00000000-0008-0000-0300-0000AA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7" name="正方形/長方形 426">
          <a:extLst>
            <a:ext uri="{FF2B5EF4-FFF2-40B4-BE49-F238E27FC236}">
              <a16:creationId xmlns:a16="http://schemas.microsoft.com/office/drawing/2014/main" id="{00000000-0008-0000-0300-0000AB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8" name="正方形/長方形 427">
          <a:extLst>
            <a:ext uri="{FF2B5EF4-FFF2-40B4-BE49-F238E27FC236}">
              <a16:creationId xmlns:a16="http://schemas.microsoft.com/office/drawing/2014/main" id="{00000000-0008-0000-0300-0000AC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9" name="正方形/長方形 428">
          <a:extLst>
            <a:ext uri="{FF2B5EF4-FFF2-40B4-BE49-F238E27FC236}">
              <a16:creationId xmlns:a16="http://schemas.microsoft.com/office/drawing/2014/main" id="{00000000-0008-0000-0300-0000AD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30" name="正方形/長方形 429">
          <a:extLst>
            <a:ext uri="{FF2B5EF4-FFF2-40B4-BE49-F238E27FC236}">
              <a16:creationId xmlns:a16="http://schemas.microsoft.com/office/drawing/2014/main" id="{00000000-0008-0000-0300-0000AE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31" name="テキスト ボックス 430">
          <a:extLst>
            <a:ext uri="{FF2B5EF4-FFF2-40B4-BE49-F238E27FC236}">
              <a16:creationId xmlns:a16="http://schemas.microsoft.com/office/drawing/2014/main" id="{00000000-0008-0000-0300-0000AF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将来負担比率は、市債残高が新規借入の抑制により減となったこと等により改善されたものの、類似団体の平均値を大きく上回っている。今後、老朽化した施設の改修等により普通建設事業を推進していくには、起債の新規借入が必要となってくるが、適切な管理により、将来負担比率の一定水準の確保を図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10</xdr:row>
      <xdr:rowOff>63500</xdr:rowOff>
    </xdr:from>
    <xdr:ext cx="298543" cy="225703"/>
    <xdr:sp macro="" textlink="">
      <xdr:nvSpPr>
        <xdr:cNvPr id="432" name="テキスト ボックス 431">
          <a:extLst>
            <a:ext uri="{FF2B5EF4-FFF2-40B4-BE49-F238E27FC236}">
              <a16:creationId xmlns:a16="http://schemas.microsoft.com/office/drawing/2014/main" id="{00000000-0008-0000-0300-0000B0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33" name="直線コネクタ 432">
          <a:extLst>
            <a:ext uri="{FF2B5EF4-FFF2-40B4-BE49-F238E27FC236}">
              <a16:creationId xmlns:a16="http://schemas.microsoft.com/office/drawing/2014/main" id="{00000000-0008-0000-0300-0000B1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34" name="テキスト ボックス 433">
          <a:extLst>
            <a:ext uri="{FF2B5EF4-FFF2-40B4-BE49-F238E27FC236}">
              <a16:creationId xmlns:a16="http://schemas.microsoft.com/office/drawing/2014/main" id="{00000000-0008-0000-0300-0000B2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5" name="直線コネクタ 434">
          <a:extLst>
            <a:ext uri="{FF2B5EF4-FFF2-40B4-BE49-F238E27FC236}">
              <a16:creationId xmlns:a16="http://schemas.microsoft.com/office/drawing/2014/main" id="{00000000-0008-0000-0300-0000B3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6" name="テキスト ボックス 435">
          <a:extLst>
            <a:ext uri="{FF2B5EF4-FFF2-40B4-BE49-F238E27FC236}">
              <a16:creationId xmlns:a16="http://schemas.microsoft.com/office/drawing/2014/main" id="{00000000-0008-0000-0300-0000B4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7" name="直線コネクタ 436">
          <a:extLst>
            <a:ext uri="{FF2B5EF4-FFF2-40B4-BE49-F238E27FC236}">
              <a16:creationId xmlns:a16="http://schemas.microsoft.com/office/drawing/2014/main" id="{00000000-0008-0000-0300-0000B5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8" name="テキスト ボックス 437">
          <a:extLst>
            <a:ext uri="{FF2B5EF4-FFF2-40B4-BE49-F238E27FC236}">
              <a16:creationId xmlns:a16="http://schemas.microsoft.com/office/drawing/2014/main" id="{00000000-0008-0000-0300-0000B6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9" name="直線コネクタ 438">
          <a:extLst>
            <a:ext uri="{FF2B5EF4-FFF2-40B4-BE49-F238E27FC236}">
              <a16:creationId xmlns:a16="http://schemas.microsoft.com/office/drawing/2014/main" id="{00000000-0008-0000-0300-0000B7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40" name="テキスト ボックス 439">
          <a:extLst>
            <a:ext uri="{FF2B5EF4-FFF2-40B4-BE49-F238E27FC236}">
              <a16:creationId xmlns:a16="http://schemas.microsoft.com/office/drawing/2014/main" id="{00000000-0008-0000-0300-0000B8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41" name="直線コネクタ 440">
          <a:extLst>
            <a:ext uri="{FF2B5EF4-FFF2-40B4-BE49-F238E27FC236}">
              <a16:creationId xmlns:a16="http://schemas.microsoft.com/office/drawing/2014/main" id="{00000000-0008-0000-0300-0000B9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42" name="テキスト ボックス 441">
          <a:extLst>
            <a:ext uri="{FF2B5EF4-FFF2-40B4-BE49-F238E27FC236}">
              <a16:creationId xmlns:a16="http://schemas.microsoft.com/office/drawing/2014/main" id="{00000000-0008-0000-0300-0000BA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43" name="直線コネクタ 442">
          <a:extLst>
            <a:ext uri="{FF2B5EF4-FFF2-40B4-BE49-F238E27FC236}">
              <a16:creationId xmlns:a16="http://schemas.microsoft.com/office/drawing/2014/main" id="{00000000-0008-0000-0300-0000BB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44" name="テキスト ボックス 443">
          <a:extLst>
            <a:ext uri="{FF2B5EF4-FFF2-40B4-BE49-F238E27FC236}">
              <a16:creationId xmlns:a16="http://schemas.microsoft.com/office/drawing/2014/main" id="{00000000-0008-0000-0300-0000BC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5" name="直線コネクタ 444">
          <a:extLst>
            <a:ext uri="{FF2B5EF4-FFF2-40B4-BE49-F238E27FC236}">
              <a16:creationId xmlns:a16="http://schemas.microsoft.com/office/drawing/2014/main" id="{00000000-0008-0000-0300-0000BD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6" name="テキスト ボックス 445">
          <a:extLst>
            <a:ext uri="{FF2B5EF4-FFF2-40B4-BE49-F238E27FC236}">
              <a16:creationId xmlns:a16="http://schemas.microsoft.com/office/drawing/2014/main" id="{00000000-0008-0000-0300-0000BE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7" name="直線コネクタ 446">
          <a:extLst>
            <a:ext uri="{FF2B5EF4-FFF2-40B4-BE49-F238E27FC236}">
              <a16:creationId xmlns:a16="http://schemas.microsoft.com/office/drawing/2014/main" id="{00000000-0008-0000-0300-0000BF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8" name="将来負担の状況グラフ枠">
          <a:extLst>
            <a:ext uri="{FF2B5EF4-FFF2-40B4-BE49-F238E27FC236}">
              <a16:creationId xmlns:a16="http://schemas.microsoft.com/office/drawing/2014/main" id="{00000000-0008-0000-0300-0000C0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83094</xdr:rowOff>
    </xdr:to>
    <xdr:cxnSp macro="">
      <xdr:nvCxnSpPr>
        <xdr:cNvPr id="449" name="直線コネクタ 448">
          <a:extLst>
            <a:ext uri="{FF2B5EF4-FFF2-40B4-BE49-F238E27FC236}">
              <a16:creationId xmlns:a16="http://schemas.microsoft.com/office/drawing/2014/main" id="{00000000-0008-0000-0300-0000C1010000}"/>
            </a:ext>
          </a:extLst>
        </xdr:cNvPr>
        <xdr:cNvCxnSpPr/>
      </xdr:nvCxnSpPr>
      <xdr:spPr>
        <a:xfrm flipV="1">
          <a:off x="17018000" y="2313214"/>
          <a:ext cx="0" cy="171323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55171</xdr:rowOff>
    </xdr:from>
    <xdr:ext cx="762000" cy="259045"/>
    <xdr:sp macro="" textlink="">
      <xdr:nvSpPr>
        <xdr:cNvPr id="450" name="将来負担の状況最小値テキスト">
          <a:extLst>
            <a:ext uri="{FF2B5EF4-FFF2-40B4-BE49-F238E27FC236}">
              <a16:creationId xmlns:a16="http://schemas.microsoft.com/office/drawing/2014/main" id="{00000000-0008-0000-0300-0000C2010000}"/>
            </a:ext>
          </a:extLst>
        </xdr:cNvPr>
        <xdr:cNvSpPr txBox="1"/>
      </xdr:nvSpPr>
      <xdr:spPr>
        <a:xfrm>
          <a:off x="17106900" y="3998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83094</xdr:rowOff>
    </xdr:from>
    <xdr:to>
      <xdr:col>81</xdr:col>
      <xdr:colOff>133350</xdr:colOff>
      <xdr:row>23</xdr:row>
      <xdr:rowOff>83094</xdr:rowOff>
    </xdr:to>
    <xdr:cxnSp macro="">
      <xdr:nvCxnSpPr>
        <xdr:cNvPr id="451" name="直線コネクタ 450">
          <a:extLst>
            <a:ext uri="{FF2B5EF4-FFF2-40B4-BE49-F238E27FC236}">
              <a16:creationId xmlns:a16="http://schemas.microsoft.com/office/drawing/2014/main" id="{00000000-0008-0000-0300-0000C3010000}"/>
            </a:ext>
          </a:extLst>
        </xdr:cNvPr>
        <xdr:cNvCxnSpPr/>
      </xdr:nvCxnSpPr>
      <xdr:spPr>
        <a:xfrm>
          <a:off x="16929100" y="40264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52" name="将来負担の状況最大値テキスト">
          <a:extLst>
            <a:ext uri="{FF2B5EF4-FFF2-40B4-BE49-F238E27FC236}">
              <a16:creationId xmlns:a16="http://schemas.microsoft.com/office/drawing/2014/main" id="{00000000-0008-0000-0300-0000C4010000}"/>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53" name="直線コネクタ 452">
          <a:extLst>
            <a:ext uri="{FF2B5EF4-FFF2-40B4-BE49-F238E27FC236}">
              <a16:creationId xmlns:a16="http://schemas.microsoft.com/office/drawing/2014/main" id="{00000000-0008-0000-0300-0000C5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7</xdr:row>
      <xdr:rowOff>129359</xdr:rowOff>
    </xdr:from>
    <xdr:to>
      <xdr:col>81</xdr:col>
      <xdr:colOff>44450</xdr:colOff>
      <xdr:row>19</xdr:row>
      <xdr:rowOff>77742</xdr:rowOff>
    </xdr:to>
    <xdr:cxnSp macro="">
      <xdr:nvCxnSpPr>
        <xdr:cNvPr id="454" name="直線コネクタ 453">
          <a:extLst>
            <a:ext uri="{FF2B5EF4-FFF2-40B4-BE49-F238E27FC236}">
              <a16:creationId xmlns:a16="http://schemas.microsoft.com/office/drawing/2014/main" id="{00000000-0008-0000-0300-0000C6010000}"/>
            </a:ext>
          </a:extLst>
        </xdr:cNvPr>
        <xdr:cNvCxnSpPr/>
      </xdr:nvCxnSpPr>
      <xdr:spPr>
        <a:xfrm flipV="1">
          <a:off x="16179800" y="3044009"/>
          <a:ext cx="838200" cy="2912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62791</xdr:rowOff>
    </xdr:from>
    <xdr:ext cx="762000" cy="259045"/>
    <xdr:sp macro="" textlink="">
      <xdr:nvSpPr>
        <xdr:cNvPr id="455" name="将来負担の状況平均値テキスト">
          <a:extLst>
            <a:ext uri="{FF2B5EF4-FFF2-40B4-BE49-F238E27FC236}">
              <a16:creationId xmlns:a16="http://schemas.microsoft.com/office/drawing/2014/main" id="{00000000-0008-0000-0300-0000C7010000}"/>
            </a:ext>
          </a:extLst>
        </xdr:cNvPr>
        <xdr:cNvSpPr txBox="1"/>
      </xdr:nvSpPr>
      <xdr:spPr>
        <a:xfrm>
          <a:off x="17106900" y="21201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56" name="フローチャート: 判断 455">
          <a:extLst>
            <a:ext uri="{FF2B5EF4-FFF2-40B4-BE49-F238E27FC236}">
              <a16:creationId xmlns:a16="http://schemas.microsoft.com/office/drawing/2014/main" id="{00000000-0008-0000-0300-0000C8010000}"/>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9</xdr:row>
      <xdr:rowOff>77742</xdr:rowOff>
    </xdr:from>
    <xdr:to>
      <xdr:col>77</xdr:col>
      <xdr:colOff>44450</xdr:colOff>
      <xdr:row>20</xdr:row>
      <xdr:rowOff>1089</xdr:rowOff>
    </xdr:to>
    <xdr:cxnSp macro="">
      <xdr:nvCxnSpPr>
        <xdr:cNvPr id="457" name="直線コネクタ 456">
          <a:extLst>
            <a:ext uri="{FF2B5EF4-FFF2-40B4-BE49-F238E27FC236}">
              <a16:creationId xmlns:a16="http://schemas.microsoft.com/office/drawing/2014/main" id="{00000000-0008-0000-0300-0000C9010000}"/>
            </a:ext>
          </a:extLst>
        </xdr:cNvPr>
        <xdr:cNvCxnSpPr/>
      </xdr:nvCxnSpPr>
      <xdr:spPr>
        <a:xfrm flipV="1">
          <a:off x="15290800" y="3335292"/>
          <a:ext cx="889000" cy="94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00784</xdr:rowOff>
    </xdr:from>
    <xdr:to>
      <xdr:col>77</xdr:col>
      <xdr:colOff>95250</xdr:colOff>
      <xdr:row>14</xdr:row>
      <xdr:rowOff>30934</xdr:rowOff>
    </xdr:to>
    <xdr:sp macro="" textlink="">
      <xdr:nvSpPr>
        <xdr:cNvPr id="458" name="フローチャート: 判断 457">
          <a:extLst>
            <a:ext uri="{FF2B5EF4-FFF2-40B4-BE49-F238E27FC236}">
              <a16:creationId xmlns:a16="http://schemas.microsoft.com/office/drawing/2014/main" id="{00000000-0008-0000-0300-0000CA010000}"/>
            </a:ext>
          </a:extLst>
        </xdr:cNvPr>
        <xdr:cNvSpPr/>
      </xdr:nvSpPr>
      <xdr:spPr>
        <a:xfrm>
          <a:off x="16129000" y="232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41111</xdr:rowOff>
    </xdr:from>
    <xdr:ext cx="736600" cy="259045"/>
    <xdr:sp macro="" textlink="">
      <xdr:nvSpPr>
        <xdr:cNvPr id="459" name="テキスト ボックス 458">
          <a:extLst>
            <a:ext uri="{FF2B5EF4-FFF2-40B4-BE49-F238E27FC236}">
              <a16:creationId xmlns:a16="http://schemas.microsoft.com/office/drawing/2014/main" id="{00000000-0008-0000-0300-0000CB010000}"/>
            </a:ext>
          </a:extLst>
        </xdr:cNvPr>
        <xdr:cNvSpPr txBox="1"/>
      </xdr:nvSpPr>
      <xdr:spPr>
        <a:xfrm>
          <a:off x="15798800" y="20985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9</xdr:row>
      <xdr:rowOff>170815</xdr:rowOff>
    </xdr:from>
    <xdr:to>
      <xdr:col>72</xdr:col>
      <xdr:colOff>203200</xdr:colOff>
      <xdr:row>20</xdr:row>
      <xdr:rowOff>1089</xdr:rowOff>
    </xdr:to>
    <xdr:cxnSp macro="">
      <xdr:nvCxnSpPr>
        <xdr:cNvPr id="460" name="直線コネクタ 459">
          <a:extLst>
            <a:ext uri="{FF2B5EF4-FFF2-40B4-BE49-F238E27FC236}">
              <a16:creationId xmlns:a16="http://schemas.microsoft.com/office/drawing/2014/main" id="{00000000-0008-0000-0300-0000CC010000}"/>
            </a:ext>
          </a:extLst>
        </xdr:cNvPr>
        <xdr:cNvCxnSpPr/>
      </xdr:nvCxnSpPr>
      <xdr:spPr>
        <a:xfrm>
          <a:off x="14401800" y="3428365"/>
          <a:ext cx="889000" cy="1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26637</xdr:rowOff>
    </xdr:from>
    <xdr:to>
      <xdr:col>73</xdr:col>
      <xdr:colOff>44450</xdr:colOff>
      <xdr:row>14</xdr:row>
      <xdr:rowOff>56787</xdr:rowOff>
    </xdr:to>
    <xdr:sp macro="" textlink="">
      <xdr:nvSpPr>
        <xdr:cNvPr id="461" name="フローチャート: 判断 460">
          <a:extLst>
            <a:ext uri="{FF2B5EF4-FFF2-40B4-BE49-F238E27FC236}">
              <a16:creationId xmlns:a16="http://schemas.microsoft.com/office/drawing/2014/main" id="{00000000-0008-0000-0300-0000CD010000}"/>
            </a:ext>
          </a:extLst>
        </xdr:cNvPr>
        <xdr:cNvSpPr/>
      </xdr:nvSpPr>
      <xdr:spPr>
        <a:xfrm>
          <a:off x="15240000" y="2355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66964</xdr:rowOff>
    </xdr:from>
    <xdr:ext cx="762000" cy="259045"/>
    <xdr:sp macro="" textlink="">
      <xdr:nvSpPr>
        <xdr:cNvPr id="462" name="テキスト ボックス 461">
          <a:extLst>
            <a:ext uri="{FF2B5EF4-FFF2-40B4-BE49-F238E27FC236}">
              <a16:creationId xmlns:a16="http://schemas.microsoft.com/office/drawing/2014/main" id="{00000000-0008-0000-0300-0000CE010000}"/>
            </a:ext>
          </a:extLst>
        </xdr:cNvPr>
        <xdr:cNvSpPr txBox="1"/>
      </xdr:nvSpPr>
      <xdr:spPr>
        <a:xfrm>
          <a:off x="14909800" y="21243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9</xdr:row>
      <xdr:rowOff>170815</xdr:rowOff>
    </xdr:from>
    <xdr:to>
      <xdr:col>68</xdr:col>
      <xdr:colOff>152400</xdr:colOff>
      <xdr:row>21</xdr:row>
      <xdr:rowOff>124369</xdr:rowOff>
    </xdr:to>
    <xdr:cxnSp macro="">
      <xdr:nvCxnSpPr>
        <xdr:cNvPr id="463" name="直線コネクタ 462">
          <a:extLst>
            <a:ext uri="{FF2B5EF4-FFF2-40B4-BE49-F238E27FC236}">
              <a16:creationId xmlns:a16="http://schemas.microsoft.com/office/drawing/2014/main" id="{00000000-0008-0000-0300-0000CF010000}"/>
            </a:ext>
          </a:extLst>
        </xdr:cNvPr>
        <xdr:cNvCxnSpPr/>
      </xdr:nvCxnSpPr>
      <xdr:spPr>
        <a:xfrm flipV="1">
          <a:off x="13512800" y="3428365"/>
          <a:ext cx="889000" cy="296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3</xdr:row>
      <xdr:rowOff>119743</xdr:rowOff>
    </xdr:from>
    <xdr:to>
      <xdr:col>68</xdr:col>
      <xdr:colOff>203200</xdr:colOff>
      <xdr:row>14</xdr:row>
      <xdr:rowOff>49893</xdr:rowOff>
    </xdr:to>
    <xdr:sp macro="" textlink="">
      <xdr:nvSpPr>
        <xdr:cNvPr id="464" name="フローチャート: 判断 463">
          <a:extLst>
            <a:ext uri="{FF2B5EF4-FFF2-40B4-BE49-F238E27FC236}">
              <a16:creationId xmlns:a16="http://schemas.microsoft.com/office/drawing/2014/main" id="{00000000-0008-0000-0300-0000D0010000}"/>
            </a:ext>
          </a:extLst>
        </xdr:cNvPr>
        <xdr:cNvSpPr/>
      </xdr:nvSpPr>
      <xdr:spPr>
        <a:xfrm>
          <a:off x="14351000" y="2348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60070</xdr:rowOff>
    </xdr:from>
    <xdr:ext cx="762000" cy="259045"/>
    <xdr:sp macro="" textlink="">
      <xdr:nvSpPr>
        <xdr:cNvPr id="465" name="テキスト ボックス 464">
          <a:extLst>
            <a:ext uri="{FF2B5EF4-FFF2-40B4-BE49-F238E27FC236}">
              <a16:creationId xmlns:a16="http://schemas.microsoft.com/office/drawing/2014/main" id="{00000000-0008-0000-0300-0000D1010000}"/>
            </a:ext>
          </a:extLst>
        </xdr:cNvPr>
        <xdr:cNvSpPr txBox="1"/>
      </xdr:nvSpPr>
      <xdr:spPr>
        <a:xfrm>
          <a:off x="14020800" y="2117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2390</xdr:rowOff>
    </xdr:from>
    <xdr:to>
      <xdr:col>64</xdr:col>
      <xdr:colOff>152400</xdr:colOff>
      <xdr:row>15</xdr:row>
      <xdr:rowOff>2540</xdr:rowOff>
    </xdr:to>
    <xdr:sp macro="" textlink="">
      <xdr:nvSpPr>
        <xdr:cNvPr id="466" name="フローチャート: 判断 465">
          <a:extLst>
            <a:ext uri="{FF2B5EF4-FFF2-40B4-BE49-F238E27FC236}">
              <a16:creationId xmlns:a16="http://schemas.microsoft.com/office/drawing/2014/main" id="{00000000-0008-0000-0300-0000D2010000}"/>
            </a:ext>
          </a:extLst>
        </xdr:cNvPr>
        <xdr:cNvSpPr/>
      </xdr:nvSpPr>
      <xdr:spPr>
        <a:xfrm>
          <a:off x="13462000" y="247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2717</xdr:rowOff>
    </xdr:from>
    <xdr:ext cx="762000" cy="259045"/>
    <xdr:sp macro="" textlink="">
      <xdr:nvSpPr>
        <xdr:cNvPr id="467" name="テキスト ボックス 466">
          <a:extLst>
            <a:ext uri="{FF2B5EF4-FFF2-40B4-BE49-F238E27FC236}">
              <a16:creationId xmlns:a16="http://schemas.microsoft.com/office/drawing/2014/main" id="{00000000-0008-0000-0300-0000D3010000}"/>
            </a:ext>
          </a:extLst>
        </xdr:cNvPr>
        <xdr:cNvSpPr txBox="1"/>
      </xdr:nvSpPr>
      <xdr:spPr>
        <a:xfrm>
          <a:off x="13131800" y="2241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8" name="テキスト ボックス 467">
          <a:extLst>
            <a:ext uri="{FF2B5EF4-FFF2-40B4-BE49-F238E27FC236}">
              <a16:creationId xmlns:a16="http://schemas.microsoft.com/office/drawing/2014/main" id="{00000000-0008-0000-0300-0000D4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9" name="テキスト ボックス 468">
          <a:extLst>
            <a:ext uri="{FF2B5EF4-FFF2-40B4-BE49-F238E27FC236}">
              <a16:creationId xmlns:a16="http://schemas.microsoft.com/office/drawing/2014/main" id="{00000000-0008-0000-0300-0000D5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70" name="テキスト ボックス 469">
          <a:extLst>
            <a:ext uri="{FF2B5EF4-FFF2-40B4-BE49-F238E27FC236}">
              <a16:creationId xmlns:a16="http://schemas.microsoft.com/office/drawing/2014/main" id="{00000000-0008-0000-0300-0000D6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71" name="テキスト ボックス 470">
          <a:extLst>
            <a:ext uri="{FF2B5EF4-FFF2-40B4-BE49-F238E27FC236}">
              <a16:creationId xmlns:a16="http://schemas.microsoft.com/office/drawing/2014/main" id="{00000000-0008-0000-0300-0000D7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72" name="テキスト ボックス 471">
          <a:extLst>
            <a:ext uri="{FF2B5EF4-FFF2-40B4-BE49-F238E27FC236}">
              <a16:creationId xmlns:a16="http://schemas.microsoft.com/office/drawing/2014/main" id="{00000000-0008-0000-0300-0000D8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7</xdr:row>
      <xdr:rowOff>78559</xdr:rowOff>
    </xdr:from>
    <xdr:to>
      <xdr:col>81</xdr:col>
      <xdr:colOff>95250</xdr:colOff>
      <xdr:row>18</xdr:row>
      <xdr:rowOff>8709</xdr:rowOff>
    </xdr:to>
    <xdr:sp macro="" textlink="">
      <xdr:nvSpPr>
        <xdr:cNvPr id="473" name="楕円 472">
          <a:extLst>
            <a:ext uri="{FF2B5EF4-FFF2-40B4-BE49-F238E27FC236}">
              <a16:creationId xmlns:a16="http://schemas.microsoft.com/office/drawing/2014/main" id="{00000000-0008-0000-0300-0000D9010000}"/>
            </a:ext>
          </a:extLst>
        </xdr:cNvPr>
        <xdr:cNvSpPr/>
      </xdr:nvSpPr>
      <xdr:spPr>
        <a:xfrm>
          <a:off x="16967200" y="2993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7</xdr:row>
      <xdr:rowOff>50636</xdr:rowOff>
    </xdr:from>
    <xdr:ext cx="762000" cy="259045"/>
    <xdr:sp macro="" textlink="">
      <xdr:nvSpPr>
        <xdr:cNvPr id="474" name="将来負担の状況該当値テキスト">
          <a:extLst>
            <a:ext uri="{FF2B5EF4-FFF2-40B4-BE49-F238E27FC236}">
              <a16:creationId xmlns:a16="http://schemas.microsoft.com/office/drawing/2014/main" id="{00000000-0008-0000-0300-0000DA010000}"/>
            </a:ext>
          </a:extLst>
        </xdr:cNvPr>
        <xdr:cNvSpPr txBox="1"/>
      </xdr:nvSpPr>
      <xdr:spPr>
        <a:xfrm>
          <a:off x="17106900" y="29652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9</xdr:row>
      <xdr:rowOff>26942</xdr:rowOff>
    </xdr:from>
    <xdr:to>
      <xdr:col>77</xdr:col>
      <xdr:colOff>95250</xdr:colOff>
      <xdr:row>19</xdr:row>
      <xdr:rowOff>128542</xdr:rowOff>
    </xdr:to>
    <xdr:sp macro="" textlink="">
      <xdr:nvSpPr>
        <xdr:cNvPr id="475" name="楕円 474">
          <a:extLst>
            <a:ext uri="{FF2B5EF4-FFF2-40B4-BE49-F238E27FC236}">
              <a16:creationId xmlns:a16="http://schemas.microsoft.com/office/drawing/2014/main" id="{00000000-0008-0000-0300-0000DB010000}"/>
            </a:ext>
          </a:extLst>
        </xdr:cNvPr>
        <xdr:cNvSpPr/>
      </xdr:nvSpPr>
      <xdr:spPr>
        <a:xfrm>
          <a:off x="16129000" y="3284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9</xdr:row>
      <xdr:rowOff>113319</xdr:rowOff>
    </xdr:from>
    <xdr:ext cx="736600" cy="259045"/>
    <xdr:sp macro="" textlink="">
      <xdr:nvSpPr>
        <xdr:cNvPr id="476" name="テキスト ボックス 475">
          <a:extLst>
            <a:ext uri="{FF2B5EF4-FFF2-40B4-BE49-F238E27FC236}">
              <a16:creationId xmlns:a16="http://schemas.microsoft.com/office/drawing/2014/main" id="{00000000-0008-0000-0300-0000DC010000}"/>
            </a:ext>
          </a:extLst>
        </xdr:cNvPr>
        <xdr:cNvSpPr txBox="1"/>
      </xdr:nvSpPr>
      <xdr:spPr>
        <a:xfrm>
          <a:off x="15798800" y="33708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9</xdr:row>
      <xdr:rowOff>121739</xdr:rowOff>
    </xdr:from>
    <xdr:to>
      <xdr:col>73</xdr:col>
      <xdr:colOff>44450</xdr:colOff>
      <xdr:row>20</xdr:row>
      <xdr:rowOff>51889</xdr:rowOff>
    </xdr:to>
    <xdr:sp macro="" textlink="">
      <xdr:nvSpPr>
        <xdr:cNvPr id="477" name="楕円 476">
          <a:extLst>
            <a:ext uri="{FF2B5EF4-FFF2-40B4-BE49-F238E27FC236}">
              <a16:creationId xmlns:a16="http://schemas.microsoft.com/office/drawing/2014/main" id="{00000000-0008-0000-0300-0000DD010000}"/>
            </a:ext>
          </a:extLst>
        </xdr:cNvPr>
        <xdr:cNvSpPr/>
      </xdr:nvSpPr>
      <xdr:spPr>
        <a:xfrm>
          <a:off x="15240000" y="3379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0</xdr:row>
      <xdr:rowOff>36666</xdr:rowOff>
    </xdr:from>
    <xdr:ext cx="762000" cy="259045"/>
    <xdr:sp macro="" textlink="">
      <xdr:nvSpPr>
        <xdr:cNvPr id="478" name="テキスト ボックス 477">
          <a:extLst>
            <a:ext uri="{FF2B5EF4-FFF2-40B4-BE49-F238E27FC236}">
              <a16:creationId xmlns:a16="http://schemas.microsoft.com/office/drawing/2014/main" id="{00000000-0008-0000-0300-0000DE010000}"/>
            </a:ext>
          </a:extLst>
        </xdr:cNvPr>
        <xdr:cNvSpPr txBox="1"/>
      </xdr:nvSpPr>
      <xdr:spPr>
        <a:xfrm>
          <a:off x="14909800" y="34656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9</xdr:row>
      <xdr:rowOff>120015</xdr:rowOff>
    </xdr:from>
    <xdr:to>
      <xdr:col>68</xdr:col>
      <xdr:colOff>203200</xdr:colOff>
      <xdr:row>20</xdr:row>
      <xdr:rowOff>50165</xdr:rowOff>
    </xdr:to>
    <xdr:sp macro="" textlink="">
      <xdr:nvSpPr>
        <xdr:cNvPr id="479" name="楕円 478">
          <a:extLst>
            <a:ext uri="{FF2B5EF4-FFF2-40B4-BE49-F238E27FC236}">
              <a16:creationId xmlns:a16="http://schemas.microsoft.com/office/drawing/2014/main" id="{00000000-0008-0000-0300-0000DF010000}"/>
            </a:ext>
          </a:extLst>
        </xdr:cNvPr>
        <xdr:cNvSpPr/>
      </xdr:nvSpPr>
      <xdr:spPr>
        <a:xfrm>
          <a:off x="14351000" y="3377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0</xdr:row>
      <xdr:rowOff>34942</xdr:rowOff>
    </xdr:from>
    <xdr:ext cx="762000" cy="259045"/>
    <xdr:sp macro="" textlink="">
      <xdr:nvSpPr>
        <xdr:cNvPr id="480" name="テキスト ボックス 479">
          <a:extLst>
            <a:ext uri="{FF2B5EF4-FFF2-40B4-BE49-F238E27FC236}">
              <a16:creationId xmlns:a16="http://schemas.microsoft.com/office/drawing/2014/main" id="{00000000-0008-0000-0300-0000E0010000}"/>
            </a:ext>
          </a:extLst>
        </xdr:cNvPr>
        <xdr:cNvSpPr txBox="1"/>
      </xdr:nvSpPr>
      <xdr:spPr>
        <a:xfrm>
          <a:off x="14020800" y="34639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1</xdr:row>
      <xdr:rowOff>73569</xdr:rowOff>
    </xdr:from>
    <xdr:to>
      <xdr:col>64</xdr:col>
      <xdr:colOff>152400</xdr:colOff>
      <xdr:row>22</xdr:row>
      <xdr:rowOff>3719</xdr:rowOff>
    </xdr:to>
    <xdr:sp macro="" textlink="">
      <xdr:nvSpPr>
        <xdr:cNvPr id="481" name="楕円 480">
          <a:extLst>
            <a:ext uri="{FF2B5EF4-FFF2-40B4-BE49-F238E27FC236}">
              <a16:creationId xmlns:a16="http://schemas.microsoft.com/office/drawing/2014/main" id="{00000000-0008-0000-0300-0000E1010000}"/>
            </a:ext>
          </a:extLst>
        </xdr:cNvPr>
        <xdr:cNvSpPr/>
      </xdr:nvSpPr>
      <xdr:spPr>
        <a:xfrm>
          <a:off x="13462000" y="36740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1</xdr:row>
      <xdr:rowOff>159946</xdr:rowOff>
    </xdr:from>
    <xdr:ext cx="762000" cy="259045"/>
    <xdr:sp macro="" textlink="">
      <xdr:nvSpPr>
        <xdr:cNvPr id="482" name="テキスト ボックス 481">
          <a:extLst>
            <a:ext uri="{FF2B5EF4-FFF2-40B4-BE49-F238E27FC236}">
              <a16:creationId xmlns:a16="http://schemas.microsoft.com/office/drawing/2014/main" id="{00000000-0008-0000-0300-0000E2010000}"/>
            </a:ext>
          </a:extLst>
        </xdr:cNvPr>
        <xdr:cNvSpPr txBox="1"/>
      </xdr:nvSpPr>
      <xdr:spPr>
        <a:xfrm>
          <a:off x="13131800" y="3760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125507</xdr:colOff>
      <xdr:row>26</xdr:row>
      <xdr:rowOff>51547</xdr:rowOff>
    </xdr:from>
    <xdr:ext cx="9099176" cy="432548"/>
    <xdr:sp macro="" textlink="">
      <xdr:nvSpPr>
        <xdr:cNvPr id="483" name="テキスト ボックス 482">
          <a:extLst>
            <a:ext uri="{FF2B5EF4-FFF2-40B4-BE49-F238E27FC236}">
              <a16:creationId xmlns:a16="http://schemas.microsoft.com/office/drawing/2014/main" id="{B7833EC5-7802-49C9-93AF-5F55205E114C}"/>
            </a:ext>
          </a:extLst>
        </xdr:cNvPr>
        <xdr:cNvSpPr txBox="1"/>
      </xdr:nvSpPr>
      <xdr:spPr>
        <a:xfrm>
          <a:off x="690283" y="4480112"/>
          <a:ext cx="9099176" cy="43254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square" rtlCol="0" anchor="t">
          <a:noAutofit/>
        </a:bodyPr>
        <a:lstStyle/>
        <a:p>
          <a:pPr algn="l"/>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1,000</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人当たり職員数」</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cs typeface="+mn-cs"/>
            </a:rPr>
            <a:t>の算出に用いる</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職員数及び「給与水準（国との比較）」の「ラスパイレス指数」については、各調査対象年度の翌年の  　</a:t>
          </a:r>
          <a:endParaRPr kumimoji="1" lang="en-US" altLang="ja-JP" sz="1000">
            <a:solidFill>
              <a:sysClr val="windowText" lastClr="000000"/>
            </a:solidFill>
            <a:latin typeface="ＭＳ Ｐゴシック" panose="020B0600070205080204" pitchFamily="50" charset="-128"/>
            <a:ea typeface="ＭＳ Ｐゴシック" panose="020B0600070205080204" pitchFamily="50" charset="-128"/>
          </a:endParaRPr>
        </a:p>
        <a:p>
          <a:pPr algn="l"/>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　　地方公務員給与実態調査に基づいているが、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度は令和</a:t>
          </a:r>
          <a:r>
            <a:rPr kumimoji="1" lang="en-US" altLang="ja-JP" sz="10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000">
              <a:solidFill>
                <a:sysClr val="windowText" lastClr="000000"/>
              </a:solidFill>
              <a:latin typeface="ＭＳ Ｐゴシック" panose="020B0600070205080204" pitchFamily="50" charset="-128"/>
              <a:ea typeface="ＭＳ Ｐゴシック" panose="020B0600070205080204" pitchFamily="50" charset="-128"/>
            </a:rPr>
            <a:t>年調査の数値を引用している。 </a:t>
          </a: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795
97,298
55.56
38,593,373
36,101,492
2,440,297
20,871,660
22,402,6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人件費にかかる経常収支比率は、退職手当組合負担金の減等により</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ポイント減となったものの、類似団体よりも</a:t>
          </a:r>
          <a:r>
            <a:rPr kumimoji="1" lang="en-US" altLang="ja-JP" sz="1300">
              <a:latin typeface="ＭＳ Ｐゴシック" panose="020B0600070205080204" pitchFamily="50" charset="-128"/>
              <a:ea typeface="ＭＳ Ｐゴシック" panose="020B0600070205080204" pitchFamily="50" charset="-128"/>
            </a:rPr>
            <a:t>4.6</a:t>
          </a:r>
          <a:r>
            <a:rPr kumimoji="1" lang="ja-JP" altLang="en-US" sz="1300">
              <a:latin typeface="ＭＳ Ｐゴシック" panose="020B0600070205080204" pitchFamily="50" charset="-128"/>
              <a:ea typeface="ＭＳ Ｐゴシック" panose="020B0600070205080204" pitchFamily="50" charset="-128"/>
            </a:rPr>
            <a:t>ポイント高い水準となっている。事務事業の見直しやＲＰＡの活用等により、行政運営の効率化を図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69850</xdr:rowOff>
    </xdr:from>
    <xdr:to>
      <xdr:col>26</xdr:col>
      <xdr:colOff>184150</xdr:colOff>
      <xdr:row>41</xdr:row>
      <xdr:rowOff>698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0</xdr:row>
      <xdr:rowOff>9907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127000</xdr:rowOff>
    </xdr:from>
    <xdr:to>
      <xdr:col>26</xdr:col>
      <xdr:colOff>184150</xdr:colOff>
      <xdr:row>38</xdr:row>
      <xdr:rowOff>12700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15622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12700</xdr:rowOff>
    </xdr:from>
    <xdr:to>
      <xdr:col>26</xdr:col>
      <xdr:colOff>184150</xdr:colOff>
      <xdr:row>36</xdr:row>
      <xdr:rowOff>1270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4192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3</xdr:row>
      <xdr:rowOff>69850</xdr:rowOff>
    </xdr:from>
    <xdr:to>
      <xdr:col>26</xdr:col>
      <xdr:colOff>184150</xdr:colOff>
      <xdr:row>33</xdr:row>
      <xdr:rowOff>698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990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58" name="人件費グラフ枠">
          <a:extLst>
            <a:ext uri="{FF2B5EF4-FFF2-40B4-BE49-F238E27FC236}">
              <a16:creationId xmlns:a16="http://schemas.microsoft.com/office/drawing/2014/main" id="{00000000-0008-0000-0400-00003A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1</xdr:row>
      <xdr:rowOff>143002</xdr:rowOff>
    </xdr:to>
    <xdr:cxnSp macro="">
      <xdr:nvCxnSpPr>
        <xdr:cNvPr id="59" name="直線コネクタ 58">
          <a:extLst>
            <a:ext uri="{FF2B5EF4-FFF2-40B4-BE49-F238E27FC236}">
              <a16:creationId xmlns:a16="http://schemas.microsoft.com/office/drawing/2014/main" id="{00000000-0008-0000-0400-00003B000000}"/>
            </a:ext>
          </a:extLst>
        </xdr:cNvPr>
        <xdr:cNvCxnSpPr/>
      </xdr:nvCxnSpPr>
      <xdr:spPr>
        <a:xfrm flipV="1">
          <a:off x="4826000" y="5773420"/>
          <a:ext cx="0" cy="1399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15079</xdr:rowOff>
    </xdr:from>
    <xdr:ext cx="762000" cy="259045"/>
    <xdr:sp macro="" textlink="">
      <xdr:nvSpPr>
        <xdr:cNvPr id="60" name="人件費最小値テキスト">
          <a:extLst>
            <a:ext uri="{FF2B5EF4-FFF2-40B4-BE49-F238E27FC236}">
              <a16:creationId xmlns:a16="http://schemas.microsoft.com/office/drawing/2014/main" id="{00000000-0008-0000-0400-00003C000000}"/>
            </a:ext>
          </a:extLst>
        </xdr:cNvPr>
        <xdr:cNvSpPr txBox="1"/>
      </xdr:nvSpPr>
      <xdr:spPr>
        <a:xfrm>
          <a:off x="4914900" y="71445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43002</xdr:rowOff>
    </xdr:from>
    <xdr:to>
      <xdr:col>24</xdr:col>
      <xdr:colOff>114300</xdr:colOff>
      <xdr:row>41</xdr:row>
      <xdr:rowOff>143002</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a:off x="4737100" y="71724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2" name="人件費最大値テキスト">
          <a:extLst>
            <a:ext uri="{FF2B5EF4-FFF2-40B4-BE49-F238E27FC236}">
              <a16:creationId xmlns:a16="http://schemas.microsoft.com/office/drawing/2014/main" id="{00000000-0008-0000-0400-00003E000000}"/>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40</xdr:row>
      <xdr:rowOff>67564</xdr:rowOff>
    </xdr:from>
    <xdr:to>
      <xdr:col>24</xdr:col>
      <xdr:colOff>25400</xdr:colOff>
      <xdr:row>41</xdr:row>
      <xdr:rowOff>152146</xdr:rowOff>
    </xdr:to>
    <xdr:cxnSp macro="">
      <xdr:nvCxnSpPr>
        <xdr:cNvPr id="64" name="直線コネクタ 63">
          <a:extLst>
            <a:ext uri="{FF2B5EF4-FFF2-40B4-BE49-F238E27FC236}">
              <a16:creationId xmlns:a16="http://schemas.microsoft.com/office/drawing/2014/main" id="{00000000-0008-0000-0400-000040000000}"/>
            </a:ext>
          </a:extLst>
        </xdr:cNvPr>
        <xdr:cNvCxnSpPr/>
      </xdr:nvCxnSpPr>
      <xdr:spPr>
        <a:xfrm flipV="1">
          <a:off x="3987800" y="6925564"/>
          <a:ext cx="838200" cy="2560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7017</xdr:rowOff>
    </xdr:from>
    <xdr:ext cx="762000" cy="259045"/>
    <xdr:sp macro="" textlink="">
      <xdr:nvSpPr>
        <xdr:cNvPr id="65" name="人件費平均値テキスト">
          <a:extLst>
            <a:ext uri="{FF2B5EF4-FFF2-40B4-BE49-F238E27FC236}">
              <a16:creationId xmlns:a16="http://schemas.microsoft.com/office/drawing/2014/main" id="{00000000-0008-0000-0400-000041000000}"/>
            </a:ext>
          </a:extLst>
        </xdr:cNvPr>
        <xdr:cNvSpPr txBox="1"/>
      </xdr:nvSpPr>
      <xdr:spPr>
        <a:xfrm>
          <a:off x="4914900" y="62992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10490</xdr:rowOff>
    </xdr:from>
    <xdr:to>
      <xdr:col>24</xdr:col>
      <xdr:colOff>76200</xdr:colOff>
      <xdr:row>38</xdr:row>
      <xdr:rowOff>40640</xdr:rowOff>
    </xdr:to>
    <xdr:sp macro="" textlink="">
      <xdr:nvSpPr>
        <xdr:cNvPr id="66" name="フローチャート: 判断 65">
          <a:extLst>
            <a:ext uri="{FF2B5EF4-FFF2-40B4-BE49-F238E27FC236}">
              <a16:creationId xmlns:a16="http://schemas.microsoft.com/office/drawing/2014/main" id="{00000000-0008-0000-0400-000042000000}"/>
            </a:ext>
          </a:extLst>
        </xdr:cNvPr>
        <xdr:cNvSpPr/>
      </xdr:nvSpPr>
      <xdr:spPr>
        <a:xfrm>
          <a:off x="4775200" y="6454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41</xdr:row>
      <xdr:rowOff>88138</xdr:rowOff>
    </xdr:from>
    <xdr:to>
      <xdr:col>19</xdr:col>
      <xdr:colOff>187325</xdr:colOff>
      <xdr:row>41</xdr:row>
      <xdr:rowOff>152146</xdr:rowOff>
    </xdr:to>
    <xdr:cxnSp macro="">
      <xdr:nvCxnSpPr>
        <xdr:cNvPr id="67" name="直線コネクタ 66">
          <a:extLst>
            <a:ext uri="{FF2B5EF4-FFF2-40B4-BE49-F238E27FC236}">
              <a16:creationId xmlns:a16="http://schemas.microsoft.com/office/drawing/2014/main" id="{00000000-0008-0000-0400-000043000000}"/>
            </a:ext>
          </a:extLst>
        </xdr:cNvPr>
        <xdr:cNvCxnSpPr/>
      </xdr:nvCxnSpPr>
      <xdr:spPr>
        <a:xfrm>
          <a:off x="3098800" y="7117588"/>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8</xdr:row>
      <xdr:rowOff>94488</xdr:rowOff>
    </xdr:from>
    <xdr:to>
      <xdr:col>20</xdr:col>
      <xdr:colOff>38100</xdr:colOff>
      <xdr:row>39</xdr:row>
      <xdr:rowOff>24638</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3937000" y="660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34815</xdr:rowOff>
    </xdr:from>
    <xdr:ext cx="736600" cy="259045"/>
    <xdr:sp macro="" textlink="">
      <xdr:nvSpPr>
        <xdr:cNvPr id="69" name="テキスト ボックス 68">
          <a:extLst>
            <a:ext uri="{FF2B5EF4-FFF2-40B4-BE49-F238E27FC236}">
              <a16:creationId xmlns:a16="http://schemas.microsoft.com/office/drawing/2014/main" id="{00000000-0008-0000-0400-000045000000}"/>
            </a:ext>
          </a:extLst>
        </xdr:cNvPr>
        <xdr:cNvSpPr txBox="1"/>
      </xdr:nvSpPr>
      <xdr:spPr>
        <a:xfrm>
          <a:off x="3606800" y="6378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1</xdr:row>
      <xdr:rowOff>69850</xdr:rowOff>
    </xdr:from>
    <xdr:to>
      <xdr:col>15</xdr:col>
      <xdr:colOff>98425</xdr:colOff>
      <xdr:row>41</xdr:row>
      <xdr:rowOff>88138</xdr:rowOff>
    </xdr:to>
    <xdr:cxnSp macro="">
      <xdr:nvCxnSpPr>
        <xdr:cNvPr id="70" name="直線コネクタ 69">
          <a:extLst>
            <a:ext uri="{FF2B5EF4-FFF2-40B4-BE49-F238E27FC236}">
              <a16:creationId xmlns:a16="http://schemas.microsoft.com/office/drawing/2014/main" id="{00000000-0008-0000-0400-000046000000}"/>
            </a:ext>
          </a:extLst>
        </xdr:cNvPr>
        <xdr:cNvCxnSpPr/>
      </xdr:nvCxnSpPr>
      <xdr:spPr>
        <a:xfrm>
          <a:off x="2209800" y="7099300"/>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47066</xdr:rowOff>
    </xdr:from>
    <xdr:to>
      <xdr:col>15</xdr:col>
      <xdr:colOff>149225</xdr:colOff>
      <xdr:row>38</xdr:row>
      <xdr:rowOff>77215</xdr:rowOff>
    </xdr:to>
    <xdr:sp macro="" textlink="">
      <xdr:nvSpPr>
        <xdr:cNvPr id="71" name="フローチャート: 判断 70">
          <a:extLst>
            <a:ext uri="{FF2B5EF4-FFF2-40B4-BE49-F238E27FC236}">
              <a16:creationId xmlns:a16="http://schemas.microsoft.com/office/drawing/2014/main" id="{00000000-0008-0000-0400-000047000000}"/>
            </a:ext>
          </a:extLst>
        </xdr:cNvPr>
        <xdr:cNvSpPr/>
      </xdr:nvSpPr>
      <xdr:spPr>
        <a:xfrm>
          <a:off x="3048000" y="6490716"/>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87393</xdr:rowOff>
    </xdr:from>
    <xdr:ext cx="762000" cy="259045"/>
    <xdr:sp macro="" textlink="">
      <xdr:nvSpPr>
        <xdr:cNvPr id="72" name="テキスト ボックス 71">
          <a:extLst>
            <a:ext uri="{FF2B5EF4-FFF2-40B4-BE49-F238E27FC236}">
              <a16:creationId xmlns:a16="http://schemas.microsoft.com/office/drawing/2014/main" id="{00000000-0008-0000-0400-000048000000}"/>
            </a:ext>
          </a:extLst>
        </xdr:cNvPr>
        <xdr:cNvSpPr txBox="1"/>
      </xdr:nvSpPr>
      <xdr:spPr>
        <a:xfrm>
          <a:off x="2717800" y="62595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1</xdr:row>
      <xdr:rowOff>69850</xdr:rowOff>
    </xdr:from>
    <xdr:to>
      <xdr:col>11</xdr:col>
      <xdr:colOff>9525</xdr:colOff>
      <xdr:row>41</xdr:row>
      <xdr:rowOff>115570</xdr:rowOff>
    </xdr:to>
    <xdr:cxnSp macro="">
      <xdr:nvCxnSpPr>
        <xdr:cNvPr id="73" name="直線コネクタ 72">
          <a:extLst>
            <a:ext uri="{FF2B5EF4-FFF2-40B4-BE49-F238E27FC236}">
              <a16:creationId xmlns:a16="http://schemas.microsoft.com/office/drawing/2014/main" id="{00000000-0008-0000-0400-000049000000}"/>
            </a:ext>
          </a:extLst>
        </xdr:cNvPr>
        <xdr:cNvCxnSpPr/>
      </xdr:nvCxnSpPr>
      <xdr:spPr>
        <a:xfrm flipV="1">
          <a:off x="1320800" y="7099300"/>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165354</xdr:rowOff>
    </xdr:from>
    <xdr:to>
      <xdr:col>11</xdr:col>
      <xdr:colOff>60325</xdr:colOff>
      <xdr:row>38</xdr:row>
      <xdr:rowOff>95504</xdr:rowOff>
    </xdr:to>
    <xdr:sp macro="" textlink="">
      <xdr:nvSpPr>
        <xdr:cNvPr id="74" name="フローチャート: 判断 73">
          <a:extLst>
            <a:ext uri="{FF2B5EF4-FFF2-40B4-BE49-F238E27FC236}">
              <a16:creationId xmlns:a16="http://schemas.microsoft.com/office/drawing/2014/main" id="{00000000-0008-0000-0400-00004A000000}"/>
            </a:ext>
          </a:extLst>
        </xdr:cNvPr>
        <xdr:cNvSpPr/>
      </xdr:nvSpPr>
      <xdr:spPr>
        <a:xfrm>
          <a:off x="2159000" y="65090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6</xdr:row>
      <xdr:rowOff>105681</xdr:rowOff>
    </xdr:from>
    <xdr:ext cx="762000" cy="259045"/>
    <xdr:sp macro="" textlink="">
      <xdr:nvSpPr>
        <xdr:cNvPr id="75" name="テキスト ボックス 74">
          <a:extLst>
            <a:ext uri="{FF2B5EF4-FFF2-40B4-BE49-F238E27FC236}">
              <a16:creationId xmlns:a16="http://schemas.microsoft.com/office/drawing/2014/main" id="{00000000-0008-0000-0400-00004B000000}"/>
            </a:ext>
          </a:extLst>
        </xdr:cNvPr>
        <xdr:cNvSpPr txBox="1"/>
      </xdr:nvSpPr>
      <xdr:spPr>
        <a:xfrm>
          <a:off x="1828800" y="6277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156210</xdr:rowOff>
    </xdr:from>
    <xdr:to>
      <xdr:col>6</xdr:col>
      <xdr:colOff>171450</xdr:colOff>
      <xdr:row>38</xdr:row>
      <xdr:rowOff>8636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1270000" y="6499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6</xdr:row>
      <xdr:rowOff>9653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939800" y="6268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78" name="テキスト ボックス 77">
          <a:extLst>
            <a:ext uri="{FF2B5EF4-FFF2-40B4-BE49-F238E27FC236}">
              <a16:creationId xmlns:a16="http://schemas.microsoft.com/office/drawing/2014/main" id="{00000000-0008-0000-0400-00004E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40</xdr:row>
      <xdr:rowOff>16764</xdr:rowOff>
    </xdr:from>
    <xdr:to>
      <xdr:col>24</xdr:col>
      <xdr:colOff>76200</xdr:colOff>
      <xdr:row>40</xdr:row>
      <xdr:rowOff>118364</xdr:rowOff>
    </xdr:to>
    <xdr:sp macro="" textlink="">
      <xdr:nvSpPr>
        <xdr:cNvPr id="83" name="楕円 82">
          <a:extLst>
            <a:ext uri="{FF2B5EF4-FFF2-40B4-BE49-F238E27FC236}">
              <a16:creationId xmlns:a16="http://schemas.microsoft.com/office/drawing/2014/main" id="{00000000-0008-0000-0400-000053000000}"/>
            </a:ext>
          </a:extLst>
        </xdr:cNvPr>
        <xdr:cNvSpPr/>
      </xdr:nvSpPr>
      <xdr:spPr>
        <a:xfrm>
          <a:off x="4775200" y="6874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60291</xdr:rowOff>
    </xdr:from>
    <xdr:ext cx="762000" cy="259045"/>
    <xdr:sp macro="" textlink="">
      <xdr:nvSpPr>
        <xdr:cNvPr id="84" name="人件費該当値テキスト">
          <a:extLst>
            <a:ext uri="{FF2B5EF4-FFF2-40B4-BE49-F238E27FC236}">
              <a16:creationId xmlns:a16="http://schemas.microsoft.com/office/drawing/2014/main" id="{00000000-0008-0000-0400-000054000000}"/>
            </a:ext>
          </a:extLst>
        </xdr:cNvPr>
        <xdr:cNvSpPr txBox="1"/>
      </xdr:nvSpPr>
      <xdr:spPr>
        <a:xfrm>
          <a:off x="4914900" y="6846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41</xdr:row>
      <xdr:rowOff>101346</xdr:rowOff>
    </xdr:from>
    <xdr:to>
      <xdr:col>20</xdr:col>
      <xdr:colOff>38100</xdr:colOff>
      <xdr:row>42</xdr:row>
      <xdr:rowOff>31496</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3937000" y="7130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2</xdr:row>
      <xdr:rowOff>16273</xdr:rowOff>
    </xdr:from>
    <xdr:ext cx="736600" cy="259045"/>
    <xdr:sp macro="" textlink="">
      <xdr:nvSpPr>
        <xdr:cNvPr id="86" name="テキスト ボックス 85">
          <a:extLst>
            <a:ext uri="{FF2B5EF4-FFF2-40B4-BE49-F238E27FC236}">
              <a16:creationId xmlns:a16="http://schemas.microsoft.com/office/drawing/2014/main" id="{00000000-0008-0000-0400-000056000000}"/>
            </a:ext>
          </a:extLst>
        </xdr:cNvPr>
        <xdr:cNvSpPr txBox="1"/>
      </xdr:nvSpPr>
      <xdr:spPr>
        <a:xfrm>
          <a:off x="3606800" y="72171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1</xdr:row>
      <xdr:rowOff>37338</xdr:rowOff>
    </xdr:from>
    <xdr:to>
      <xdr:col>15</xdr:col>
      <xdr:colOff>149225</xdr:colOff>
      <xdr:row>41</xdr:row>
      <xdr:rowOff>138938</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048000" y="706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123715</xdr:rowOff>
    </xdr:from>
    <xdr:ext cx="7620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2717800" y="71531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1</xdr:row>
      <xdr:rowOff>19050</xdr:rowOff>
    </xdr:from>
    <xdr:to>
      <xdr:col>11</xdr:col>
      <xdr:colOff>60325</xdr:colOff>
      <xdr:row>41</xdr:row>
      <xdr:rowOff>12065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2159000" y="7048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10542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1828800" y="713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64770</xdr:rowOff>
    </xdr:from>
    <xdr:to>
      <xdr:col>6</xdr:col>
      <xdr:colOff>171450</xdr:colOff>
      <xdr:row>41</xdr:row>
      <xdr:rowOff>16637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1270000" y="7094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15114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939800" y="718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3" name="正方形/長方形 92">
          <a:extLst>
            <a:ext uri="{FF2B5EF4-FFF2-40B4-BE49-F238E27FC236}">
              <a16:creationId xmlns:a16="http://schemas.microsoft.com/office/drawing/2014/main" id="{00000000-0008-0000-0400-00005D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4" name="正方形/長方形 93">
          <a:extLst>
            <a:ext uri="{FF2B5EF4-FFF2-40B4-BE49-F238E27FC236}">
              <a16:creationId xmlns:a16="http://schemas.microsoft.com/office/drawing/2014/main" id="{00000000-0008-0000-0400-00005E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3" name="テキスト ボックス 102">
          <a:extLst>
            <a:ext uri="{FF2B5EF4-FFF2-40B4-BE49-F238E27FC236}">
              <a16:creationId xmlns:a16="http://schemas.microsoft.com/office/drawing/2014/main" id="{00000000-0008-0000-0400-000067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物件費にかかる経常収支比率については、分子となるゴミ収集運搬委託業務の増等により増となったものの、分母となる地方交付税や臨時財政対策債等も増となり、分母の増加幅が分子の増加幅を上回ったため、</a:t>
          </a:r>
          <a:r>
            <a:rPr kumimoji="1" lang="en-US" altLang="ja-JP" sz="1300">
              <a:latin typeface="ＭＳ Ｐゴシック" panose="020B0600070205080204" pitchFamily="50" charset="-128"/>
              <a:ea typeface="ＭＳ Ｐゴシック" panose="020B0600070205080204" pitchFamily="50" charset="-128"/>
            </a:rPr>
            <a:t>0.7</a:t>
          </a:r>
          <a:r>
            <a:rPr kumimoji="1" lang="ja-JP" altLang="en-US" sz="1300">
              <a:latin typeface="ＭＳ Ｐゴシック" panose="020B0600070205080204" pitchFamily="50" charset="-128"/>
              <a:ea typeface="ＭＳ Ｐゴシック" panose="020B0600070205080204" pitchFamily="50" charset="-128"/>
            </a:rPr>
            <a:t>ポイント減となった。類似団体と比較して高い水準にあるため、事務事業の見直し等を通じて、水準の改善を図る。</a:t>
          </a:r>
        </a:p>
      </xdr:txBody>
    </xdr:sp>
    <xdr:clientData/>
  </xdr:twoCellAnchor>
  <xdr:oneCellAnchor>
    <xdr:from>
      <xdr:col>62</xdr:col>
      <xdr:colOff>6350</xdr:colOff>
      <xdr:row>9</xdr:row>
      <xdr:rowOff>107950</xdr:rowOff>
    </xdr:from>
    <xdr:ext cx="298543" cy="225703"/>
    <xdr:sp macro="" textlink="">
      <xdr:nvSpPr>
        <xdr:cNvPr id="104" name="テキスト ボックス 103">
          <a:extLst>
            <a:ext uri="{FF2B5EF4-FFF2-40B4-BE49-F238E27FC236}">
              <a16:creationId xmlns:a16="http://schemas.microsoft.com/office/drawing/2014/main" id="{00000000-0008-0000-0400-000068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5" name="直線コネクタ 104">
          <a:extLst>
            <a:ext uri="{FF2B5EF4-FFF2-40B4-BE49-F238E27FC236}">
              <a16:creationId xmlns:a16="http://schemas.microsoft.com/office/drawing/2014/main" id="{00000000-0008-0000-0400-000069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2</xdr:row>
      <xdr:rowOff>143329</xdr:rowOff>
    </xdr:from>
    <xdr:to>
      <xdr:col>82</xdr:col>
      <xdr:colOff>107950</xdr:colOff>
      <xdr:row>21</xdr:row>
      <xdr:rowOff>124278</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flipV="1">
          <a:off x="16510000" y="2200729"/>
          <a:ext cx="0" cy="15239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96355</xdr:rowOff>
    </xdr:from>
    <xdr:ext cx="762000" cy="259045"/>
    <xdr:sp macro="" textlink="">
      <xdr:nvSpPr>
        <xdr:cNvPr id="123" name="物件費最小値テキスト">
          <a:extLst>
            <a:ext uri="{FF2B5EF4-FFF2-40B4-BE49-F238E27FC236}">
              <a16:creationId xmlns:a16="http://schemas.microsoft.com/office/drawing/2014/main" id="{00000000-0008-0000-0400-00007B000000}"/>
            </a:ext>
          </a:extLst>
        </xdr:cNvPr>
        <xdr:cNvSpPr txBox="1"/>
      </xdr:nvSpPr>
      <xdr:spPr>
        <a:xfrm>
          <a:off x="16598900" y="3696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24278</xdr:rowOff>
    </xdr:from>
    <xdr:to>
      <xdr:col>82</xdr:col>
      <xdr:colOff>196850</xdr:colOff>
      <xdr:row>21</xdr:row>
      <xdr:rowOff>124278</xdr:rowOff>
    </xdr:to>
    <xdr:cxnSp macro="">
      <xdr:nvCxnSpPr>
        <xdr:cNvPr id="124" name="直線コネクタ 123">
          <a:extLst>
            <a:ext uri="{FF2B5EF4-FFF2-40B4-BE49-F238E27FC236}">
              <a16:creationId xmlns:a16="http://schemas.microsoft.com/office/drawing/2014/main" id="{00000000-0008-0000-0400-00007C000000}"/>
            </a:ext>
          </a:extLst>
        </xdr:cNvPr>
        <xdr:cNvCxnSpPr/>
      </xdr:nvCxnSpPr>
      <xdr:spPr>
        <a:xfrm>
          <a:off x="16421100" y="37247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58256</xdr:rowOff>
    </xdr:from>
    <xdr:ext cx="762000" cy="259045"/>
    <xdr:sp macro="" textlink="">
      <xdr:nvSpPr>
        <xdr:cNvPr id="125" name="物件費最大値テキスト">
          <a:extLst>
            <a:ext uri="{FF2B5EF4-FFF2-40B4-BE49-F238E27FC236}">
              <a16:creationId xmlns:a16="http://schemas.microsoft.com/office/drawing/2014/main" id="{00000000-0008-0000-0400-00007D000000}"/>
            </a:ext>
          </a:extLst>
        </xdr:cNvPr>
        <xdr:cNvSpPr txBox="1"/>
      </xdr:nvSpPr>
      <xdr:spPr>
        <a:xfrm>
          <a:off x="16598900" y="1944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2</xdr:row>
      <xdr:rowOff>143329</xdr:rowOff>
    </xdr:from>
    <xdr:to>
      <xdr:col>82</xdr:col>
      <xdr:colOff>196850</xdr:colOff>
      <xdr:row>12</xdr:row>
      <xdr:rowOff>143329</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6421100" y="2200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48079</xdr:rowOff>
    </xdr:from>
    <xdr:to>
      <xdr:col>82</xdr:col>
      <xdr:colOff>107950</xdr:colOff>
      <xdr:row>17</xdr:row>
      <xdr:rowOff>124279</xdr:rowOff>
    </xdr:to>
    <xdr:cxnSp macro="">
      <xdr:nvCxnSpPr>
        <xdr:cNvPr id="127" name="直線コネクタ 126">
          <a:extLst>
            <a:ext uri="{FF2B5EF4-FFF2-40B4-BE49-F238E27FC236}">
              <a16:creationId xmlns:a16="http://schemas.microsoft.com/office/drawing/2014/main" id="{00000000-0008-0000-0400-00007F000000}"/>
            </a:ext>
          </a:extLst>
        </xdr:cNvPr>
        <xdr:cNvCxnSpPr/>
      </xdr:nvCxnSpPr>
      <xdr:spPr>
        <a:xfrm flipV="1">
          <a:off x="15671800" y="2962729"/>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0827</xdr:rowOff>
    </xdr:from>
    <xdr:ext cx="762000" cy="259045"/>
    <xdr:sp macro="" textlink="">
      <xdr:nvSpPr>
        <xdr:cNvPr id="128" name="物件費平均値テキスト">
          <a:extLst>
            <a:ext uri="{FF2B5EF4-FFF2-40B4-BE49-F238E27FC236}">
              <a16:creationId xmlns:a16="http://schemas.microsoft.com/office/drawing/2014/main" id="{00000000-0008-0000-0400-000080000000}"/>
            </a:ext>
          </a:extLst>
        </xdr:cNvPr>
        <xdr:cNvSpPr txBox="1"/>
      </xdr:nvSpPr>
      <xdr:spPr>
        <a:xfrm>
          <a:off x="16598900" y="2702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4300</xdr:rowOff>
    </xdr:from>
    <xdr:to>
      <xdr:col>82</xdr:col>
      <xdr:colOff>158750</xdr:colOff>
      <xdr:row>17</xdr:row>
      <xdr:rowOff>44450</xdr:rowOff>
    </xdr:to>
    <xdr:sp macro="" textlink="">
      <xdr:nvSpPr>
        <xdr:cNvPr id="129" name="フローチャート: 判断 128">
          <a:extLst>
            <a:ext uri="{FF2B5EF4-FFF2-40B4-BE49-F238E27FC236}">
              <a16:creationId xmlns:a16="http://schemas.microsoft.com/office/drawing/2014/main" id="{00000000-0008-0000-0400-000081000000}"/>
            </a:ext>
          </a:extLst>
        </xdr:cNvPr>
        <xdr:cNvSpPr/>
      </xdr:nvSpPr>
      <xdr:spPr>
        <a:xfrm>
          <a:off x="16459200" y="2857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124279</xdr:rowOff>
    </xdr:from>
    <xdr:to>
      <xdr:col>78</xdr:col>
      <xdr:colOff>69850</xdr:colOff>
      <xdr:row>17</xdr:row>
      <xdr:rowOff>167821</xdr:rowOff>
    </xdr:to>
    <xdr:cxnSp macro="">
      <xdr:nvCxnSpPr>
        <xdr:cNvPr id="130" name="直線コネクタ 129">
          <a:extLst>
            <a:ext uri="{FF2B5EF4-FFF2-40B4-BE49-F238E27FC236}">
              <a16:creationId xmlns:a16="http://schemas.microsoft.com/office/drawing/2014/main" id="{00000000-0008-0000-0400-000082000000}"/>
            </a:ext>
          </a:extLst>
        </xdr:cNvPr>
        <xdr:cNvCxnSpPr/>
      </xdr:nvCxnSpPr>
      <xdr:spPr>
        <a:xfrm flipV="1">
          <a:off x="14782800" y="3038929"/>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19050</xdr:rowOff>
    </xdr:from>
    <xdr:to>
      <xdr:col>78</xdr:col>
      <xdr:colOff>120650</xdr:colOff>
      <xdr:row>17</xdr:row>
      <xdr:rowOff>120650</xdr:rowOff>
    </xdr:to>
    <xdr:sp macro="" textlink="">
      <xdr:nvSpPr>
        <xdr:cNvPr id="131" name="フローチャート: 判断 130">
          <a:extLst>
            <a:ext uri="{FF2B5EF4-FFF2-40B4-BE49-F238E27FC236}">
              <a16:creationId xmlns:a16="http://schemas.microsoft.com/office/drawing/2014/main" id="{00000000-0008-0000-0400-000083000000}"/>
            </a:ext>
          </a:extLst>
        </xdr:cNvPr>
        <xdr:cNvSpPr/>
      </xdr:nvSpPr>
      <xdr:spPr>
        <a:xfrm>
          <a:off x="15621000" y="2933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30827</xdr:rowOff>
    </xdr:from>
    <xdr:ext cx="736600" cy="259045"/>
    <xdr:sp macro="" textlink="">
      <xdr:nvSpPr>
        <xdr:cNvPr id="132" name="テキスト ボックス 131">
          <a:extLst>
            <a:ext uri="{FF2B5EF4-FFF2-40B4-BE49-F238E27FC236}">
              <a16:creationId xmlns:a16="http://schemas.microsoft.com/office/drawing/2014/main" id="{00000000-0008-0000-0400-000084000000}"/>
            </a:ext>
          </a:extLst>
        </xdr:cNvPr>
        <xdr:cNvSpPr txBox="1"/>
      </xdr:nvSpPr>
      <xdr:spPr>
        <a:xfrm>
          <a:off x="15290800" y="2702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124279</xdr:rowOff>
    </xdr:from>
    <xdr:to>
      <xdr:col>73</xdr:col>
      <xdr:colOff>180975</xdr:colOff>
      <xdr:row>17</xdr:row>
      <xdr:rowOff>167821</xdr:rowOff>
    </xdr:to>
    <xdr:cxnSp macro="">
      <xdr:nvCxnSpPr>
        <xdr:cNvPr id="133" name="直線コネクタ 132">
          <a:extLst>
            <a:ext uri="{FF2B5EF4-FFF2-40B4-BE49-F238E27FC236}">
              <a16:creationId xmlns:a16="http://schemas.microsoft.com/office/drawing/2014/main" id="{00000000-0008-0000-0400-000085000000}"/>
            </a:ext>
          </a:extLst>
        </xdr:cNvPr>
        <xdr:cNvCxnSpPr/>
      </xdr:nvCxnSpPr>
      <xdr:spPr>
        <a:xfrm>
          <a:off x="13893800" y="3038929"/>
          <a:ext cx="889000" cy="43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117021</xdr:rowOff>
    </xdr:from>
    <xdr:to>
      <xdr:col>74</xdr:col>
      <xdr:colOff>31750</xdr:colOff>
      <xdr:row>18</xdr:row>
      <xdr:rowOff>47171</xdr:rowOff>
    </xdr:to>
    <xdr:sp macro="" textlink="">
      <xdr:nvSpPr>
        <xdr:cNvPr id="134" name="フローチャート: 判断 133">
          <a:extLst>
            <a:ext uri="{FF2B5EF4-FFF2-40B4-BE49-F238E27FC236}">
              <a16:creationId xmlns:a16="http://schemas.microsoft.com/office/drawing/2014/main" id="{00000000-0008-0000-0400-000086000000}"/>
            </a:ext>
          </a:extLst>
        </xdr:cNvPr>
        <xdr:cNvSpPr/>
      </xdr:nvSpPr>
      <xdr:spPr>
        <a:xfrm>
          <a:off x="14732000" y="3031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57348</xdr:rowOff>
    </xdr:from>
    <xdr:ext cx="762000" cy="259045"/>
    <xdr:sp macro="" textlink="">
      <xdr:nvSpPr>
        <xdr:cNvPr id="135" name="テキスト ボックス 134">
          <a:extLst>
            <a:ext uri="{FF2B5EF4-FFF2-40B4-BE49-F238E27FC236}">
              <a16:creationId xmlns:a16="http://schemas.microsoft.com/office/drawing/2014/main" id="{00000000-0008-0000-0400-000087000000}"/>
            </a:ext>
          </a:extLst>
        </xdr:cNvPr>
        <xdr:cNvSpPr txBox="1"/>
      </xdr:nvSpPr>
      <xdr:spPr>
        <a:xfrm>
          <a:off x="14401800" y="2800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58964</xdr:rowOff>
    </xdr:from>
    <xdr:to>
      <xdr:col>69</xdr:col>
      <xdr:colOff>92075</xdr:colOff>
      <xdr:row>17</xdr:row>
      <xdr:rowOff>124279</xdr:rowOff>
    </xdr:to>
    <xdr:cxnSp macro="">
      <xdr:nvCxnSpPr>
        <xdr:cNvPr id="136" name="直線コネクタ 135">
          <a:extLst>
            <a:ext uri="{FF2B5EF4-FFF2-40B4-BE49-F238E27FC236}">
              <a16:creationId xmlns:a16="http://schemas.microsoft.com/office/drawing/2014/main" id="{00000000-0008-0000-0400-000088000000}"/>
            </a:ext>
          </a:extLst>
        </xdr:cNvPr>
        <xdr:cNvCxnSpPr/>
      </xdr:nvCxnSpPr>
      <xdr:spPr>
        <a:xfrm>
          <a:off x="13004800" y="2973614"/>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95250</xdr:rowOff>
    </xdr:from>
    <xdr:to>
      <xdr:col>69</xdr:col>
      <xdr:colOff>142875</xdr:colOff>
      <xdr:row>18</xdr:row>
      <xdr:rowOff>25400</xdr:rowOff>
    </xdr:to>
    <xdr:sp macro="" textlink="">
      <xdr:nvSpPr>
        <xdr:cNvPr id="137" name="フローチャート: 判断 136">
          <a:extLst>
            <a:ext uri="{FF2B5EF4-FFF2-40B4-BE49-F238E27FC236}">
              <a16:creationId xmlns:a16="http://schemas.microsoft.com/office/drawing/2014/main" id="{00000000-0008-0000-0400-000089000000}"/>
            </a:ext>
          </a:extLst>
        </xdr:cNvPr>
        <xdr:cNvSpPr/>
      </xdr:nvSpPr>
      <xdr:spPr>
        <a:xfrm>
          <a:off x="13843000" y="300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3512800" y="309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62593</xdr:rowOff>
    </xdr:from>
    <xdr:to>
      <xdr:col>65</xdr:col>
      <xdr:colOff>53975</xdr:colOff>
      <xdr:row>17</xdr:row>
      <xdr:rowOff>164193</xdr:rowOff>
    </xdr:to>
    <xdr:sp macro="" textlink="">
      <xdr:nvSpPr>
        <xdr:cNvPr id="139" name="フローチャート: 判断 138">
          <a:extLst>
            <a:ext uri="{FF2B5EF4-FFF2-40B4-BE49-F238E27FC236}">
              <a16:creationId xmlns:a16="http://schemas.microsoft.com/office/drawing/2014/main" id="{00000000-0008-0000-0400-00008B000000}"/>
            </a:ext>
          </a:extLst>
        </xdr:cNvPr>
        <xdr:cNvSpPr/>
      </xdr:nvSpPr>
      <xdr:spPr>
        <a:xfrm>
          <a:off x="12954000" y="2977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148970</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2623800" y="30636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8729</xdr:rowOff>
    </xdr:from>
    <xdr:to>
      <xdr:col>82</xdr:col>
      <xdr:colOff>158750</xdr:colOff>
      <xdr:row>17</xdr:row>
      <xdr:rowOff>98879</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6459200" y="2911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40806</xdr:rowOff>
    </xdr:from>
    <xdr:ext cx="762000" cy="259045"/>
    <xdr:sp macro="" textlink="">
      <xdr:nvSpPr>
        <xdr:cNvPr id="147" name="物件費該当値テキスト">
          <a:extLst>
            <a:ext uri="{FF2B5EF4-FFF2-40B4-BE49-F238E27FC236}">
              <a16:creationId xmlns:a16="http://schemas.microsoft.com/office/drawing/2014/main" id="{00000000-0008-0000-0400-000093000000}"/>
            </a:ext>
          </a:extLst>
        </xdr:cNvPr>
        <xdr:cNvSpPr txBox="1"/>
      </xdr:nvSpPr>
      <xdr:spPr>
        <a:xfrm>
          <a:off x="16598900" y="2884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73479</xdr:rowOff>
    </xdr:from>
    <xdr:to>
      <xdr:col>78</xdr:col>
      <xdr:colOff>120650</xdr:colOff>
      <xdr:row>18</xdr:row>
      <xdr:rowOff>3629</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56210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59856</xdr:rowOff>
    </xdr:from>
    <xdr:ext cx="7366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5290800" y="30745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7</xdr:row>
      <xdr:rowOff>117021</xdr:rowOff>
    </xdr:from>
    <xdr:to>
      <xdr:col>74</xdr:col>
      <xdr:colOff>31750</xdr:colOff>
      <xdr:row>18</xdr:row>
      <xdr:rowOff>47171</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4732000" y="3031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8</xdr:row>
      <xdr:rowOff>31948</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4401800" y="3118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7</xdr:row>
      <xdr:rowOff>73479</xdr:rowOff>
    </xdr:from>
    <xdr:to>
      <xdr:col>69</xdr:col>
      <xdr:colOff>142875</xdr:colOff>
      <xdr:row>18</xdr:row>
      <xdr:rowOff>3629</xdr:rowOff>
    </xdr:to>
    <xdr:sp macro="" textlink="">
      <xdr:nvSpPr>
        <xdr:cNvPr id="152" name="楕円 151">
          <a:extLst>
            <a:ext uri="{FF2B5EF4-FFF2-40B4-BE49-F238E27FC236}">
              <a16:creationId xmlns:a16="http://schemas.microsoft.com/office/drawing/2014/main" id="{00000000-0008-0000-0400-000098000000}"/>
            </a:ext>
          </a:extLst>
        </xdr:cNvPr>
        <xdr:cNvSpPr/>
      </xdr:nvSpPr>
      <xdr:spPr>
        <a:xfrm>
          <a:off x="13843000" y="2988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3806</xdr:rowOff>
    </xdr:from>
    <xdr:ext cx="762000" cy="259045"/>
    <xdr:sp macro="" textlink="">
      <xdr:nvSpPr>
        <xdr:cNvPr id="153" name="テキスト ボックス 152">
          <a:extLst>
            <a:ext uri="{FF2B5EF4-FFF2-40B4-BE49-F238E27FC236}">
              <a16:creationId xmlns:a16="http://schemas.microsoft.com/office/drawing/2014/main" id="{00000000-0008-0000-0400-000099000000}"/>
            </a:ext>
          </a:extLst>
        </xdr:cNvPr>
        <xdr:cNvSpPr txBox="1"/>
      </xdr:nvSpPr>
      <xdr:spPr>
        <a:xfrm>
          <a:off x="13512800" y="2757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8164</xdr:rowOff>
    </xdr:from>
    <xdr:to>
      <xdr:col>65</xdr:col>
      <xdr:colOff>53975</xdr:colOff>
      <xdr:row>17</xdr:row>
      <xdr:rowOff>109764</xdr:rowOff>
    </xdr:to>
    <xdr:sp macro="" textlink="">
      <xdr:nvSpPr>
        <xdr:cNvPr id="154" name="楕円 153">
          <a:extLst>
            <a:ext uri="{FF2B5EF4-FFF2-40B4-BE49-F238E27FC236}">
              <a16:creationId xmlns:a16="http://schemas.microsoft.com/office/drawing/2014/main" id="{00000000-0008-0000-0400-00009A000000}"/>
            </a:ext>
          </a:extLst>
        </xdr:cNvPr>
        <xdr:cNvSpPr/>
      </xdr:nvSpPr>
      <xdr:spPr>
        <a:xfrm>
          <a:off x="12954000" y="2922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19941</xdr:rowOff>
    </xdr:from>
    <xdr:ext cx="762000" cy="259045"/>
    <xdr:sp macro="" textlink="">
      <xdr:nvSpPr>
        <xdr:cNvPr id="155" name="テキスト ボックス 154">
          <a:extLst>
            <a:ext uri="{FF2B5EF4-FFF2-40B4-BE49-F238E27FC236}">
              <a16:creationId xmlns:a16="http://schemas.microsoft.com/office/drawing/2014/main" id="{00000000-0008-0000-0400-00009B000000}"/>
            </a:ext>
          </a:extLst>
        </xdr:cNvPr>
        <xdr:cNvSpPr txBox="1"/>
      </xdr:nvSpPr>
      <xdr:spPr>
        <a:xfrm>
          <a:off x="12623800" y="2691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扶助費にかかる経常収支比率については、分子となる小児医療費の助成等の歳出が増となったものの、分母となる地方交付税や臨時財政対策債等の歳入も増となり、分母の増加幅が分子の増加幅を上回ったため、</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減となった。類似団体の平均値とほぼ同じ水準となっているが、少子高齢化社会の進展に伴い、今後は扶助費の増加傾向が見込まれるため、経費縮減等により、引き続き水準の抑制を図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168910</xdr:rowOff>
    </xdr:from>
    <xdr:to>
      <xdr:col>24</xdr:col>
      <xdr:colOff>25400</xdr:colOff>
      <xdr:row>60</xdr:row>
      <xdr:rowOff>15748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flipV="1">
          <a:off x="4826000" y="9255760"/>
          <a:ext cx="0" cy="11887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29557</xdr:rowOff>
    </xdr:from>
    <xdr:ext cx="762000" cy="259045"/>
    <xdr:sp macro="" textlink="">
      <xdr:nvSpPr>
        <xdr:cNvPr id="184" name="扶助費最小値テキスト">
          <a:extLst>
            <a:ext uri="{FF2B5EF4-FFF2-40B4-BE49-F238E27FC236}">
              <a16:creationId xmlns:a16="http://schemas.microsoft.com/office/drawing/2014/main" id="{00000000-0008-0000-0400-0000B8000000}"/>
            </a:ext>
          </a:extLst>
        </xdr:cNvPr>
        <xdr:cNvSpPr txBox="1"/>
      </xdr:nvSpPr>
      <xdr:spPr>
        <a:xfrm>
          <a:off x="491490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57480</xdr:rowOff>
    </xdr:from>
    <xdr:to>
      <xdr:col>24</xdr:col>
      <xdr:colOff>114300</xdr:colOff>
      <xdr:row>60</xdr:row>
      <xdr:rowOff>15748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1044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2</xdr:row>
      <xdr:rowOff>83837</xdr:rowOff>
    </xdr:from>
    <xdr:ext cx="762000" cy="259045"/>
    <xdr:sp macro="" textlink="">
      <xdr:nvSpPr>
        <xdr:cNvPr id="186" name="扶助費最大値テキスト">
          <a:extLst>
            <a:ext uri="{FF2B5EF4-FFF2-40B4-BE49-F238E27FC236}">
              <a16:creationId xmlns:a16="http://schemas.microsoft.com/office/drawing/2014/main" id="{00000000-0008-0000-0400-0000BA000000}"/>
            </a:ext>
          </a:extLst>
        </xdr:cNvPr>
        <xdr:cNvSpPr txBox="1"/>
      </xdr:nvSpPr>
      <xdr:spPr>
        <a:xfrm>
          <a:off x="4914900" y="8999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168910</xdr:rowOff>
    </xdr:from>
    <xdr:to>
      <xdr:col>24</xdr:col>
      <xdr:colOff>114300</xdr:colOff>
      <xdr:row>53</xdr:row>
      <xdr:rowOff>16891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a:off x="4737100" y="9255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27000</xdr:rowOff>
    </xdr:from>
    <xdr:to>
      <xdr:col>24</xdr:col>
      <xdr:colOff>25400</xdr:colOff>
      <xdr:row>56</xdr:row>
      <xdr:rowOff>149860</xdr:rowOff>
    </xdr:to>
    <xdr:cxnSp macro="">
      <xdr:nvCxnSpPr>
        <xdr:cNvPr id="188" name="直線コネクタ 187">
          <a:extLst>
            <a:ext uri="{FF2B5EF4-FFF2-40B4-BE49-F238E27FC236}">
              <a16:creationId xmlns:a16="http://schemas.microsoft.com/office/drawing/2014/main" id="{00000000-0008-0000-0400-0000BC000000}"/>
            </a:ext>
          </a:extLst>
        </xdr:cNvPr>
        <xdr:cNvCxnSpPr/>
      </xdr:nvCxnSpPr>
      <xdr:spPr>
        <a:xfrm flipV="1">
          <a:off x="3987800" y="9728200"/>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3517</xdr:rowOff>
    </xdr:from>
    <xdr:ext cx="762000" cy="259045"/>
    <xdr:sp macro="" textlink="">
      <xdr:nvSpPr>
        <xdr:cNvPr id="189" name="扶助費平均値テキスト">
          <a:extLst>
            <a:ext uri="{FF2B5EF4-FFF2-40B4-BE49-F238E27FC236}">
              <a16:creationId xmlns:a16="http://schemas.microsoft.com/office/drawing/2014/main" id="{00000000-0008-0000-0400-0000BD000000}"/>
            </a:ext>
          </a:extLst>
        </xdr:cNvPr>
        <xdr:cNvSpPr txBox="1"/>
      </xdr:nvSpPr>
      <xdr:spPr>
        <a:xfrm>
          <a:off x="4914900" y="96647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91440</xdr:rowOff>
    </xdr:from>
    <xdr:to>
      <xdr:col>24</xdr:col>
      <xdr:colOff>76200</xdr:colOff>
      <xdr:row>57</xdr:row>
      <xdr:rowOff>2159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47752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34620</xdr:rowOff>
    </xdr:from>
    <xdr:to>
      <xdr:col>19</xdr:col>
      <xdr:colOff>187325</xdr:colOff>
      <xdr:row>56</xdr:row>
      <xdr:rowOff>149860</xdr:rowOff>
    </xdr:to>
    <xdr:cxnSp macro="">
      <xdr:nvCxnSpPr>
        <xdr:cNvPr id="191" name="直線コネクタ 190">
          <a:extLst>
            <a:ext uri="{FF2B5EF4-FFF2-40B4-BE49-F238E27FC236}">
              <a16:creationId xmlns:a16="http://schemas.microsoft.com/office/drawing/2014/main" id="{00000000-0008-0000-0400-0000BF000000}"/>
            </a:ext>
          </a:extLst>
        </xdr:cNvPr>
        <xdr:cNvCxnSpPr/>
      </xdr:nvCxnSpPr>
      <xdr:spPr>
        <a:xfrm>
          <a:off x="3098800" y="973582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91440</xdr:rowOff>
    </xdr:from>
    <xdr:to>
      <xdr:col>20</xdr:col>
      <xdr:colOff>38100</xdr:colOff>
      <xdr:row>57</xdr:row>
      <xdr:rowOff>21590</xdr:rowOff>
    </xdr:to>
    <xdr:sp macro="" textlink="">
      <xdr:nvSpPr>
        <xdr:cNvPr id="192" name="フローチャート: 判断 191">
          <a:extLst>
            <a:ext uri="{FF2B5EF4-FFF2-40B4-BE49-F238E27FC236}">
              <a16:creationId xmlns:a16="http://schemas.microsoft.com/office/drawing/2014/main" id="{00000000-0008-0000-0400-0000C0000000}"/>
            </a:ext>
          </a:extLst>
        </xdr:cNvPr>
        <xdr:cNvSpPr/>
      </xdr:nvSpPr>
      <xdr:spPr>
        <a:xfrm>
          <a:off x="3937000" y="9692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31767</xdr:rowOff>
    </xdr:from>
    <xdr:ext cx="736600" cy="259045"/>
    <xdr:sp macro="" textlink="">
      <xdr:nvSpPr>
        <xdr:cNvPr id="193" name="テキスト ボックス 192">
          <a:extLst>
            <a:ext uri="{FF2B5EF4-FFF2-40B4-BE49-F238E27FC236}">
              <a16:creationId xmlns:a16="http://schemas.microsoft.com/office/drawing/2014/main" id="{00000000-0008-0000-0400-0000C1000000}"/>
            </a:ext>
          </a:extLst>
        </xdr:cNvPr>
        <xdr:cNvSpPr txBox="1"/>
      </xdr:nvSpPr>
      <xdr:spPr>
        <a:xfrm>
          <a:off x="3606800" y="94615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6</xdr:row>
      <xdr:rowOff>134620</xdr:rowOff>
    </xdr:from>
    <xdr:to>
      <xdr:col>15</xdr:col>
      <xdr:colOff>98425</xdr:colOff>
      <xdr:row>56</xdr:row>
      <xdr:rowOff>142240</xdr:rowOff>
    </xdr:to>
    <xdr:cxnSp macro="">
      <xdr:nvCxnSpPr>
        <xdr:cNvPr id="194" name="直線コネクタ 193">
          <a:extLst>
            <a:ext uri="{FF2B5EF4-FFF2-40B4-BE49-F238E27FC236}">
              <a16:creationId xmlns:a16="http://schemas.microsoft.com/office/drawing/2014/main" id="{00000000-0008-0000-0400-0000C2000000}"/>
            </a:ext>
          </a:extLst>
        </xdr:cNvPr>
        <xdr:cNvCxnSpPr/>
      </xdr:nvCxnSpPr>
      <xdr:spPr>
        <a:xfrm flipV="1">
          <a:off x="2209800" y="973582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52400</xdr:rowOff>
    </xdr:from>
    <xdr:to>
      <xdr:col>15</xdr:col>
      <xdr:colOff>149225</xdr:colOff>
      <xdr:row>57</xdr:row>
      <xdr:rowOff>82550</xdr:rowOff>
    </xdr:to>
    <xdr:sp macro="" textlink="">
      <xdr:nvSpPr>
        <xdr:cNvPr id="195" name="フローチャート: 判断 194">
          <a:extLst>
            <a:ext uri="{FF2B5EF4-FFF2-40B4-BE49-F238E27FC236}">
              <a16:creationId xmlns:a16="http://schemas.microsoft.com/office/drawing/2014/main" id="{00000000-0008-0000-0400-0000C3000000}"/>
            </a:ext>
          </a:extLst>
        </xdr:cNvPr>
        <xdr:cNvSpPr/>
      </xdr:nvSpPr>
      <xdr:spPr>
        <a:xfrm>
          <a:off x="3048000" y="975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67327</xdr:rowOff>
    </xdr:from>
    <xdr:ext cx="762000" cy="259045"/>
    <xdr:sp macro="" textlink="">
      <xdr:nvSpPr>
        <xdr:cNvPr id="196" name="テキスト ボックス 195">
          <a:extLst>
            <a:ext uri="{FF2B5EF4-FFF2-40B4-BE49-F238E27FC236}">
              <a16:creationId xmlns:a16="http://schemas.microsoft.com/office/drawing/2014/main" id="{00000000-0008-0000-0400-0000C4000000}"/>
            </a:ext>
          </a:extLst>
        </xdr:cNvPr>
        <xdr:cNvSpPr txBox="1"/>
      </xdr:nvSpPr>
      <xdr:spPr>
        <a:xfrm>
          <a:off x="2717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81280</xdr:rowOff>
    </xdr:from>
    <xdr:to>
      <xdr:col>11</xdr:col>
      <xdr:colOff>9525</xdr:colOff>
      <xdr:row>56</xdr:row>
      <xdr:rowOff>142240</xdr:rowOff>
    </xdr:to>
    <xdr:cxnSp macro="">
      <xdr:nvCxnSpPr>
        <xdr:cNvPr id="197" name="直線コネクタ 196">
          <a:extLst>
            <a:ext uri="{FF2B5EF4-FFF2-40B4-BE49-F238E27FC236}">
              <a16:creationId xmlns:a16="http://schemas.microsoft.com/office/drawing/2014/main" id="{00000000-0008-0000-0400-0000C5000000}"/>
            </a:ext>
          </a:extLst>
        </xdr:cNvPr>
        <xdr:cNvCxnSpPr/>
      </xdr:nvCxnSpPr>
      <xdr:spPr>
        <a:xfrm>
          <a:off x="1320800" y="968248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14300</xdr:rowOff>
    </xdr:from>
    <xdr:to>
      <xdr:col>11</xdr:col>
      <xdr:colOff>60325</xdr:colOff>
      <xdr:row>57</xdr:row>
      <xdr:rowOff>444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21590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292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1828800" y="980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99060</xdr:rowOff>
    </xdr:from>
    <xdr:to>
      <xdr:col>6</xdr:col>
      <xdr:colOff>171450</xdr:colOff>
      <xdr:row>57</xdr:row>
      <xdr:rowOff>29210</xdr:rowOff>
    </xdr:to>
    <xdr:sp macro="" textlink="">
      <xdr:nvSpPr>
        <xdr:cNvPr id="200" name="フローチャート: 判断 199">
          <a:extLst>
            <a:ext uri="{FF2B5EF4-FFF2-40B4-BE49-F238E27FC236}">
              <a16:creationId xmlns:a16="http://schemas.microsoft.com/office/drawing/2014/main" id="{00000000-0008-0000-0400-0000C8000000}"/>
            </a:ext>
          </a:extLst>
        </xdr:cNvPr>
        <xdr:cNvSpPr/>
      </xdr:nvSpPr>
      <xdr:spPr>
        <a:xfrm>
          <a:off x="1270000" y="9700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1398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939800" y="9786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76200</xdr:rowOff>
    </xdr:from>
    <xdr:to>
      <xdr:col>24</xdr:col>
      <xdr:colOff>76200</xdr:colOff>
      <xdr:row>57</xdr:row>
      <xdr:rowOff>63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47752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92727</xdr:rowOff>
    </xdr:from>
    <xdr:ext cx="762000" cy="259045"/>
    <xdr:sp macro="" textlink="">
      <xdr:nvSpPr>
        <xdr:cNvPr id="208" name="扶助費該当値テキスト">
          <a:extLst>
            <a:ext uri="{FF2B5EF4-FFF2-40B4-BE49-F238E27FC236}">
              <a16:creationId xmlns:a16="http://schemas.microsoft.com/office/drawing/2014/main" id="{00000000-0008-0000-0400-0000D0000000}"/>
            </a:ext>
          </a:extLst>
        </xdr:cNvPr>
        <xdr:cNvSpPr txBox="1"/>
      </xdr:nvSpPr>
      <xdr:spPr>
        <a:xfrm>
          <a:off x="4914900" y="9522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99060</xdr:rowOff>
    </xdr:from>
    <xdr:to>
      <xdr:col>20</xdr:col>
      <xdr:colOff>38100</xdr:colOff>
      <xdr:row>57</xdr:row>
      <xdr:rowOff>2921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937000" y="9700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3987</xdr:rowOff>
    </xdr:from>
    <xdr:ext cx="7366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3606800" y="9786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83820</xdr:rowOff>
    </xdr:from>
    <xdr:to>
      <xdr:col>15</xdr:col>
      <xdr:colOff>149225</xdr:colOff>
      <xdr:row>57</xdr:row>
      <xdr:rowOff>1397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3048000" y="9685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2414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2717800" y="9453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91440</xdr:rowOff>
    </xdr:from>
    <xdr:to>
      <xdr:col>11</xdr:col>
      <xdr:colOff>60325</xdr:colOff>
      <xdr:row>57</xdr:row>
      <xdr:rowOff>2159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2159000" y="9692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3176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1828800" y="9461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30480</xdr:rowOff>
    </xdr:from>
    <xdr:to>
      <xdr:col>6</xdr:col>
      <xdr:colOff>171450</xdr:colOff>
      <xdr:row>56</xdr:row>
      <xdr:rowOff>132080</xdr:rowOff>
    </xdr:to>
    <xdr:sp macro="" textlink="">
      <xdr:nvSpPr>
        <xdr:cNvPr id="215" name="楕円 214">
          <a:extLst>
            <a:ext uri="{FF2B5EF4-FFF2-40B4-BE49-F238E27FC236}">
              <a16:creationId xmlns:a16="http://schemas.microsoft.com/office/drawing/2014/main" id="{00000000-0008-0000-0400-0000D7000000}"/>
            </a:ext>
          </a:extLst>
        </xdr:cNvPr>
        <xdr:cNvSpPr/>
      </xdr:nvSpPr>
      <xdr:spPr>
        <a:xfrm>
          <a:off x="1270000" y="9631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142257</xdr:rowOff>
    </xdr:from>
    <xdr:ext cx="762000" cy="259045"/>
    <xdr:sp macro="" textlink="">
      <xdr:nvSpPr>
        <xdr:cNvPr id="216" name="テキスト ボックス 215">
          <a:extLst>
            <a:ext uri="{FF2B5EF4-FFF2-40B4-BE49-F238E27FC236}">
              <a16:creationId xmlns:a16="http://schemas.microsoft.com/office/drawing/2014/main" id="{00000000-0008-0000-0400-0000D8000000}"/>
            </a:ext>
          </a:extLst>
        </xdr:cNvPr>
        <xdr:cNvSpPr txBox="1"/>
      </xdr:nvSpPr>
      <xdr:spPr>
        <a:xfrm>
          <a:off x="939800" y="9400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その他にかかる経常収支比率については、分子となる介護保険事業特別会計に対する繰出金等が増となったものの、分母となる地方交付税や臨時財政対策債等も増となり、分母の増加幅が分子の増加幅を上回ったため、</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ポイント減となった。類似団体の平均値を下回る結果となっており、引き続き経費の削減等に努めていく。</a:t>
          </a: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0" name="テキスト ボックス 239">
          <a:extLst>
            <a:ext uri="{FF2B5EF4-FFF2-40B4-BE49-F238E27FC236}">
              <a16:creationId xmlns:a16="http://schemas.microsoft.com/office/drawing/2014/main" id="{00000000-0008-0000-0400-0000F0000000}"/>
            </a:ext>
          </a:extLst>
        </xdr:cNvPr>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2" name="テキスト ボックス 241">
          <a:extLst>
            <a:ext uri="{FF2B5EF4-FFF2-40B4-BE49-F238E27FC236}">
              <a16:creationId xmlns:a16="http://schemas.microsoft.com/office/drawing/2014/main" id="{00000000-0008-0000-0400-0000F2000000}"/>
            </a:ext>
          </a:extLst>
        </xdr:cNvPr>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4" name="テキスト ボックス 243">
          <a:extLst>
            <a:ext uri="{FF2B5EF4-FFF2-40B4-BE49-F238E27FC236}">
              <a16:creationId xmlns:a16="http://schemas.microsoft.com/office/drawing/2014/main" id="{00000000-0008-0000-0400-0000F4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5" name="その他グラフ枠">
          <a:extLst>
            <a:ext uri="{FF2B5EF4-FFF2-40B4-BE49-F238E27FC236}">
              <a16:creationId xmlns:a16="http://schemas.microsoft.com/office/drawing/2014/main" id="{00000000-0008-0000-0400-0000F5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91622</xdr:rowOff>
    </xdr:from>
    <xdr:to>
      <xdr:col>82</xdr:col>
      <xdr:colOff>107950</xdr:colOff>
      <xdr:row>61</xdr:row>
      <xdr:rowOff>4535</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flipV="1">
          <a:off x="16510000" y="9178472"/>
          <a:ext cx="0" cy="12845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47" name="その他最小値テキスト">
          <a:extLst>
            <a:ext uri="{FF2B5EF4-FFF2-40B4-BE49-F238E27FC236}">
              <a16:creationId xmlns:a16="http://schemas.microsoft.com/office/drawing/2014/main" id="{00000000-0008-0000-0400-0000F7000000}"/>
            </a:ext>
          </a:extLst>
        </xdr:cNvPr>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6549</xdr:rowOff>
    </xdr:from>
    <xdr:ext cx="762000" cy="259045"/>
    <xdr:sp macro="" textlink="">
      <xdr:nvSpPr>
        <xdr:cNvPr id="249" name="その他最大値テキスト">
          <a:extLst>
            <a:ext uri="{FF2B5EF4-FFF2-40B4-BE49-F238E27FC236}">
              <a16:creationId xmlns:a16="http://schemas.microsoft.com/office/drawing/2014/main" id="{00000000-0008-0000-0400-0000F9000000}"/>
            </a:ext>
          </a:extLst>
        </xdr:cNvPr>
        <xdr:cNvSpPr txBox="1"/>
      </xdr:nvSpPr>
      <xdr:spPr>
        <a:xfrm>
          <a:off x="16598900" y="8921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91622</xdr:rowOff>
    </xdr:from>
    <xdr:to>
      <xdr:col>82</xdr:col>
      <xdr:colOff>196850</xdr:colOff>
      <xdr:row>53</xdr:row>
      <xdr:rowOff>91622</xdr:rowOff>
    </xdr:to>
    <xdr:cxnSp macro="">
      <xdr:nvCxnSpPr>
        <xdr:cNvPr id="250" name="直線コネクタ 249">
          <a:extLst>
            <a:ext uri="{FF2B5EF4-FFF2-40B4-BE49-F238E27FC236}">
              <a16:creationId xmlns:a16="http://schemas.microsoft.com/office/drawing/2014/main" id="{00000000-0008-0000-0400-0000FA000000}"/>
            </a:ext>
          </a:extLst>
        </xdr:cNvPr>
        <xdr:cNvCxnSpPr/>
      </xdr:nvCxnSpPr>
      <xdr:spPr>
        <a:xfrm>
          <a:off x="16421100" y="9178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12700</xdr:rowOff>
    </xdr:from>
    <xdr:to>
      <xdr:col>82</xdr:col>
      <xdr:colOff>107950</xdr:colOff>
      <xdr:row>57</xdr:row>
      <xdr:rowOff>4535</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flipV="1">
          <a:off x="15671800" y="9613900"/>
          <a:ext cx="838200" cy="1632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53720</xdr:rowOff>
    </xdr:from>
    <xdr:ext cx="762000" cy="259045"/>
    <xdr:sp macro="" textlink="">
      <xdr:nvSpPr>
        <xdr:cNvPr id="252" name="その他平均値テキスト">
          <a:extLst>
            <a:ext uri="{FF2B5EF4-FFF2-40B4-BE49-F238E27FC236}">
              <a16:creationId xmlns:a16="http://schemas.microsoft.com/office/drawing/2014/main" id="{00000000-0008-0000-0400-0000FC000000}"/>
            </a:ext>
          </a:extLst>
        </xdr:cNvPr>
        <xdr:cNvSpPr txBox="1"/>
      </xdr:nvSpPr>
      <xdr:spPr>
        <a:xfrm>
          <a:off x="16598900" y="965492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81643</xdr:rowOff>
    </xdr:from>
    <xdr:to>
      <xdr:col>82</xdr:col>
      <xdr:colOff>158750</xdr:colOff>
      <xdr:row>57</xdr:row>
      <xdr:rowOff>11793</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6459200" y="9682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4535</xdr:rowOff>
    </xdr:from>
    <xdr:to>
      <xdr:col>78</xdr:col>
      <xdr:colOff>69850</xdr:colOff>
      <xdr:row>57</xdr:row>
      <xdr:rowOff>26307</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flipV="1">
          <a:off x="14782800" y="9777185"/>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9050</xdr:rowOff>
    </xdr:from>
    <xdr:to>
      <xdr:col>78</xdr:col>
      <xdr:colOff>120650</xdr:colOff>
      <xdr:row>57</xdr:row>
      <xdr:rowOff>12065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56210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05427</xdr:rowOff>
    </xdr:from>
    <xdr:ext cx="7366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5290800" y="9878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26307</xdr:rowOff>
    </xdr:from>
    <xdr:to>
      <xdr:col>73</xdr:col>
      <xdr:colOff>180975</xdr:colOff>
      <xdr:row>58</xdr:row>
      <xdr:rowOff>83457</xdr:rowOff>
    </xdr:to>
    <xdr:cxnSp macro="">
      <xdr:nvCxnSpPr>
        <xdr:cNvPr id="257" name="直線コネクタ 256">
          <a:extLst>
            <a:ext uri="{FF2B5EF4-FFF2-40B4-BE49-F238E27FC236}">
              <a16:creationId xmlns:a16="http://schemas.microsoft.com/office/drawing/2014/main" id="{00000000-0008-0000-0400-000001010000}"/>
            </a:ext>
          </a:extLst>
        </xdr:cNvPr>
        <xdr:cNvCxnSpPr/>
      </xdr:nvCxnSpPr>
      <xdr:spPr>
        <a:xfrm flipV="1">
          <a:off x="13893800" y="9798957"/>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06135</xdr:rowOff>
    </xdr:from>
    <xdr:to>
      <xdr:col>74</xdr:col>
      <xdr:colOff>31750</xdr:colOff>
      <xdr:row>58</xdr:row>
      <xdr:rowOff>36285</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4732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21062</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4401800" y="9965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8</xdr:row>
      <xdr:rowOff>83457</xdr:rowOff>
    </xdr:from>
    <xdr:to>
      <xdr:col>69</xdr:col>
      <xdr:colOff>92075</xdr:colOff>
      <xdr:row>58</xdr:row>
      <xdr:rowOff>116115</xdr:rowOff>
    </xdr:to>
    <xdr:cxnSp macro="">
      <xdr:nvCxnSpPr>
        <xdr:cNvPr id="260" name="直線コネクタ 259">
          <a:extLst>
            <a:ext uri="{FF2B5EF4-FFF2-40B4-BE49-F238E27FC236}">
              <a16:creationId xmlns:a16="http://schemas.microsoft.com/office/drawing/2014/main" id="{00000000-0008-0000-0400-000004010000}"/>
            </a:ext>
          </a:extLst>
        </xdr:cNvPr>
        <xdr:cNvCxnSpPr/>
      </xdr:nvCxnSpPr>
      <xdr:spPr>
        <a:xfrm flipV="1">
          <a:off x="13004800" y="100275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106135</xdr:rowOff>
    </xdr:from>
    <xdr:to>
      <xdr:col>69</xdr:col>
      <xdr:colOff>142875</xdr:colOff>
      <xdr:row>58</xdr:row>
      <xdr:rowOff>36285</xdr:rowOff>
    </xdr:to>
    <xdr:sp macro="" textlink="">
      <xdr:nvSpPr>
        <xdr:cNvPr id="261" name="フローチャート: 判断 260">
          <a:extLst>
            <a:ext uri="{FF2B5EF4-FFF2-40B4-BE49-F238E27FC236}">
              <a16:creationId xmlns:a16="http://schemas.microsoft.com/office/drawing/2014/main" id="{00000000-0008-0000-0400-000005010000}"/>
            </a:ext>
          </a:extLst>
        </xdr:cNvPr>
        <xdr:cNvSpPr/>
      </xdr:nvSpPr>
      <xdr:spPr>
        <a:xfrm>
          <a:off x="13843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6462</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512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06135</xdr:rowOff>
    </xdr:from>
    <xdr:to>
      <xdr:col>65</xdr:col>
      <xdr:colOff>53975</xdr:colOff>
      <xdr:row>58</xdr:row>
      <xdr:rowOff>36285</xdr:rowOff>
    </xdr:to>
    <xdr:sp macro="" textlink="">
      <xdr:nvSpPr>
        <xdr:cNvPr id="263" name="フローチャート: 判断 262">
          <a:extLst>
            <a:ext uri="{FF2B5EF4-FFF2-40B4-BE49-F238E27FC236}">
              <a16:creationId xmlns:a16="http://schemas.microsoft.com/office/drawing/2014/main" id="{00000000-0008-0000-0400-000007010000}"/>
            </a:ext>
          </a:extLst>
        </xdr:cNvPr>
        <xdr:cNvSpPr/>
      </xdr:nvSpPr>
      <xdr:spPr>
        <a:xfrm>
          <a:off x="12954000" y="9878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46462</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623800" y="96476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5" name="テキスト ボックス 264">
          <a:extLst>
            <a:ext uri="{FF2B5EF4-FFF2-40B4-BE49-F238E27FC236}">
              <a16:creationId xmlns:a16="http://schemas.microsoft.com/office/drawing/2014/main" id="{00000000-0008-0000-0400-000009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6" name="テキスト ボックス 265">
          <a:extLst>
            <a:ext uri="{FF2B5EF4-FFF2-40B4-BE49-F238E27FC236}">
              <a16:creationId xmlns:a16="http://schemas.microsoft.com/office/drawing/2014/main" id="{00000000-0008-0000-0400-00000A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33350</xdr:rowOff>
    </xdr:from>
    <xdr:to>
      <xdr:col>82</xdr:col>
      <xdr:colOff>158750</xdr:colOff>
      <xdr:row>56</xdr:row>
      <xdr:rowOff>635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64592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149877</xdr:rowOff>
    </xdr:from>
    <xdr:ext cx="762000" cy="259045"/>
    <xdr:sp macro="" textlink="">
      <xdr:nvSpPr>
        <xdr:cNvPr id="271" name="その他該当値テキスト">
          <a:extLst>
            <a:ext uri="{FF2B5EF4-FFF2-40B4-BE49-F238E27FC236}">
              <a16:creationId xmlns:a16="http://schemas.microsoft.com/office/drawing/2014/main" id="{00000000-0008-0000-0400-00000F010000}"/>
            </a:ext>
          </a:extLst>
        </xdr:cNvPr>
        <xdr:cNvSpPr txBox="1"/>
      </xdr:nvSpPr>
      <xdr:spPr>
        <a:xfrm>
          <a:off x="165989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125185</xdr:rowOff>
    </xdr:from>
    <xdr:to>
      <xdr:col>78</xdr:col>
      <xdr:colOff>120650</xdr:colOff>
      <xdr:row>57</xdr:row>
      <xdr:rowOff>55335</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5621000" y="9726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65512</xdr:rowOff>
    </xdr:from>
    <xdr:ext cx="7366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5290800" y="94952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46957</xdr:rowOff>
    </xdr:from>
    <xdr:to>
      <xdr:col>74</xdr:col>
      <xdr:colOff>31750</xdr:colOff>
      <xdr:row>57</xdr:row>
      <xdr:rowOff>77107</xdr:rowOff>
    </xdr:to>
    <xdr:sp macro="" textlink="">
      <xdr:nvSpPr>
        <xdr:cNvPr id="274" name="楕円 273">
          <a:extLst>
            <a:ext uri="{FF2B5EF4-FFF2-40B4-BE49-F238E27FC236}">
              <a16:creationId xmlns:a16="http://schemas.microsoft.com/office/drawing/2014/main" id="{00000000-0008-0000-0400-000012010000}"/>
            </a:ext>
          </a:extLst>
        </xdr:cNvPr>
        <xdr:cNvSpPr/>
      </xdr:nvSpPr>
      <xdr:spPr>
        <a:xfrm>
          <a:off x="14732000" y="9748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87284</xdr:rowOff>
    </xdr:from>
    <xdr:ext cx="762000" cy="259045"/>
    <xdr:sp macro="" textlink="">
      <xdr:nvSpPr>
        <xdr:cNvPr id="275" name="テキスト ボックス 274">
          <a:extLst>
            <a:ext uri="{FF2B5EF4-FFF2-40B4-BE49-F238E27FC236}">
              <a16:creationId xmlns:a16="http://schemas.microsoft.com/office/drawing/2014/main" id="{00000000-0008-0000-0400-000013010000}"/>
            </a:ext>
          </a:extLst>
        </xdr:cNvPr>
        <xdr:cNvSpPr txBox="1"/>
      </xdr:nvSpPr>
      <xdr:spPr>
        <a:xfrm>
          <a:off x="14401800" y="9517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8</xdr:row>
      <xdr:rowOff>32657</xdr:rowOff>
    </xdr:from>
    <xdr:to>
      <xdr:col>69</xdr:col>
      <xdr:colOff>142875</xdr:colOff>
      <xdr:row>58</xdr:row>
      <xdr:rowOff>134257</xdr:rowOff>
    </xdr:to>
    <xdr:sp macro="" textlink="">
      <xdr:nvSpPr>
        <xdr:cNvPr id="276" name="楕円 275">
          <a:extLst>
            <a:ext uri="{FF2B5EF4-FFF2-40B4-BE49-F238E27FC236}">
              <a16:creationId xmlns:a16="http://schemas.microsoft.com/office/drawing/2014/main" id="{00000000-0008-0000-0400-000014010000}"/>
            </a:ext>
          </a:extLst>
        </xdr:cNvPr>
        <xdr:cNvSpPr/>
      </xdr:nvSpPr>
      <xdr:spPr>
        <a:xfrm>
          <a:off x="13843000" y="9976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19034</xdr:rowOff>
    </xdr:from>
    <xdr:ext cx="762000" cy="259045"/>
    <xdr:sp macro="" textlink="">
      <xdr:nvSpPr>
        <xdr:cNvPr id="277" name="テキスト ボックス 276">
          <a:extLst>
            <a:ext uri="{FF2B5EF4-FFF2-40B4-BE49-F238E27FC236}">
              <a16:creationId xmlns:a16="http://schemas.microsoft.com/office/drawing/2014/main" id="{00000000-0008-0000-0400-000015010000}"/>
            </a:ext>
          </a:extLst>
        </xdr:cNvPr>
        <xdr:cNvSpPr txBox="1"/>
      </xdr:nvSpPr>
      <xdr:spPr>
        <a:xfrm>
          <a:off x="13512800" y="10063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65315</xdr:rowOff>
    </xdr:from>
    <xdr:to>
      <xdr:col>65</xdr:col>
      <xdr:colOff>53975</xdr:colOff>
      <xdr:row>58</xdr:row>
      <xdr:rowOff>166915</xdr:rowOff>
    </xdr:to>
    <xdr:sp macro="" textlink="">
      <xdr:nvSpPr>
        <xdr:cNvPr id="278" name="楕円 277">
          <a:extLst>
            <a:ext uri="{FF2B5EF4-FFF2-40B4-BE49-F238E27FC236}">
              <a16:creationId xmlns:a16="http://schemas.microsoft.com/office/drawing/2014/main" id="{00000000-0008-0000-0400-000016010000}"/>
            </a:ext>
          </a:extLst>
        </xdr:cNvPr>
        <xdr:cNvSpPr/>
      </xdr:nvSpPr>
      <xdr:spPr>
        <a:xfrm>
          <a:off x="12954000" y="100094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51692</xdr:rowOff>
    </xdr:from>
    <xdr:ext cx="762000" cy="259045"/>
    <xdr:sp macro="" textlink="">
      <xdr:nvSpPr>
        <xdr:cNvPr id="279" name="テキスト ボックス 278">
          <a:extLst>
            <a:ext uri="{FF2B5EF4-FFF2-40B4-BE49-F238E27FC236}">
              <a16:creationId xmlns:a16="http://schemas.microsoft.com/office/drawing/2014/main" id="{00000000-0008-0000-0400-000017010000}"/>
            </a:ext>
          </a:extLst>
        </xdr:cNvPr>
        <xdr:cNvSpPr txBox="1"/>
      </xdr:nvSpPr>
      <xdr:spPr>
        <a:xfrm>
          <a:off x="12623800" y="1009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5" name="正方形/長方形 284">
          <a:extLst>
            <a:ext uri="{FF2B5EF4-FFF2-40B4-BE49-F238E27FC236}">
              <a16:creationId xmlns:a16="http://schemas.microsoft.com/office/drawing/2014/main" id="{00000000-0008-0000-0400-00001D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6" name="正方形/長方形 285">
          <a:extLst>
            <a:ext uri="{FF2B5EF4-FFF2-40B4-BE49-F238E27FC236}">
              <a16:creationId xmlns:a16="http://schemas.microsoft.com/office/drawing/2014/main" id="{00000000-0008-0000-0400-00001E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7" name="正方形/長方形 286">
          <a:extLst>
            <a:ext uri="{FF2B5EF4-FFF2-40B4-BE49-F238E27FC236}">
              <a16:creationId xmlns:a16="http://schemas.microsoft.com/office/drawing/2014/main" id="{00000000-0008-0000-0400-00001F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8" name="正方形/長方形 287">
          <a:extLst>
            <a:ext uri="{FF2B5EF4-FFF2-40B4-BE49-F238E27FC236}">
              <a16:creationId xmlns:a16="http://schemas.microsoft.com/office/drawing/2014/main" id="{00000000-0008-0000-0400-000020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9" name="正方形/長方形 288">
          <a:extLst>
            <a:ext uri="{FF2B5EF4-FFF2-40B4-BE49-F238E27FC236}">
              <a16:creationId xmlns:a16="http://schemas.microsoft.com/office/drawing/2014/main" id="{00000000-0008-0000-0400-000021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補助費等にかかる経常収支比率については、秦野市伊勢原市環境衛生組合に対する負担金の減等により、</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減少した。類似団体の平均値より低い水準にあ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2" name="直線コネクタ 301">
          <a:extLst>
            <a:ext uri="{FF2B5EF4-FFF2-40B4-BE49-F238E27FC236}">
              <a16:creationId xmlns:a16="http://schemas.microsoft.com/office/drawing/2014/main" id="{00000000-0008-0000-0400-00002E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3" name="テキスト ボックス 302">
          <a:extLst>
            <a:ext uri="{FF2B5EF4-FFF2-40B4-BE49-F238E27FC236}">
              <a16:creationId xmlns:a16="http://schemas.microsoft.com/office/drawing/2014/main" id="{00000000-0008-0000-0400-00002F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4" name="補助費等グラフ枠">
          <a:extLst>
            <a:ext uri="{FF2B5EF4-FFF2-40B4-BE49-F238E27FC236}">
              <a16:creationId xmlns:a16="http://schemas.microsoft.com/office/drawing/2014/main" id="{00000000-0008-0000-0400-000030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04140</xdr:rowOff>
    </xdr:from>
    <xdr:to>
      <xdr:col>82</xdr:col>
      <xdr:colOff>107950</xdr:colOff>
      <xdr:row>41</xdr:row>
      <xdr:rowOff>24130</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flipV="1">
          <a:off x="16510000" y="559054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67657</xdr:rowOff>
    </xdr:from>
    <xdr:ext cx="762000" cy="259045"/>
    <xdr:sp macro="" textlink="">
      <xdr:nvSpPr>
        <xdr:cNvPr id="306" name="補助費等最小値テキスト">
          <a:extLst>
            <a:ext uri="{FF2B5EF4-FFF2-40B4-BE49-F238E27FC236}">
              <a16:creationId xmlns:a16="http://schemas.microsoft.com/office/drawing/2014/main" id="{00000000-0008-0000-0400-000032010000}"/>
            </a:ext>
          </a:extLst>
        </xdr:cNvPr>
        <xdr:cNvSpPr txBox="1"/>
      </xdr:nvSpPr>
      <xdr:spPr>
        <a:xfrm>
          <a:off x="16598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24130</xdr:rowOff>
    </xdr:from>
    <xdr:to>
      <xdr:col>82</xdr:col>
      <xdr:colOff>196850</xdr:colOff>
      <xdr:row>41</xdr:row>
      <xdr:rowOff>24130</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9067</xdr:rowOff>
    </xdr:from>
    <xdr:ext cx="762000" cy="259045"/>
    <xdr:sp macro="" textlink="">
      <xdr:nvSpPr>
        <xdr:cNvPr id="308" name="補助費等最大値テキスト">
          <a:extLst>
            <a:ext uri="{FF2B5EF4-FFF2-40B4-BE49-F238E27FC236}">
              <a16:creationId xmlns:a16="http://schemas.microsoft.com/office/drawing/2014/main" id="{00000000-0008-0000-0400-000034010000}"/>
            </a:ext>
          </a:extLst>
        </xdr:cNvPr>
        <xdr:cNvSpPr txBox="1"/>
      </xdr:nvSpPr>
      <xdr:spPr>
        <a:xfrm>
          <a:off x="16598900" y="533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04140</xdr:rowOff>
    </xdr:from>
    <xdr:to>
      <xdr:col>82</xdr:col>
      <xdr:colOff>196850</xdr:colOff>
      <xdr:row>32</xdr:row>
      <xdr:rowOff>104140</xdr:rowOff>
    </xdr:to>
    <xdr:cxnSp macro="">
      <xdr:nvCxnSpPr>
        <xdr:cNvPr id="309" name="直線コネクタ 308">
          <a:extLst>
            <a:ext uri="{FF2B5EF4-FFF2-40B4-BE49-F238E27FC236}">
              <a16:creationId xmlns:a16="http://schemas.microsoft.com/office/drawing/2014/main" id="{00000000-0008-0000-0400-000035010000}"/>
            </a:ext>
          </a:extLst>
        </xdr:cNvPr>
        <xdr:cNvCxnSpPr/>
      </xdr:nvCxnSpPr>
      <xdr:spPr>
        <a:xfrm>
          <a:off x="16421100" y="5590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5</xdr:row>
      <xdr:rowOff>101854</xdr:rowOff>
    </xdr:from>
    <xdr:to>
      <xdr:col>82</xdr:col>
      <xdr:colOff>107950</xdr:colOff>
      <xdr:row>36</xdr:row>
      <xdr:rowOff>58420</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5671800" y="6102604"/>
          <a:ext cx="838200" cy="1280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32859</xdr:rowOff>
    </xdr:from>
    <xdr:ext cx="762000" cy="259045"/>
    <xdr:sp macro="" textlink="">
      <xdr:nvSpPr>
        <xdr:cNvPr id="311" name="補助費等平均値テキスト">
          <a:extLst>
            <a:ext uri="{FF2B5EF4-FFF2-40B4-BE49-F238E27FC236}">
              <a16:creationId xmlns:a16="http://schemas.microsoft.com/office/drawing/2014/main" id="{00000000-0008-0000-0400-000037010000}"/>
            </a:ext>
          </a:extLst>
        </xdr:cNvPr>
        <xdr:cNvSpPr txBox="1"/>
      </xdr:nvSpPr>
      <xdr:spPr>
        <a:xfrm>
          <a:off x="16598900" y="613360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160782</xdr:rowOff>
    </xdr:from>
    <xdr:to>
      <xdr:col>82</xdr:col>
      <xdr:colOff>158750</xdr:colOff>
      <xdr:row>36</xdr:row>
      <xdr:rowOff>9093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64592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40132</xdr:rowOff>
    </xdr:from>
    <xdr:to>
      <xdr:col>78</xdr:col>
      <xdr:colOff>69850</xdr:colOff>
      <xdr:row>36</xdr:row>
      <xdr:rowOff>5842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a:off x="14782800" y="6212332"/>
          <a:ext cx="889000" cy="18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25908</xdr:rowOff>
    </xdr:from>
    <xdr:to>
      <xdr:col>78</xdr:col>
      <xdr:colOff>120650</xdr:colOff>
      <xdr:row>36</xdr:row>
      <xdr:rowOff>127508</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5621000" y="6198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12285</xdr:rowOff>
    </xdr:from>
    <xdr:ext cx="7366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5290800" y="62844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99568</xdr:rowOff>
    </xdr:from>
    <xdr:to>
      <xdr:col>73</xdr:col>
      <xdr:colOff>180975</xdr:colOff>
      <xdr:row>36</xdr:row>
      <xdr:rowOff>40132</xdr:rowOff>
    </xdr:to>
    <xdr:cxnSp macro="">
      <xdr:nvCxnSpPr>
        <xdr:cNvPr id="316" name="直線コネクタ 315">
          <a:extLst>
            <a:ext uri="{FF2B5EF4-FFF2-40B4-BE49-F238E27FC236}">
              <a16:creationId xmlns:a16="http://schemas.microsoft.com/office/drawing/2014/main" id="{00000000-0008-0000-0400-00003C010000}"/>
            </a:ext>
          </a:extLst>
        </xdr:cNvPr>
        <xdr:cNvCxnSpPr/>
      </xdr:nvCxnSpPr>
      <xdr:spPr>
        <a:xfrm>
          <a:off x="13893800" y="5928868"/>
          <a:ext cx="889000" cy="283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133350</xdr:rowOff>
    </xdr:from>
    <xdr:to>
      <xdr:col>74</xdr:col>
      <xdr:colOff>31750</xdr:colOff>
      <xdr:row>36</xdr:row>
      <xdr:rowOff>63500</xdr:rowOff>
    </xdr:to>
    <xdr:sp macro="" textlink="">
      <xdr:nvSpPr>
        <xdr:cNvPr id="317" name="フローチャート: 判断 316">
          <a:extLst>
            <a:ext uri="{FF2B5EF4-FFF2-40B4-BE49-F238E27FC236}">
              <a16:creationId xmlns:a16="http://schemas.microsoft.com/office/drawing/2014/main" id="{00000000-0008-0000-0400-00003D010000}"/>
            </a:ext>
          </a:extLst>
        </xdr:cNvPr>
        <xdr:cNvSpPr/>
      </xdr:nvSpPr>
      <xdr:spPr>
        <a:xfrm>
          <a:off x="14732000" y="6134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736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4401800" y="590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4</xdr:row>
      <xdr:rowOff>99568</xdr:rowOff>
    </xdr:from>
    <xdr:to>
      <xdr:col>69</xdr:col>
      <xdr:colOff>92075</xdr:colOff>
      <xdr:row>34</xdr:row>
      <xdr:rowOff>136144</xdr:rowOff>
    </xdr:to>
    <xdr:cxnSp macro="">
      <xdr:nvCxnSpPr>
        <xdr:cNvPr id="319" name="直線コネクタ 318">
          <a:extLst>
            <a:ext uri="{FF2B5EF4-FFF2-40B4-BE49-F238E27FC236}">
              <a16:creationId xmlns:a16="http://schemas.microsoft.com/office/drawing/2014/main" id="{00000000-0008-0000-0400-00003F010000}"/>
            </a:ext>
          </a:extLst>
        </xdr:cNvPr>
        <xdr:cNvCxnSpPr/>
      </xdr:nvCxnSpPr>
      <xdr:spPr>
        <a:xfrm flipV="1">
          <a:off x="13004800" y="592886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5062</xdr:rowOff>
    </xdr:from>
    <xdr:to>
      <xdr:col>69</xdr:col>
      <xdr:colOff>142875</xdr:colOff>
      <xdr:row>36</xdr:row>
      <xdr:rowOff>45212</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3843000" y="61158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29989</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512800" y="6202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05918</xdr:rowOff>
    </xdr:from>
    <xdr:to>
      <xdr:col>65</xdr:col>
      <xdr:colOff>53975</xdr:colOff>
      <xdr:row>36</xdr:row>
      <xdr:rowOff>36068</xdr:rowOff>
    </xdr:to>
    <xdr:sp macro="" textlink="">
      <xdr:nvSpPr>
        <xdr:cNvPr id="322" name="フローチャート: 判断 321">
          <a:extLst>
            <a:ext uri="{FF2B5EF4-FFF2-40B4-BE49-F238E27FC236}">
              <a16:creationId xmlns:a16="http://schemas.microsoft.com/office/drawing/2014/main" id="{00000000-0008-0000-0400-000042010000}"/>
            </a:ext>
          </a:extLst>
        </xdr:cNvPr>
        <xdr:cNvSpPr/>
      </xdr:nvSpPr>
      <xdr:spPr>
        <a:xfrm>
          <a:off x="12954000" y="610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20845</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2623800" y="61930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7" name="テキスト ボックス 326">
          <a:extLst>
            <a:ext uri="{FF2B5EF4-FFF2-40B4-BE49-F238E27FC236}">
              <a16:creationId xmlns:a16="http://schemas.microsoft.com/office/drawing/2014/main" id="{00000000-0008-0000-0400-000047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51054</xdr:rowOff>
    </xdr:from>
    <xdr:to>
      <xdr:col>82</xdr:col>
      <xdr:colOff>158750</xdr:colOff>
      <xdr:row>35</xdr:row>
      <xdr:rowOff>152654</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6459200" y="6051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4</xdr:row>
      <xdr:rowOff>67581</xdr:rowOff>
    </xdr:from>
    <xdr:ext cx="762000" cy="259045"/>
    <xdr:sp macro="" textlink="">
      <xdr:nvSpPr>
        <xdr:cNvPr id="330" name="補助費等該当値テキスト">
          <a:extLst>
            <a:ext uri="{FF2B5EF4-FFF2-40B4-BE49-F238E27FC236}">
              <a16:creationId xmlns:a16="http://schemas.microsoft.com/office/drawing/2014/main" id="{00000000-0008-0000-0400-00004A010000}"/>
            </a:ext>
          </a:extLst>
        </xdr:cNvPr>
        <xdr:cNvSpPr txBox="1"/>
      </xdr:nvSpPr>
      <xdr:spPr>
        <a:xfrm>
          <a:off x="16598900" y="58968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7620</xdr:rowOff>
    </xdr:from>
    <xdr:to>
      <xdr:col>78</xdr:col>
      <xdr:colOff>120650</xdr:colOff>
      <xdr:row>36</xdr:row>
      <xdr:rowOff>10922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56210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19397</xdr:rowOff>
    </xdr:from>
    <xdr:ext cx="7366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5290800" y="59486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5</xdr:row>
      <xdr:rowOff>160782</xdr:rowOff>
    </xdr:from>
    <xdr:to>
      <xdr:col>74</xdr:col>
      <xdr:colOff>31750</xdr:colOff>
      <xdr:row>36</xdr:row>
      <xdr:rowOff>90932</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4732000" y="61615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75709</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4401800" y="6247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48768</xdr:rowOff>
    </xdr:from>
    <xdr:to>
      <xdr:col>69</xdr:col>
      <xdr:colOff>142875</xdr:colOff>
      <xdr:row>34</xdr:row>
      <xdr:rowOff>150368</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3843000" y="5878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2</xdr:row>
      <xdr:rowOff>160545</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3512800" y="5646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85344</xdr:rowOff>
    </xdr:from>
    <xdr:to>
      <xdr:col>65</xdr:col>
      <xdr:colOff>53975</xdr:colOff>
      <xdr:row>35</xdr:row>
      <xdr:rowOff>15494</xdr:rowOff>
    </xdr:to>
    <xdr:sp macro="" textlink="">
      <xdr:nvSpPr>
        <xdr:cNvPr id="337" name="楕円 336">
          <a:extLst>
            <a:ext uri="{FF2B5EF4-FFF2-40B4-BE49-F238E27FC236}">
              <a16:creationId xmlns:a16="http://schemas.microsoft.com/office/drawing/2014/main" id="{00000000-0008-0000-0400-000051010000}"/>
            </a:ext>
          </a:extLst>
        </xdr:cNvPr>
        <xdr:cNvSpPr/>
      </xdr:nvSpPr>
      <xdr:spPr>
        <a:xfrm>
          <a:off x="12954000" y="591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25671</xdr:rowOff>
    </xdr:from>
    <xdr:ext cx="762000" cy="259045"/>
    <xdr:sp macro="" textlink="">
      <xdr:nvSpPr>
        <xdr:cNvPr id="338" name="テキスト ボックス 337">
          <a:extLst>
            <a:ext uri="{FF2B5EF4-FFF2-40B4-BE49-F238E27FC236}">
              <a16:creationId xmlns:a16="http://schemas.microsoft.com/office/drawing/2014/main" id="{00000000-0008-0000-0400-000052010000}"/>
            </a:ext>
          </a:extLst>
        </xdr:cNvPr>
        <xdr:cNvSpPr txBox="1"/>
      </xdr:nvSpPr>
      <xdr:spPr>
        <a:xfrm>
          <a:off x="12623800" y="56835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7" name="正方形/長方形 346">
          <a:extLst>
            <a:ext uri="{FF2B5EF4-FFF2-40B4-BE49-F238E27FC236}">
              <a16:creationId xmlns:a16="http://schemas.microsoft.com/office/drawing/2014/main" id="{00000000-0008-0000-0400-00005B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8" name="正方形/長方形 347">
          <a:extLst>
            <a:ext uri="{FF2B5EF4-FFF2-40B4-BE49-F238E27FC236}">
              <a16:creationId xmlns:a16="http://schemas.microsoft.com/office/drawing/2014/main" id="{00000000-0008-0000-0400-00005C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9" name="テキスト ボックス 348">
          <a:extLst>
            <a:ext uri="{FF2B5EF4-FFF2-40B4-BE49-F238E27FC236}">
              <a16:creationId xmlns:a16="http://schemas.microsoft.com/office/drawing/2014/main" id="{00000000-0008-0000-0400-00005D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にかかる経常収支比率は、分子となる公債費は増となったものの、分母となる地方交付税や臨時財政対策債等も増となり、分母の増加幅が、分子の増加幅を上回ったため、</a:t>
          </a:r>
          <a:r>
            <a:rPr kumimoji="1" lang="en-US" altLang="ja-JP" sz="1300">
              <a:latin typeface="ＭＳ Ｐゴシック" panose="020B0600070205080204" pitchFamily="50" charset="-128"/>
              <a:ea typeface="ＭＳ Ｐゴシック" panose="020B0600070205080204" pitchFamily="50" charset="-128"/>
            </a:rPr>
            <a:t>0.4</a:t>
          </a:r>
          <a:r>
            <a:rPr kumimoji="1" lang="ja-JP" altLang="en-US" sz="1300">
              <a:latin typeface="ＭＳ Ｐゴシック" panose="020B0600070205080204" pitchFamily="50" charset="-128"/>
              <a:ea typeface="ＭＳ Ｐゴシック" panose="020B0600070205080204" pitchFamily="50" charset="-128"/>
            </a:rPr>
            <a:t>ポイント改善した。引き続き適切な地方債の管理に努め、水準の改善を図る。</a:t>
          </a:r>
          <a:endParaRPr kumimoji="1" lang="en-US" altLang="ja-JP" sz="1300">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64" name="テキスト ボックス 363">
          <a:extLst>
            <a:ext uri="{FF2B5EF4-FFF2-40B4-BE49-F238E27FC236}">
              <a16:creationId xmlns:a16="http://schemas.microsoft.com/office/drawing/2014/main" id="{00000000-0008-0000-0400-00006C010000}"/>
            </a:ext>
          </a:extLst>
        </xdr:cNvPr>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65" name="公債費グラフ枠">
          <a:extLst>
            <a:ext uri="{FF2B5EF4-FFF2-40B4-BE49-F238E27FC236}">
              <a16:creationId xmlns:a16="http://schemas.microsoft.com/office/drawing/2014/main" id="{00000000-0008-0000-0400-00006D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0</xdr:row>
      <xdr:rowOff>35561</xdr:rowOff>
    </xdr:to>
    <xdr:cxnSp macro="">
      <xdr:nvCxnSpPr>
        <xdr:cNvPr id="366" name="直線コネクタ 365">
          <a:extLst>
            <a:ext uri="{FF2B5EF4-FFF2-40B4-BE49-F238E27FC236}">
              <a16:creationId xmlns:a16="http://schemas.microsoft.com/office/drawing/2014/main" id="{00000000-0008-0000-0400-00006E010000}"/>
            </a:ext>
          </a:extLst>
        </xdr:cNvPr>
        <xdr:cNvCxnSpPr/>
      </xdr:nvCxnSpPr>
      <xdr:spPr>
        <a:xfrm flipV="1">
          <a:off x="4826000" y="12547600"/>
          <a:ext cx="0" cy="1203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7638</xdr:rowOff>
    </xdr:from>
    <xdr:ext cx="762000" cy="259045"/>
    <xdr:sp macro="" textlink="">
      <xdr:nvSpPr>
        <xdr:cNvPr id="367" name="公債費最小値テキスト">
          <a:extLst>
            <a:ext uri="{FF2B5EF4-FFF2-40B4-BE49-F238E27FC236}">
              <a16:creationId xmlns:a16="http://schemas.microsoft.com/office/drawing/2014/main" id="{00000000-0008-0000-0400-00006F010000}"/>
            </a:ext>
          </a:extLst>
        </xdr:cNvPr>
        <xdr:cNvSpPr txBox="1"/>
      </xdr:nvSpPr>
      <xdr:spPr>
        <a:xfrm>
          <a:off x="4914900" y="137236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35561</xdr:rowOff>
    </xdr:from>
    <xdr:to>
      <xdr:col>24</xdr:col>
      <xdr:colOff>114300</xdr:colOff>
      <xdr:row>80</xdr:row>
      <xdr:rowOff>35561</xdr:rowOff>
    </xdr:to>
    <xdr:cxnSp macro="">
      <xdr:nvCxnSpPr>
        <xdr:cNvPr id="368" name="直線コネクタ 367">
          <a:extLst>
            <a:ext uri="{FF2B5EF4-FFF2-40B4-BE49-F238E27FC236}">
              <a16:creationId xmlns:a16="http://schemas.microsoft.com/office/drawing/2014/main" id="{00000000-0008-0000-0400-000070010000}"/>
            </a:ext>
          </a:extLst>
        </xdr:cNvPr>
        <xdr:cNvCxnSpPr/>
      </xdr:nvCxnSpPr>
      <xdr:spPr>
        <a:xfrm>
          <a:off x="4737100" y="137515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69" name="公債費最大値テキスト">
          <a:extLst>
            <a:ext uri="{FF2B5EF4-FFF2-40B4-BE49-F238E27FC236}">
              <a16:creationId xmlns:a16="http://schemas.microsoft.com/office/drawing/2014/main" id="{00000000-0008-0000-0400-000071010000}"/>
            </a:ext>
          </a:extLst>
        </xdr:cNvPr>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81280</xdr:rowOff>
    </xdr:from>
    <xdr:to>
      <xdr:col>24</xdr:col>
      <xdr:colOff>25400</xdr:colOff>
      <xdr:row>76</xdr:row>
      <xdr:rowOff>111761</xdr:rowOff>
    </xdr:to>
    <xdr:cxnSp macro="">
      <xdr:nvCxnSpPr>
        <xdr:cNvPr id="371" name="直線コネクタ 370">
          <a:extLst>
            <a:ext uri="{FF2B5EF4-FFF2-40B4-BE49-F238E27FC236}">
              <a16:creationId xmlns:a16="http://schemas.microsoft.com/office/drawing/2014/main" id="{00000000-0008-0000-0400-000073010000}"/>
            </a:ext>
          </a:extLst>
        </xdr:cNvPr>
        <xdr:cNvCxnSpPr/>
      </xdr:nvCxnSpPr>
      <xdr:spPr>
        <a:xfrm flipV="1">
          <a:off x="3987800" y="13111480"/>
          <a:ext cx="8382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1138</xdr:rowOff>
    </xdr:from>
    <xdr:ext cx="762000" cy="259045"/>
    <xdr:sp macro="" textlink="">
      <xdr:nvSpPr>
        <xdr:cNvPr id="372" name="公債費平均値テキスト">
          <a:extLst>
            <a:ext uri="{FF2B5EF4-FFF2-40B4-BE49-F238E27FC236}">
              <a16:creationId xmlns:a16="http://schemas.microsoft.com/office/drawing/2014/main" id="{00000000-0008-0000-0400-000074010000}"/>
            </a:ext>
          </a:extLst>
        </xdr:cNvPr>
        <xdr:cNvSpPr txBox="1"/>
      </xdr:nvSpPr>
      <xdr:spPr>
        <a:xfrm>
          <a:off x="4914900" y="131013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9061</xdr:rowOff>
    </xdr:from>
    <xdr:to>
      <xdr:col>24</xdr:col>
      <xdr:colOff>76200</xdr:colOff>
      <xdr:row>77</xdr:row>
      <xdr:rowOff>29211</xdr:rowOff>
    </xdr:to>
    <xdr:sp macro="" textlink="">
      <xdr:nvSpPr>
        <xdr:cNvPr id="373" name="フローチャート: 判断 372">
          <a:extLst>
            <a:ext uri="{FF2B5EF4-FFF2-40B4-BE49-F238E27FC236}">
              <a16:creationId xmlns:a16="http://schemas.microsoft.com/office/drawing/2014/main" id="{00000000-0008-0000-0400-000075010000}"/>
            </a:ext>
          </a:extLst>
        </xdr:cNvPr>
        <xdr:cNvSpPr/>
      </xdr:nvSpPr>
      <xdr:spPr>
        <a:xfrm>
          <a:off x="4775200" y="131292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11761</xdr:rowOff>
    </xdr:from>
    <xdr:to>
      <xdr:col>19</xdr:col>
      <xdr:colOff>187325</xdr:colOff>
      <xdr:row>77</xdr:row>
      <xdr:rowOff>16511</xdr:rowOff>
    </xdr:to>
    <xdr:cxnSp macro="">
      <xdr:nvCxnSpPr>
        <xdr:cNvPr id="374" name="直線コネクタ 373">
          <a:extLst>
            <a:ext uri="{FF2B5EF4-FFF2-40B4-BE49-F238E27FC236}">
              <a16:creationId xmlns:a16="http://schemas.microsoft.com/office/drawing/2014/main" id="{00000000-0008-0000-0400-000076010000}"/>
            </a:ext>
          </a:extLst>
        </xdr:cNvPr>
        <xdr:cNvCxnSpPr/>
      </xdr:nvCxnSpPr>
      <xdr:spPr>
        <a:xfrm flipV="1">
          <a:off x="3098800" y="13141961"/>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37161</xdr:rowOff>
    </xdr:from>
    <xdr:to>
      <xdr:col>20</xdr:col>
      <xdr:colOff>38100</xdr:colOff>
      <xdr:row>77</xdr:row>
      <xdr:rowOff>67311</xdr:rowOff>
    </xdr:to>
    <xdr:sp macro="" textlink="">
      <xdr:nvSpPr>
        <xdr:cNvPr id="375" name="フローチャート: 判断 374">
          <a:extLst>
            <a:ext uri="{FF2B5EF4-FFF2-40B4-BE49-F238E27FC236}">
              <a16:creationId xmlns:a16="http://schemas.microsoft.com/office/drawing/2014/main" id="{00000000-0008-0000-0400-000077010000}"/>
            </a:ext>
          </a:extLst>
        </xdr:cNvPr>
        <xdr:cNvSpPr/>
      </xdr:nvSpPr>
      <xdr:spPr>
        <a:xfrm>
          <a:off x="3937000" y="13167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2088</xdr:rowOff>
    </xdr:from>
    <xdr:ext cx="736600" cy="259045"/>
    <xdr:sp macro="" textlink="">
      <xdr:nvSpPr>
        <xdr:cNvPr id="376" name="テキスト ボックス 375">
          <a:extLst>
            <a:ext uri="{FF2B5EF4-FFF2-40B4-BE49-F238E27FC236}">
              <a16:creationId xmlns:a16="http://schemas.microsoft.com/office/drawing/2014/main" id="{00000000-0008-0000-0400-000078010000}"/>
            </a:ext>
          </a:extLst>
        </xdr:cNvPr>
        <xdr:cNvSpPr txBox="1"/>
      </xdr:nvSpPr>
      <xdr:spPr>
        <a:xfrm>
          <a:off x="3606800" y="13253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8889</xdr:rowOff>
    </xdr:from>
    <xdr:to>
      <xdr:col>15</xdr:col>
      <xdr:colOff>98425</xdr:colOff>
      <xdr:row>77</xdr:row>
      <xdr:rowOff>16511</xdr:rowOff>
    </xdr:to>
    <xdr:cxnSp macro="">
      <xdr:nvCxnSpPr>
        <xdr:cNvPr id="377" name="直線コネクタ 376">
          <a:extLst>
            <a:ext uri="{FF2B5EF4-FFF2-40B4-BE49-F238E27FC236}">
              <a16:creationId xmlns:a16="http://schemas.microsoft.com/office/drawing/2014/main" id="{00000000-0008-0000-0400-000079010000}"/>
            </a:ext>
          </a:extLst>
        </xdr:cNvPr>
        <xdr:cNvCxnSpPr/>
      </xdr:nvCxnSpPr>
      <xdr:spPr>
        <a:xfrm>
          <a:off x="2209800" y="13210539"/>
          <a:ext cx="8890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29539</xdr:rowOff>
    </xdr:from>
    <xdr:to>
      <xdr:col>15</xdr:col>
      <xdr:colOff>149225</xdr:colOff>
      <xdr:row>77</xdr:row>
      <xdr:rowOff>59689</xdr:rowOff>
    </xdr:to>
    <xdr:sp macro="" textlink="">
      <xdr:nvSpPr>
        <xdr:cNvPr id="378" name="フローチャート: 判断 377">
          <a:extLst>
            <a:ext uri="{FF2B5EF4-FFF2-40B4-BE49-F238E27FC236}">
              <a16:creationId xmlns:a16="http://schemas.microsoft.com/office/drawing/2014/main" id="{00000000-0008-0000-0400-00007A010000}"/>
            </a:ext>
          </a:extLst>
        </xdr:cNvPr>
        <xdr:cNvSpPr/>
      </xdr:nvSpPr>
      <xdr:spPr>
        <a:xfrm>
          <a:off x="3048000" y="131597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6986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2717800" y="1292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8889</xdr:rowOff>
    </xdr:from>
    <xdr:to>
      <xdr:col>11</xdr:col>
      <xdr:colOff>9525</xdr:colOff>
      <xdr:row>77</xdr:row>
      <xdr:rowOff>8889</xdr:rowOff>
    </xdr:to>
    <xdr:cxnSp macro="">
      <xdr:nvCxnSpPr>
        <xdr:cNvPr id="380" name="直線コネクタ 379">
          <a:extLst>
            <a:ext uri="{FF2B5EF4-FFF2-40B4-BE49-F238E27FC236}">
              <a16:creationId xmlns:a16="http://schemas.microsoft.com/office/drawing/2014/main" id="{00000000-0008-0000-0400-00007C010000}"/>
            </a:ext>
          </a:extLst>
        </xdr:cNvPr>
        <xdr:cNvCxnSpPr/>
      </xdr:nvCxnSpPr>
      <xdr:spPr>
        <a:xfrm>
          <a:off x="1320800" y="1321053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6</xdr:row>
      <xdr:rowOff>152400</xdr:rowOff>
    </xdr:from>
    <xdr:to>
      <xdr:col>11</xdr:col>
      <xdr:colOff>60325</xdr:colOff>
      <xdr:row>77</xdr:row>
      <xdr:rowOff>82550</xdr:rowOff>
    </xdr:to>
    <xdr:sp macro="" textlink="">
      <xdr:nvSpPr>
        <xdr:cNvPr id="381" name="フローチャート: 判断 380">
          <a:extLst>
            <a:ext uri="{FF2B5EF4-FFF2-40B4-BE49-F238E27FC236}">
              <a16:creationId xmlns:a16="http://schemas.microsoft.com/office/drawing/2014/main" id="{00000000-0008-0000-0400-00007D010000}"/>
            </a:ext>
          </a:extLst>
        </xdr:cNvPr>
        <xdr:cNvSpPr/>
      </xdr:nvSpPr>
      <xdr:spPr>
        <a:xfrm>
          <a:off x="2159000" y="1318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6732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828800" y="1326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3811</xdr:rowOff>
    </xdr:from>
    <xdr:to>
      <xdr:col>6</xdr:col>
      <xdr:colOff>171450</xdr:colOff>
      <xdr:row>77</xdr:row>
      <xdr:rowOff>105411</xdr:rowOff>
    </xdr:to>
    <xdr:sp macro="" textlink="">
      <xdr:nvSpPr>
        <xdr:cNvPr id="383" name="フローチャート: 判断 382">
          <a:extLst>
            <a:ext uri="{FF2B5EF4-FFF2-40B4-BE49-F238E27FC236}">
              <a16:creationId xmlns:a16="http://schemas.microsoft.com/office/drawing/2014/main" id="{00000000-0008-0000-0400-00007F010000}"/>
            </a:ext>
          </a:extLst>
        </xdr:cNvPr>
        <xdr:cNvSpPr/>
      </xdr:nvSpPr>
      <xdr:spPr>
        <a:xfrm>
          <a:off x="1270000" y="132054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90188</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939800" y="132918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9" name="テキスト ボックス 388">
          <a:extLst>
            <a:ext uri="{FF2B5EF4-FFF2-40B4-BE49-F238E27FC236}">
              <a16:creationId xmlns:a16="http://schemas.microsoft.com/office/drawing/2014/main" id="{00000000-0008-0000-0400-000085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30480</xdr:rowOff>
    </xdr:from>
    <xdr:to>
      <xdr:col>24</xdr:col>
      <xdr:colOff>76200</xdr:colOff>
      <xdr:row>76</xdr:row>
      <xdr:rowOff>132080</xdr:rowOff>
    </xdr:to>
    <xdr:sp macro="" textlink="">
      <xdr:nvSpPr>
        <xdr:cNvPr id="390" name="楕円 389">
          <a:extLst>
            <a:ext uri="{FF2B5EF4-FFF2-40B4-BE49-F238E27FC236}">
              <a16:creationId xmlns:a16="http://schemas.microsoft.com/office/drawing/2014/main" id="{00000000-0008-0000-0400-000086010000}"/>
            </a:ext>
          </a:extLst>
        </xdr:cNvPr>
        <xdr:cNvSpPr/>
      </xdr:nvSpPr>
      <xdr:spPr>
        <a:xfrm>
          <a:off x="4775200" y="130606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47007</xdr:rowOff>
    </xdr:from>
    <xdr:ext cx="762000" cy="259045"/>
    <xdr:sp macro="" textlink="">
      <xdr:nvSpPr>
        <xdr:cNvPr id="391" name="公債費該当値テキスト">
          <a:extLst>
            <a:ext uri="{FF2B5EF4-FFF2-40B4-BE49-F238E27FC236}">
              <a16:creationId xmlns:a16="http://schemas.microsoft.com/office/drawing/2014/main" id="{00000000-0008-0000-0400-000087010000}"/>
            </a:ext>
          </a:extLst>
        </xdr:cNvPr>
        <xdr:cNvSpPr txBox="1"/>
      </xdr:nvSpPr>
      <xdr:spPr>
        <a:xfrm>
          <a:off x="4914900" y="12905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60961</xdr:rowOff>
    </xdr:from>
    <xdr:to>
      <xdr:col>20</xdr:col>
      <xdr:colOff>38100</xdr:colOff>
      <xdr:row>76</xdr:row>
      <xdr:rowOff>162561</xdr:rowOff>
    </xdr:to>
    <xdr:sp macro="" textlink="">
      <xdr:nvSpPr>
        <xdr:cNvPr id="392" name="楕円 391">
          <a:extLst>
            <a:ext uri="{FF2B5EF4-FFF2-40B4-BE49-F238E27FC236}">
              <a16:creationId xmlns:a16="http://schemas.microsoft.com/office/drawing/2014/main" id="{00000000-0008-0000-0400-000088010000}"/>
            </a:ext>
          </a:extLst>
        </xdr:cNvPr>
        <xdr:cNvSpPr/>
      </xdr:nvSpPr>
      <xdr:spPr>
        <a:xfrm>
          <a:off x="3937000" y="13091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1287</xdr:rowOff>
    </xdr:from>
    <xdr:ext cx="736600" cy="259045"/>
    <xdr:sp macro="" textlink="">
      <xdr:nvSpPr>
        <xdr:cNvPr id="393" name="テキスト ボックス 392">
          <a:extLst>
            <a:ext uri="{FF2B5EF4-FFF2-40B4-BE49-F238E27FC236}">
              <a16:creationId xmlns:a16="http://schemas.microsoft.com/office/drawing/2014/main" id="{00000000-0008-0000-0400-000089010000}"/>
            </a:ext>
          </a:extLst>
        </xdr:cNvPr>
        <xdr:cNvSpPr txBox="1"/>
      </xdr:nvSpPr>
      <xdr:spPr>
        <a:xfrm>
          <a:off x="3606800" y="128600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6</xdr:row>
      <xdr:rowOff>137161</xdr:rowOff>
    </xdr:from>
    <xdr:to>
      <xdr:col>15</xdr:col>
      <xdr:colOff>149225</xdr:colOff>
      <xdr:row>77</xdr:row>
      <xdr:rowOff>67311</xdr:rowOff>
    </xdr:to>
    <xdr:sp macro="" textlink="">
      <xdr:nvSpPr>
        <xdr:cNvPr id="394" name="楕円 393">
          <a:extLst>
            <a:ext uri="{FF2B5EF4-FFF2-40B4-BE49-F238E27FC236}">
              <a16:creationId xmlns:a16="http://schemas.microsoft.com/office/drawing/2014/main" id="{00000000-0008-0000-0400-00008A010000}"/>
            </a:ext>
          </a:extLst>
        </xdr:cNvPr>
        <xdr:cNvSpPr/>
      </xdr:nvSpPr>
      <xdr:spPr>
        <a:xfrm>
          <a:off x="3048000" y="13167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2088</xdr:rowOff>
    </xdr:from>
    <xdr:ext cx="762000" cy="259045"/>
    <xdr:sp macro="" textlink="">
      <xdr:nvSpPr>
        <xdr:cNvPr id="395" name="テキスト ボックス 394">
          <a:extLst>
            <a:ext uri="{FF2B5EF4-FFF2-40B4-BE49-F238E27FC236}">
              <a16:creationId xmlns:a16="http://schemas.microsoft.com/office/drawing/2014/main" id="{00000000-0008-0000-0400-00008B010000}"/>
            </a:ext>
          </a:extLst>
        </xdr:cNvPr>
        <xdr:cNvSpPr txBox="1"/>
      </xdr:nvSpPr>
      <xdr:spPr>
        <a:xfrm>
          <a:off x="2717800" y="13253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129539</xdr:rowOff>
    </xdr:from>
    <xdr:to>
      <xdr:col>11</xdr:col>
      <xdr:colOff>60325</xdr:colOff>
      <xdr:row>77</xdr:row>
      <xdr:rowOff>59689</xdr:rowOff>
    </xdr:to>
    <xdr:sp macro="" textlink="">
      <xdr:nvSpPr>
        <xdr:cNvPr id="396" name="楕円 395">
          <a:extLst>
            <a:ext uri="{FF2B5EF4-FFF2-40B4-BE49-F238E27FC236}">
              <a16:creationId xmlns:a16="http://schemas.microsoft.com/office/drawing/2014/main" id="{00000000-0008-0000-0400-00008C010000}"/>
            </a:ext>
          </a:extLst>
        </xdr:cNvPr>
        <xdr:cNvSpPr/>
      </xdr:nvSpPr>
      <xdr:spPr>
        <a:xfrm>
          <a:off x="2159000" y="13159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69867</xdr:rowOff>
    </xdr:from>
    <xdr:ext cx="762000" cy="259045"/>
    <xdr:sp macro="" textlink="">
      <xdr:nvSpPr>
        <xdr:cNvPr id="397" name="テキスト ボックス 396">
          <a:extLst>
            <a:ext uri="{FF2B5EF4-FFF2-40B4-BE49-F238E27FC236}">
              <a16:creationId xmlns:a16="http://schemas.microsoft.com/office/drawing/2014/main" id="{00000000-0008-0000-0400-00008D010000}"/>
            </a:ext>
          </a:extLst>
        </xdr:cNvPr>
        <xdr:cNvSpPr txBox="1"/>
      </xdr:nvSpPr>
      <xdr:spPr>
        <a:xfrm>
          <a:off x="1828800" y="1292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29539</xdr:rowOff>
    </xdr:from>
    <xdr:to>
      <xdr:col>6</xdr:col>
      <xdr:colOff>171450</xdr:colOff>
      <xdr:row>77</xdr:row>
      <xdr:rowOff>59689</xdr:rowOff>
    </xdr:to>
    <xdr:sp macro="" textlink="">
      <xdr:nvSpPr>
        <xdr:cNvPr id="398" name="楕円 397">
          <a:extLst>
            <a:ext uri="{FF2B5EF4-FFF2-40B4-BE49-F238E27FC236}">
              <a16:creationId xmlns:a16="http://schemas.microsoft.com/office/drawing/2014/main" id="{00000000-0008-0000-0400-00008E010000}"/>
            </a:ext>
          </a:extLst>
        </xdr:cNvPr>
        <xdr:cNvSpPr/>
      </xdr:nvSpPr>
      <xdr:spPr>
        <a:xfrm>
          <a:off x="1270000" y="13159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69867</xdr:rowOff>
    </xdr:from>
    <xdr:ext cx="762000" cy="259045"/>
    <xdr:sp macro="" textlink="">
      <xdr:nvSpPr>
        <xdr:cNvPr id="399" name="テキスト ボックス 398">
          <a:extLst>
            <a:ext uri="{FF2B5EF4-FFF2-40B4-BE49-F238E27FC236}">
              <a16:creationId xmlns:a16="http://schemas.microsoft.com/office/drawing/2014/main" id="{00000000-0008-0000-0400-00008F010000}"/>
            </a:ext>
          </a:extLst>
        </xdr:cNvPr>
        <xdr:cNvSpPr txBox="1"/>
      </xdr:nvSpPr>
      <xdr:spPr>
        <a:xfrm>
          <a:off x="939800" y="12928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9" name="正方形/長方形 408">
          <a:extLst>
            <a:ext uri="{FF2B5EF4-FFF2-40B4-BE49-F238E27FC236}">
              <a16:creationId xmlns:a16="http://schemas.microsoft.com/office/drawing/2014/main" id="{00000000-0008-0000-0400-000099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公債費以外の経常収支比率については、</a:t>
          </a:r>
          <a:r>
            <a:rPr kumimoji="1" lang="en-US" altLang="ja-JP" sz="1300">
              <a:latin typeface="ＭＳ Ｐゴシック" panose="020B0600070205080204" pitchFamily="50" charset="-128"/>
              <a:ea typeface="ＭＳ Ｐゴシック" panose="020B0600070205080204" pitchFamily="50" charset="-128"/>
            </a:rPr>
            <a:t>6.7</a:t>
          </a:r>
          <a:r>
            <a:rPr kumimoji="1" lang="ja-JP" altLang="en-US" sz="1300">
              <a:latin typeface="ＭＳ Ｐゴシック" panose="020B0600070205080204" pitchFamily="50" charset="-128"/>
              <a:ea typeface="ＭＳ Ｐゴシック" panose="020B0600070205080204" pitchFamily="50" charset="-128"/>
            </a:rPr>
            <a:t>ポイント減少し、類似団体の平均値を</a:t>
          </a:r>
          <a:r>
            <a:rPr kumimoji="1" lang="en-US" altLang="ja-JP" sz="1300">
              <a:latin typeface="ＭＳ Ｐゴシック" panose="020B0600070205080204" pitchFamily="50" charset="-128"/>
              <a:ea typeface="ＭＳ Ｐゴシック" panose="020B0600070205080204" pitchFamily="50" charset="-128"/>
            </a:rPr>
            <a:t>2.6</a:t>
          </a:r>
          <a:r>
            <a:rPr kumimoji="1" lang="ja-JP" altLang="en-US" sz="1300">
              <a:latin typeface="ＭＳ Ｐゴシック" panose="020B0600070205080204" pitchFamily="50" charset="-128"/>
              <a:ea typeface="ＭＳ Ｐゴシック" panose="020B0600070205080204" pitchFamily="50" charset="-128"/>
            </a:rPr>
            <a:t>ポイント上回っている。人件費にかかる経常収支比率が類似団体と比べ高い水準にあることが主な要因となっているため、定員適正化等を通じて人件費の抑制に取り組んでいく。</a:t>
          </a:r>
        </a:p>
      </xdr:txBody>
    </xdr:sp>
    <xdr:clientData/>
  </xdr:twoCellAnchor>
  <xdr:oneCellAnchor>
    <xdr:from>
      <xdr:col>62</xdr:col>
      <xdr:colOff>6350</xdr:colOff>
      <xdr:row>69</xdr:row>
      <xdr:rowOff>107950</xdr:rowOff>
    </xdr:from>
    <xdr:ext cx="298543" cy="225703"/>
    <xdr:sp macro="" textlink="">
      <xdr:nvSpPr>
        <xdr:cNvPr id="411" name="テキスト ボックス 410">
          <a:extLst>
            <a:ext uri="{FF2B5EF4-FFF2-40B4-BE49-F238E27FC236}">
              <a16:creationId xmlns:a16="http://schemas.microsoft.com/office/drawing/2014/main" id="{00000000-0008-0000-0400-00009B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2" name="直線コネクタ 411">
          <a:extLst>
            <a:ext uri="{FF2B5EF4-FFF2-40B4-BE49-F238E27FC236}">
              <a16:creationId xmlns:a16="http://schemas.microsoft.com/office/drawing/2014/main" id="{00000000-0008-0000-0400-00009C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3" name="テキスト ボックス 412">
          <a:extLst>
            <a:ext uri="{FF2B5EF4-FFF2-40B4-BE49-F238E27FC236}">
              <a16:creationId xmlns:a16="http://schemas.microsoft.com/office/drawing/2014/main" id="{00000000-0008-0000-0400-00009D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4" name="直線コネクタ 413">
          <a:extLst>
            <a:ext uri="{FF2B5EF4-FFF2-40B4-BE49-F238E27FC236}">
              <a16:creationId xmlns:a16="http://schemas.microsoft.com/office/drawing/2014/main" id="{00000000-0008-0000-0400-00009E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5" name="テキスト ボックス 414">
          <a:extLst>
            <a:ext uri="{FF2B5EF4-FFF2-40B4-BE49-F238E27FC236}">
              <a16:creationId xmlns:a16="http://schemas.microsoft.com/office/drawing/2014/main" id="{00000000-0008-0000-0400-00009F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6" name="直線コネクタ 415">
          <a:extLst>
            <a:ext uri="{FF2B5EF4-FFF2-40B4-BE49-F238E27FC236}">
              <a16:creationId xmlns:a16="http://schemas.microsoft.com/office/drawing/2014/main" id="{00000000-0008-0000-0400-0000A0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7" name="テキスト ボックス 416">
          <a:extLst>
            <a:ext uri="{FF2B5EF4-FFF2-40B4-BE49-F238E27FC236}">
              <a16:creationId xmlns:a16="http://schemas.microsoft.com/office/drawing/2014/main" id="{00000000-0008-0000-0400-0000A1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8" name="直線コネクタ 417">
          <a:extLst>
            <a:ext uri="{FF2B5EF4-FFF2-40B4-BE49-F238E27FC236}">
              <a16:creationId xmlns:a16="http://schemas.microsoft.com/office/drawing/2014/main" id="{00000000-0008-0000-0400-0000A2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9" name="テキスト ボックス 418">
          <a:extLst>
            <a:ext uri="{FF2B5EF4-FFF2-40B4-BE49-F238E27FC236}">
              <a16:creationId xmlns:a16="http://schemas.microsoft.com/office/drawing/2014/main" id="{00000000-0008-0000-0400-0000A3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20" name="直線コネクタ 419">
          <a:extLst>
            <a:ext uri="{FF2B5EF4-FFF2-40B4-BE49-F238E27FC236}">
              <a16:creationId xmlns:a16="http://schemas.microsoft.com/office/drawing/2014/main" id="{00000000-0008-0000-0400-0000A4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21" name="テキスト ボックス 420">
          <a:extLst>
            <a:ext uri="{FF2B5EF4-FFF2-40B4-BE49-F238E27FC236}">
              <a16:creationId xmlns:a16="http://schemas.microsoft.com/office/drawing/2014/main" id="{00000000-0008-0000-0400-0000A5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3" name="テキスト ボックス 422">
          <a:extLst>
            <a:ext uri="{FF2B5EF4-FFF2-40B4-BE49-F238E27FC236}">
              <a16:creationId xmlns:a16="http://schemas.microsoft.com/office/drawing/2014/main" id="{00000000-0008-0000-0400-0000A7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4" name="公債費以外グラフ枠">
          <a:extLst>
            <a:ext uri="{FF2B5EF4-FFF2-40B4-BE49-F238E27FC236}">
              <a16:creationId xmlns:a16="http://schemas.microsoft.com/office/drawing/2014/main" id="{00000000-0008-0000-0400-0000A8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4</xdr:row>
      <xdr:rowOff>127000</xdr:rowOff>
    </xdr:from>
    <xdr:to>
      <xdr:col>82</xdr:col>
      <xdr:colOff>107950</xdr:colOff>
      <xdr:row>80</xdr:row>
      <xdr:rowOff>85852</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flipV="1">
          <a:off x="16510000" y="12814300"/>
          <a:ext cx="0" cy="987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57929</xdr:rowOff>
    </xdr:from>
    <xdr:ext cx="762000" cy="259045"/>
    <xdr:sp macro="" textlink="">
      <xdr:nvSpPr>
        <xdr:cNvPr id="426" name="公債費以外最小値テキスト">
          <a:extLst>
            <a:ext uri="{FF2B5EF4-FFF2-40B4-BE49-F238E27FC236}">
              <a16:creationId xmlns:a16="http://schemas.microsoft.com/office/drawing/2014/main" id="{00000000-0008-0000-0400-0000AA010000}"/>
            </a:ext>
          </a:extLst>
        </xdr:cNvPr>
        <xdr:cNvSpPr txBox="1"/>
      </xdr:nvSpPr>
      <xdr:spPr>
        <a:xfrm>
          <a:off x="16598900" y="137739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85852</xdr:rowOff>
    </xdr:from>
    <xdr:to>
      <xdr:col>82</xdr:col>
      <xdr:colOff>196850</xdr:colOff>
      <xdr:row>80</xdr:row>
      <xdr:rowOff>85852</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6421100" y="1380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3</xdr:row>
      <xdr:rowOff>41927</xdr:rowOff>
    </xdr:from>
    <xdr:ext cx="762000" cy="259045"/>
    <xdr:sp macro="" textlink="">
      <xdr:nvSpPr>
        <xdr:cNvPr id="428" name="公債費以外最大値テキスト">
          <a:extLst>
            <a:ext uri="{FF2B5EF4-FFF2-40B4-BE49-F238E27FC236}">
              <a16:creationId xmlns:a16="http://schemas.microsoft.com/office/drawing/2014/main" id="{00000000-0008-0000-0400-0000AC010000}"/>
            </a:ext>
          </a:extLst>
        </xdr:cNvPr>
        <xdr:cNvSpPr txBox="1"/>
      </xdr:nvSpPr>
      <xdr:spPr>
        <a:xfrm>
          <a:off x="16598900" y="1255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4</xdr:row>
      <xdr:rowOff>127000</xdr:rowOff>
    </xdr:from>
    <xdr:to>
      <xdr:col>82</xdr:col>
      <xdr:colOff>196850</xdr:colOff>
      <xdr:row>74</xdr:row>
      <xdr:rowOff>127000</xdr:rowOff>
    </xdr:to>
    <xdr:cxnSp macro="">
      <xdr:nvCxnSpPr>
        <xdr:cNvPr id="429" name="直線コネクタ 428">
          <a:extLst>
            <a:ext uri="{FF2B5EF4-FFF2-40B4-BE49-F238E27FC236}">
              <a16:creationId xmlns:a16="http://schemas.microsoft.com/office/drawing/2014/main" id="{00000000-0008-0000-0400-0000AD010000}"/>
            </a:ext>
          </a:extLst>
        </xdr:cNvPr>
        <xdr:cNvCxnSpPr/>
      </xdr:nvCxnSpPr>
      <xdr:spPr>
        <a:xfrm>
          <a:off x="16421100" y="12814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8</xdr:row>
      <xdr:rowOff>53848</xdr:rowOff>
    </xdr:from>
    <xdr:to>
      <xdr:col>82</xdr:col>
      <xdr:colOff>107950</xdr:colOff>
      <xdr:row>80</xdr:row>
      <xdr:rowOff>17272</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5671800" y="13426948"/>
          <a:ext cx="838200" cy="306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72153</xdr:rowOff>
    </xdr:from>
    <xdr:ext cx="762000" cy="259045"/>
    <xdr:sp macro="" textlink="">
      <xdr:nvSpPr>
        <xdr:cNvPr id="431" name="公債費以外平均値テキスト">
          <a:extLst>
            <a:ext uri="{FF2B5EF4-FFF2-40B4-BE49-F238E27FC236}">
              <a16:creationId xmlns:a16="http://schemas.microsoft.com/office/drawing/2014/main" id="{00000000-0008-0000-0400-0000AF010000}"/>
            </a:ext>
          </a:extLst>
        </xdr:cNvPr>
        <xdr:cNvSpPr txBox="1"/>
      </xdr:nvSpPr>
      <xdr:spPr>
        <a:xfrm>
          <a:off x="16598900" y="131023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55626</xdr:rowOff>
    </xdr:from>
    <xdr:to>
      <xdr:col>82</xdr:col>
      <xdr:colOff>158750</xdr:colOff>
      <xdr:row>77</xdr:row>
      <xdr:rowOff>157226</xdr:rowOff>
    </xdr:to>
    <xdr:sp macro="" textlink="">
      <xdr:nvSpPr>
        <xdr:cNvPr id="432" name="フローチャート: 判断 431">
          <a:extLst>
            <a:ext uri="{FF2B5EF4-FFF2-40B4-BE49-F238E27FC236}">
              <a16:creationId xmlns:a16="http://schemas.microsoft.com/office/drawing/2014/main" id="{00000000-0008-0000-0400-0000B0010000}"/>
            </a:ext>
          </a:extLst>
        </xdr:cNvPr>
        <xdr:cNvSpPr/>
      </xdr:nvSpPr>
      <xdr:spPr>
        <a:xfrm>
          <a:off x="16459200" y="13257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165863</xdr:rowOff>
    </xdr:from>
    <xdr:to>
      <xdr:col>78</xdr:col>
      <xdr:colOff>69850</xdr:colOff>
      <xdr:row>80</xdr:row>
      <xdr:rowOff>17272</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4782800" y="13710413"/>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8</xdr:row>
      <xdr:rowOff>57913</xdr:rowOff>
    </xdr:from>
    <xdr:to>
      <xdr:col>78</xdr:col>
      <xdr:colOff>120650</xdr:colOff>
      <xdr:row>78</xdr:row>
      <xdr:rowOff>159513</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5621000" y="134310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69690</xdr:rowOff>
    </xdr:from>
    <xdr:ext cx="7366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5290800" y="131998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97282</xdr:rowOff>
    </xdr:from>
    <xdr:to>
      <xdr:col>73</xdr:col>
      <xdr:colOff>180975</xdr:colOff>
      <xdr:row>79</xdr:row>
      <xdr:rowOff>165863</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a:off x="13893800" y="13641832"/>
          <a:ext cx="88900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8</xdr:row>
      <xdr:rowOff>80772</xdr:rowOff>
    </xdr:from>
    <xdr:to>
      <xdr:col>74</xdr:col>
      <xdr:colOff>31750</xdr:colOff>
      <xdr:row>79</xdr:row>
      <xdr:rowOff>10922</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4732000" y="13453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21099</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4401800" y="13222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88137</xdr:rowOff>
    </xdr:from>
    <xdr:to>
      <xdr:col>69</xdr:col>
      <xdr:colOff>92075</xdr:colOff>
      <xdr:row>79</xdr:row>
      <xdr:rowOff>97282</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3004800" y="13632687"/>
          <a:ext cx="889000" cy="9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48768</xdr:rowOff>
    </xdr:from>
    <xdr:to>
      <xdr:col>69</xdr:col>
      <xdr:colOff>142875</xdr:colOff>
      <xdr:row>78</xdr:row>
      <xdr:rowOff>150368</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3843000" y="13421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60545</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3512800" y="131907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6763</xdr:rowOff>
    </xdr:from>
    <xdr:to>
      <xdr:col>65</xdr:col>
      <xdr:colOff>53975</xdr:colOff>
      <xdr:row>78</xdr:row>
      <xdr:rowOff>118363</xdr:rowOff>
    </xdr:to>
    <xdr:sp macro="" textlink="">
      <xdr:nvSpPr>
        <xdr:cNvPr id="442" name="フローチャート: 判断 441">
          <a:extLst>
            <a:ext uri="{FF2B5EF4-FFF2-40B4-BE49-F238E27FC236}">
              <a16:creationId xmlns:a16="http://schemas.microsoft.com/office/drawing/2014/main" id="{00000000-0008-0000-0400-0000BA010000}"/>
            </a:ext>
          </a:extLst>
        </xdr:cNvPr>
        <xdr:cNvSpPr/>
      </xdr:nvSpPr>
      <xdr:spPr>
        <a:xfrm>
          <a:off x="12954000" y="13389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128540</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2623800" y="131587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3048</xdr:rowOff>
    </xdr:from>
    <xdr:to>
      <xdr:col>82</xdr:col>
      <xdr:colOff>158750</xdr:colOff>
      <xdr:row>78</xdr:row>
      <xdr:rowOff>104648</xdr:rowOff>
    </xdr:to>
    <xdr:sp macro="" textlink="">
      <xdr:nvSpPr>
        <xdr:cNvPr id="449" name="楕円 448">
          <a:extLst>
            <a:ext uri="{FF2B5EF4-FFF2-40B4-BE49-F238E27FC236}">
              <a16:creationId xmlns:a16="http://schemas.microsoft.com/office/drawing/2014/main" id="{00000000-0008-0000-0400-0000C1010000}"/>
            </a:ext>
          </a:extLst>
        </xdr:cNvPr>
        <xdr:cNvSpPr/>
      </xdr:nvSpPr>
      <xdr:spPr>
        <a:xfrm>
          <a:off x="16459200" y="13376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7</xdr:row>
      <xdr:rowOff>146575</xdr:rowOff>
    </xdr:from>
    <xdr:ext cx="762000" cy="259045"/>
    <xdr:sp macro="" textlink="">
      <xdr:nvSpPr>
        <xdr:cNvPr id="450" name="公債費以外該当値テキスト">
          <a:extLst>
            <a:ext uri="{FF2B5EF4-FFF2-40B4-BE49-F238E27FC236}">
              <a16:creationId xmlns:a16="http://schemas.microsoft.com/office/drawing/2014/main" id="{00000000-0008-0000-0400-0000C2010000}"/>
            </a:ext>
          </a:extLst>
        </xdr:cNvPr>
        <xdr:cNvSpPr txBox="1"/>
      </xdr:nvSpPr>
      <xdr:spPr>
        <a:xfrm>
          <a:off x="16598900" y="133482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137922</xdr:rowOff>
    </xdr:from>
    <xdr:to>
      <xdr:col>78</xdr:col>
      <xdr:colOff>120650</xdr:colOff>
      <xdr:row>80</xdr:row>
      <xdr:rowOff>68072</xdr:rowOff>
    </xdr:to>
    <xdr:sp macro="" textlink="">
      <xdr:nvSpPr>
        <xdr:cNvPr id="451" name="楕円 450">
          <a:extLst>
            <a:ext uri="{FF2B5EF4-FFF2-40B4-BE49-F238E27FC236}">
              <a16:creationId xmlns:a16="http://schemas.microsoft.com/office/drawing/2014/main" id="{00000000-0008-0000-0400-0000C3010000}"/>
            </a:ext>
          </a:extLst>
        </xdr:cNvPr>
        <xdr:cNvSpPr/>
      </xdr:nvSpPr>
      <xdr:spPr>
        <a:xfrm>
          <a:off x="15621000" y="13682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52849</xdr:rowOff>
    </xdr:from>
    <xdr:ext cx="736600" cy="259045"/>
    <xdr:sp macro="" textlink="">
      <xdr:nvSpPr>
        <xdr:cNvPr id="452" name="テキスト ボックス 451">
          <a:extLst>
            <a:ext uri="{FF2B5EF4-FFF2-40B4-BE49-F238E27FC236}">
              <a16:creationId xmlns:a16="http://schemas.microsoft.com/office/drawing/2014/main" id="{00000000-0008-0000-0400-0000C4010000}"/>
            </a:ext>
          </a:extLst>
        </xdr:cNvPr>
        <xdr:cNvSpPr txBox="1"/>
      </xdr:nvSpPr>
      <xdr:spPr>
        <a:xfrm>
          <a:off x="15290800" y="137688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15063</xdr:rowOff>
    </xdr:from>
    <xdr:to>
      <xdr:col>74</xdr:col>
      <xdr:colOff>31750</xdr:colOff>
      <xdr:row>80</xdr:row>
      <xdr:rowOff>45213</xdr:rowOff>
    </xdr:to>
    <xdr:sp macro="" textlink="">
      <xdr:nvSpPr>
        <xdr:cNvPr id="453" name="楕円 452">
          <a:extLst>
            <a:ext uri="{FF2B5EF4-FFF2-40B4-BE49-F238E27FC236}">
              <a16:creationId xmlns:a16="http://schemas.microsoft.com/office/drawing/2014/main" id="{00000000-0008-0000-0400-0000C5010000}"/>
            </a:ext>
          </a:extLst>
        </xdr:cNvPr>
        <xdr:cNvSpPr/>
      </xdr:nvSpPr>
      <xdr:spPr>
        <a:xfrm>
          <a:off x="14732000" y="13659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29990</xdr:rowOff>
    </xdr:from>
    <xdr:ext cx="762000" cy="259045"/>
    <xdr:sp macro="" textlink="">
      <xdr:nvSpPr>
        <xdr:cNvPr id="454" name="テキスト ボックス 453">
          <a:extLst>
            <a:ext uri="{FF2B5EF4-FFF2-40B4-BE49-F238E27FC236}">
              <a16:creationId xmlns:a16="http://schemas.microsoft.com/office/drawing/2014/main" id="{00000000-0008-0000-0400-0000C6010000}"/>
            </a:ext>
          </a:extLst>
        </xdr:cNvPr>
        <xdr:cNvSpPr txBox="1"/>
      </xdr:nvSpPr>
      <xdr:spPr>
        <a:xfrm>
          <a:off x="14401800" y="137459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46482</xdr:rowOff>
    </xdr:from>
    <xdr:to>
      <xdr:col>69</xdr:col>
      <xdr:colOff>142875</xdr:colOff>
      <xdr:row>79</xdr:row>
      <xdr:rowOff>148082</xdr:rowOff>
    </xdr:to>
    <xdr:sp macro="" textlink="">
      <xdr:nvSpPr>
        <xdr:cNvPr id="455" name="楕円 454">
          <a:extLst>
            <a:ext uri="{FF2B5EF4-FFF2-40B4-BE49-F238E27FC236}">
              <a16:creationId xmlns:a16="http://schemas.microsoft.com/office/drawing/2014/main" id="{00000000-0008-0000-0400-0000C7010000}"/>
            </a:ext>
          </a:extLst>
        </xdr:cNvPr>
        <xdr:cNvSpPr/>
      </xdr:nvSpPr>
      <xdr:spPr>
        <a:xfrm>
          <a:off x="13843000" y="135910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9</xdr:row>
      <xdr:rowOff>132859</xdr:rowOff>
    </xdr:from>
    <xdr:ext cx="762000" cy="259045"/>
    <xdr:sp macro="" textlink="">
      <xdr:nvSpPr>
        <xdr:cNvPr id="456" name="テキスト ボックス 455">
          <a:extLst>
            <a:ext uri="{FF2B5EF4-FFF2-40B4-BE49-F238E27FC236}">
              <a16:creationId xmlns:a16="http://schemas.microsoft.com/office/drawing/2014/main" id="{00000000-0008-0000-0400-0000C8010000}"/>
            </a:ext>
          </a:extLst>
        </xdr:cNvPr>
        <xdr:cNvSpPr txBox="1"/>
      </xdr:nvSpPr>
      <xdr:spPr>
        <a:xfrm>
          <a:off x="13512800" y="136774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37337</xdr:rowOff>
    </xdr:from>
    <xdr:to>
      <xdr:col>65</xdr:col>
      <xdr:colOff>53975</xdr:colOff>
      <xdr:row>79</xdr:row>
      <xdr:rowOff>138937</xdr:rowOff>
    </xdr:to>
    <xdr:sp macro="" textlink="">
      <xdr:nvSpPr>
        <xdr:cNvPr id="457" name="楕円 456">
          <a:extLst>
            <a:ext uri="{FF2B5EF4-FFF2-40B4-BE49-F238E27FC236}">
              <a16:creationId xmlns:a16="http://schemas.microsoft.com/office/drawing/2014/main" id="{00000000-0008-0000-0400-0000C9010000}"/>
            </a:ext>
          </a:extLst>
        </xdr:cNvPr>
        <xdr:cNvSpPr/>
      </xdr:nvSpPr>
      <xdr:spPr>
        <a:xfrm>
          <a:off x="12954000" y="13581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3714</xdr:rowOff>
    </xdr:from>
    <xdr:ext cx="762000" cy="259045"/>
    <xdr:sp macro="" textlink="">
      <xdr:nvSpPr>
        <xdr:cNvPr id="458" name="テキスト ボックス 457">
          <a:extLst>
            <a:ext uri="{FF2B5EF4-FFF2-40B4-BE49-F238E27FC236}">
              <a16:creationId xmlns:a16="http://schemas.microsoft.com/office/drawing/2014/main" id="{00000000-0008-0000-0400-0000CA010000}"/>
            </a:ext>
          </a:extLst>
        </xdr:cNvPr>
        <xdr:cNvSpPr txBox="1"/>
      </xdr:nvSpPr>
      <xdr:spPr>
        <a:xfrm>
          <a:off x="12623800" y="13668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3</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1</xdr:row>
      <xdr:rowOff>3175</xdr:rowOff>
    </xdr:from>
    <xdr:to>
      <xdr:col>33</xdr:col>
      <xdr:colOff>114300</xdr:colOff>
      <xdr:row>21</xdr:row>
      <xdr:rowOff>31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651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0</xdr:row>
      <xdr:rowOff>324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50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9</xdr:row>
      <xdr:rowOff>60325</xdr:rowOff>
    </xdr:from>
    <xdr:to>
      <xdr:col>33</xdr:col>
      <xdr:colOff>114300</xdr:colOff>
      <xdr:row>19</xdr:row>
      <xdr:rowOff>6032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36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8955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22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7</xdr:row>
      <xdr:rowOff>117475</xdr:rowOff>
    </xdr:from>
    <xdr:to>
      <xdr:col>33</xdr:col>
      <xdr:colOff>114300</xdr:colOff>
      <xdr:row>17</xdr:row>
      <xdr:rowOff>1174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3079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1467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937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4</xdr:row>
      <xdr:rowOff>60325</xdr:rowOff>
    </xdr:from>
    <xdr:to>
      <xdr:col>33</xdr:col>
      <xdr:colOff>114300</xdr:colOff>
      <xdr:row>14</xdr:row>
      <xdr:rowOff>603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5082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3</xdr:row>
      <xdr:rowOff>895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23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2</xdr:row>
      <xdr:rowOff>117475</xdr:rowOff>
    </xdr:from>
    <xdr:to>
      <xdr:col>33</xdr:col>
      <xdr:colOff>114300</xdr:colOff>
      <xdr:row>12</xdr:row>
      <xdr:rowOff>11747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222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1</xdr:row>
      <xdr:rowOff>14670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208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3175</xdr:rowOff>
    </xdr:from>
    <xdr:to>
      <xdr:col>33</xdr:col>
      <xdr:colOff>114300</xdr:colOff>
      <xdr:row>11</xdr:row>
      <xdr:rowOff>3175</xdr:rowOff>
    </xdr:to>
    <xdr:cxnSp macro="">
      <xdr:nvCxnSpPr>
        <xdr:cNvPr id="44" name="直線コネクタ 43">
          <a:extLst>
            <a:ext uri="{FF2B5EF4-FFF2-40B4-BE49-F238E27FC236}">
              <a16:creationId xmlns:a16="http://schemas.microsoft.com/office/drawing/2014/main" id="{00000000-0008-0000-0500-00002C000000}"/>
            </a:ext>
          </a:extLst>
        </xdr:cNvPr>
        <xdr:cNvCxnSpPr/>
      </xdr:nvCxnSpPr>
      <xdr:spPr bwMode="auto">
        <a:xfrm>
          <a:off x="2159000" y="193675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32402</xdr:rowOff>
    </xdr:from>
    <xdr:ext cx="762000" cy="259045"/>
    <xdr:sp macro="" textlink="">
      <xdr:nvSpPr>
        <xdr:cNvPr id="45" name="テキスト ボックス 44">
          <a:extLst>
            <a:ext uri="{FF2B5EF4-FFF2-40B4-BE49-F238E27FC236}">
              <a16:creationId xmlns:a16="http://schemas.microsoft.com/office/drawing/2014/main" id="{00000000-0008-0000-0500-00002D000000}"/>
            </a:ext>
          </a:extLst>
        </xdr:cNvPr>
        <xdr:cNvSpPr txBox="1"/>
      </xdr:nvSpPr>
      <xdr:spPr>
        <a:xfrm>
          <a:off x="1384300" y="1794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7" name="テキスト ボックス 46">
          <a:extLst>
            <a:ext uri="{FF2B5EF4-FFF2-40B4-BE49-F238E27FC236}">
              <a16:creationId xmlns:a16="http://schemas.microsoft.com/office/drawing/2014/main" id="{00000000-0008-0000-0500-00002F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8" name="人口1人当たり決算額の推移グラフ枠130">
          <a:extLst>
            <a:ext uri="{FF2B5EF4-FFF2-40B4-BE49-F238E27FC236}">
              <a16:creationId xmlns:a16="http://schemas.microsoft.com/office/drawing/2014/main" id="{00000000-0008-0000-0500-000030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30219</xdr:rowOff>
    </xdr:from>
    <xdr:to>
      <xdr:col>29</xdr:col>
      <xdr:colOff>127000</xdr:colOff>
      <xdr:row>20</xdr:row>
      <xdr:rowOff>2261</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flipV="1">
          <a:off x="5651500" y="2063794"/>
          <a:ext cx="0" cy="14150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45788</xdr:rowOff>
    </xdr:from>
    <xdr:ext cx="762000" cy="259045"/>
    <xdr:sp macro="" textlink="">
      <xdr:nvSpPr>
        <xdr:cNvPr id="50" name="人口1人当たり決算額の推移最小値テキスト130">
          <a:extLst>
            <a:ext uri="{FF2B5EF4-FFF2-40B4-BE49-F238E27FC236}">
              <a16:creationId xmlns:a16="http://schemas.microsoft.com/office/drawing/2014/main" id="{00000000-0008-0000-0500-000032000000}"/>
            </a:ext>
          </a:extLst>
        </xdr:cNvPr>
        <xdr:cNvSpPr txBox="1"/>
      </xdr:nvSpPr>
      <xdr:spPr>
        <a:xfrm>
          <a:off x="5740400" y="34509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0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2261</xdr:rowOff>
    </xdr:from>
    <xdr:to>
      <xdr:col>30</xdr:col>
      <xdr:colOff>25400</xdr:colOff>
      <xdr:row>20</xdr:row>
      <xdr:rowOff>2261</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a:off x="5562600" y="347888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45146</xdr:rowOff>
    </xdr:from>
    <xdr:ext cx="762000" cy="259045"/>
    <xdr:sp macro="" textlink="">
      <xdr:nvSpPr>
        <xdr:cNvPr id="52" name="人口1人当たり決算額の推移最大値テキスト130">
          <a:extLst>
            <a:ext uri="{FF2B5EF4-FFF2-40B4-BE49-F238E27FC236}">
              <a16:creationId xmlns:a16="http://schemas.microsoft.com/office/drawing/2014/main" id="{00000000-0008-0000-0500-000034000000}"/>
            </a:ext>
          </a:extLst>
        </xdr:cNvPr>
        <xdr:cNvSpPr txBox="1"/>
      </xdr:nvSpPr>
      <xdr:spPr>
        <a:xfrm>
          <a:off x="5740400" y="180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5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30219</xdr:rowOff>
    </xdr:from>
    <xdr:to>
      <xdr:col>30</xdr:col>
      <xdr:colOff>25400</xdr:colOff>
      <xdr:row>11</xdr:row>
      <xdr:rowOff>130219</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5562600" y="206379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139535</xdr:rowOff>
    </xdr:from>
    <xdr:to>
      <xdr:col>29</xdr:col>
      <xdr:colOff>127000</xdr:colOff>
      <xdr:row>16</xdr:row>
      <xdr:rowOff>147422</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5003800" y="2930360"/>
          <a:ext cx="647700" cy="788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5</xdr:row>
      <xdr:rowOff>70658</xdr:rowOff>
    </xdr:from>
    <xdr:ext cx="762000" cy="259045"/>
    <xdr:sp macro="" textlink="">
      <xdr:nvSpPr>
        <xdr:cNvPr id="55" name="人口1人当たり決算額の推移平均値テキスト130">
          <a:extLst>
            <a:ext uri="{FF2B5EF4-FFF2-40B4-BE49-F238E27FC236}">
              <a16:creationId xmlns:a16="http://schemas.microsoft.com/office/drawing/2014/main" id="{00000000-0008-0000-0500-000037000000}"/>
            </a:ext>
          </a:extLst>
        </xdr:cNvPr>
        <xdr:cNvSpPr txBox="1"/>
      </xdr:nvSpPr>
      <xdr:spPr>
        <a:xfrm>
          <a:off x="5740400" y="26900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54131</xdr:rowOff>
    </xdr:from>
    <xdr:to>
      <xdr:col>29</xdr:col>
      <xdr:colOff>177800</xdr:colOff>
      <xdr:row>16</xdr:row>
      <xdr:rowOff>155731</xdr:rowOff>
    </xdr:to>
    <xdr:sp macro="" textlink="">
      <xdr:nvSpPr>
        <xdr:cNvPr id="56" name="フローチャート: 判断 55">
          <a:extLst>
            <a:ext uri="{FF2B5EF4-FFF2-40B4-BE49-F238E27FC236}">
              <a16:creationId xmlns:a16="http://schemas.microsoft.com/office/drawing/2014/main" id="{00000000-0008-0000-0500-000038000000}"/>
            </a:ext>
          </a:extLst>
        </xdr:cNvPr>
        <xdr:cNvSpPr/>
      </xdr:nvSpPr>
      <xdr:spPr bwMode="auto">
        <a:xfrm>
          <a:off x="5600700" y="284495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47422</xdr:rowOff>
    </xdr:from>
    <xdr:to>
      <xdr:col>26</xdr:col>
      <xdr:colOff>50800</xdr:colOff>
      <xdr:row>16</xdr:row>
      <xdr:rowOff>152394</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flipV="1">
          <a:off x="4305300" y="2938247"/>
          <a:ext cx="698500" cy="49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6</xdr:row>
      <xdr:rowOff>83763</xdr:rowOff>
    </xdr:from>
    <xdr:to>
      <xdr:col>26</xdr:col>
      <xdr:colOff>101600</xdr:colOff>
      <xdr:row>17</xdr:row>
      <xdr:rowOff>13913</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953000" y="287458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24090</xdr:rowOff>
    </xdr:from>
    <xdr:ext cx="7366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4622800" y="26434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52394</xdr:rowOff>
    </xdr:from>
    <xdr:to>
      <xdr:col>22</xdr:col>
      <xdr:colOff>114300</xdr:colOff>
      <xdr:row>16</xdr:row>
      <xdr:rowOff>166510</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flipV="1">
          <a:off x="3606800" y="2943219"/>
          <a:ext cx="698500" cy="141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6</xdr:row>
      <xdr:rowOff>132283</xdr:rowOff>
    </xdr:from>
    <xdr:to>
      <xdr:col>22</xdr:col>
      <xdr:colOff>165100</xdr:colOff>
      <xdr:row>17</xdr:row>
      <xdr:rowOff>62433</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4254500" y="29231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7</xdr:row>
      <xdr:rowOff>47210</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924300" y="3009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130048</xdr:rowOff>
    </xdr:from>
    <xdr:to>
      <xdr:col>18</xdr:col>
      <xdr:colOff>177800</xdr:colOff>
      <xdr:row>16</xdr:row>
      <xdr:rowOff>166510</xdr:rowOff>
    </xdr:to>
    <xdr:cxnSp macro="">
      <xdr:nvCxnSpPr>
        <xdr:cNvPr id="63" name="直線コネクタ 62">
          <a:extLst>
            <a:ext uri="{FF2B5EF4-FFF2-40B4-BE49-F238E27FC236}">
              <a16:creationId xmlns:a16="http://schemas.microsoft.com/office/drawing/2014/main" id="{00000000-0008-0000-0500-00003F000000}"/>
            </a:ext>
          </a:extLst>
        </xdr:cNvPr>
        <xdr:cNvCxnSpPr/>
      </xdr:nvCxnSpPr>
      <xdr:spPr bwMode="auto">
        <a:xfrm>
          <a:off x="2908300" y="2920873"/>
          <a:ext cx="698500" cy="364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6</xdr:row>
      <xdr:rowOff>148371</xdr:rowOff>
    </xdr:from>
    <xdr:to>
      <xdr:col>19</xdr:col>
      <xdr:colOff>38100</xdr:colOff>
      <xdr:row>17</xdr:row>
      <xdr:rowOff>78521</xdr:rowOff>
    </xdr:to>
    <xdr:sp macro="" textlink="">
      <xdr:nvSpPr>
        <xdr:cNvPr id="64" name="フローチャート: 判断 63">
          <a:extLst>
            <a:ext uri="{FF2B5EF4-FFF2-40B4-BE49-F238E27FC236}">
              <a16:creationId xmlns:a16="http://schemas.microsoft.com/office/drawing/2014/main" id="{00000000-0008-0000-0500-000040000000}"/>
            </a:ext>
          </a:extLst>
        </xdr:cNvPr>
        <xdr:cNvSpPr/>
      </xdr:nvSpPr>
      <xdr:spPr bwMode="auto">
        <a:xfrm>
          <a:off x="3556000" y="293919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7</xdr:row>
      <xdr:rowOff>63298</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3225800" y="30255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153429</xdr:rowOff>
    </xdr:from>
    <xdr:to>
      <xdr:col>15</xdr:col>
      <xdr:colOff>101600</xdr:colOff>
      <xdr:row>17</xdr:row>
      <xdr:rowOff>83579</xdr:rowOff>
    </xdr:to>
    <xdr:sp macro="" textlink="">
      <xdr:nvSpPr>
        <xdr:cNvPr id="66" name="フローチャート: 判断 65">
          <a:extLst>
            <a:ext uri="{FF2B5EF4-FFF2-40B4-BE49-F238E27FC236}">
              <a16:creationId xmlns:a16="http://schemas.microsoft.com/office/drawing/2014/main" id="{00000000-0008-0000-0500-000042000000}"/>
            </a:ext>
          </a:extLst>
        </xdr:cNvPr>
        <xdr:cNvSpPr/>
      </xdr:nvSpPr>
      <xdr:spPr bwMode="auto">
        <a:xfrm>
          <a:off x="2857500" y="294425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7</xdr:row>
      <xdr:rowOff>68356</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2527300" y="30306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70" name="テキスト ボックス 69">
          <a:extLst>
            <a:ext uri="{FF2B5EF4-FFF2-40B4-BE49-F238E27FC236}">
              <a16:creationId xmlns:a16="http://schemas.microsoft.com/office/drawing/2014/main" id="{00000000-0008-0000-0500-000046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71" name="テキスト ボックス 70">
          <a:extLst>
            <a:ext uri="{FF2B5EF4-FFF2-40B4-BE49-F238E27FC236}">
              <a16:creationId xmlns:a16="http://schemas.microsoft.com/office/drawing/2014/main" id="{00000000-0008-0000-0500-000047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88735</xdr:rowOff>
    </xdr:from>
    <xdr:to>
      <xdr:col>29</xdr:col>
      <xdr:colOff>177800</xdr:colOff>
      <xdr:row>17</xdr:row>
      <xdr:rowOff>18885</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5600700" y="287956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60812</xdr:rowOff>
    </xdr:from>
    <xdr:ext cx="762000" cy="259045"/>
    <xdr:sp macro="" textlink="">
      <xdr:nvSpPr>
        <xdr:cNvPr id="74" name="人口1人当たり決算額の推移該当値テキスト130">
          <a:extLst>
            <a:ext uri="{FF2B5EF4-FFF2-40B4-BE49-F238E27FC236}">
              <a16:creationId xmlns:a16="http://schemas.microsoft.com/office/drawing/2014/main" id="{00000000-0008-0000-0500-00004A000000}"/>
            </a:ext>
          </a:extLst>
        </xdr:cNvPr>
        <xdr:cNvSpPr txBox="1"/>
      </xdr:nvSpPr>
      <xdr:spPr>
        <a:xfrm>
          <a:off x="5740400" y="2851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2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96622</xdr:rowOff>
    </xdr:from>
    <xdr:to>
      <xdr:col>26</xdr:col>
      <xdr:colOff>101600</xdr:colOff>
      <xdr:row>17</xdr:row>
      <xdr:rowOff>26772</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4953000" y="28874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7</xdr:row>
      <xdr:rowOff>11549</xdr:rowOff>
    </xdr:from>
    <xdr:ext cx="7366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4622800" y="29738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101594</xdr:rowOff>
    </xdr:from>
    <xdr:to>
      <xdr:col>22</xdr:col>
      <xdr:colOff>165100</xdr:colOff>
      <xdr:row>17</xdr:row>
      <xdr:rowOff>31744</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4254500" y="28924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41921</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3924300" y="26612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7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115710</xdr:rowOff>
    </xdr:from>
    <xdr:to>
      <xdr:col>19</xdr:col>
      <xdr:colOff>38100</xdr:colOff>
      <xdr:row>17</xdr:row>
      <xdr:rowOff>45860</xdr:rowOff>
    </xdr:to>
    <xdr:sp macro="" textlink="">
      <xdr:nvSpPr>
        <xdr:cNvPr id="79" name="楕円 78">
          <a:extLst>
            <a:ext uri="{FF2B5EF4-FFF2-40B4-BE49-F238E27FC236}">
              <a16:creationId xmlns:a16="http://schemas.microsoft.com/office/drawing/2014/main" id="{00000000-0008-0000-0500-00004F000000}"/>
            </a:ext>
          </a:extLst>
        </xdr:cNvPr>
        <xdr:cNvSpPr/>
      </xdr:nvSpPr>
      <xdr:spPr bwMode="auto">
        <a:xfrm>
          <a:off x="3556000" y="29065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56037</xdr:rowOff>
    </xdr:from>
    <xdr:ext cx="762000" cy="259045"/>
    <xdr:sp macro="" textlink="">
      <xdr:nvSpPr>
        <xdr:cNvPr id="80" name="テキスト ボックス 79">
          <a:extLst>
            <a:ext uri="{FF2B5EF4-FFF2-40B4-BE49-F238E27FC236}">
              <a16:creationId xmlns:a16="http://schemas.microsoft.com/office/drawing/2014/main" id="{00000000-0008-0000-0500-000050000000}"/>
            </a:ext>
          </a:extLst>
        </xdr:cNvPr>
        <xdr:cNvSpPr txBox="1"/>
      </xdr:nvSpPr>
      <xdr:spPr>
        <a:xfrm>
          <a:off x="3225800" y="26754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79248</xdr:rowOff>
    </xdr:from>
    <xdr:to>
      <xdr:col>15</xdr:col>
      <xdr:colOff>101600</xdr:colOff>
      <xdr:row>17</xdr:row>
      <xdr:rowOff>9398</xdr:rowOff>
    </xdr:to>
    <xdr:sp macro="" textlink="">
      <xdr:nvSpPr>
        <xdr:cNvPr id="81" name="楕円 80">
          <a:extLst>
            <a:ext uri="{FF2B5EF4-FFF2-40B4-BE49-F238E27FC236}">
              <a16:creationId xmlns:a16="http://schemas.microsoft.com/office/drawing/2014/main" id="{00000000-0008-0000-0500-000051000000}"/>
            </a:ext>
          </a:extLst>
        </xdr:cNvPr>
        <xdr:cNvSpPr/>
      </xdr:nvSpPr>
      <xdr:spPr bwMode="auto">
        <a:xfrm>
          <a:off x="2857500" y="28700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9575</xdr:rowOff>
    </xdr:from>
    <xdr:ext cx="762000" cy="259045"/>
    <xdr:sp macro="" textlink="">
      <xdr:nvSpPr>
        <xdr:cNvPr id="82" name="テキスト ボックス 81">
          <a:extLst>
            <a:ext uri="{FF2B5EF4-FFF2-40B4-BE49-F238E27FC236}">
              <a16:creationId xmlns:a16="http://schemas.microsoft.com/office/drawing/2014/main" id="{00000000-0008-0000-0500-000052000000}"/>
            </a:ext>
          </a:extLst>
        </xdr:cNvPr>
        <xdr:cNvSpPr txBox="1"/>
      </xdr:nvSpPr>
      <xdr:spPr>
        <a:xfrm>
          <a:off x="2527300" y="26389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4" name="角丸四角形 83">
          <a:extLst>
            <a:ext uri="{FF2B5EF4-FFF2-40B4-BE49-F238E27FC236}">
              <a16:creationId xmlns:a16="http://schemas.microsoft.com/office/drawing/2014/main" id="{00000000-0008-0000-0500-000054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5" name="正方形/長方形 84">
          <a:extLst>
            <a:ext uri="{FF2B5EF4-FFF2-40B4-BE49-F238E27FC236}">
              <a16:creationId xmlns:a16="http://schemas.microsoft.com/office/drawing/2014/main" id="{00000000-0008-0000-0500-000055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6" name="正方形/長方形 85">
          <a:extLst>
            <a:ext uri="{FF2B5EF4-FFF2-40B4-BE49-F238E27FC236}">
              <a16:creationId xmlns:a16="http://schemas.microsoft.com/office/drawing/2014/main" id="{00000000-0008-0000-0500-000056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7" name="正方形/長方形 86">
          <a:extLst>
            <a:ext uri="{FF2B5EF4-FFF2-40B4-BE49-F238E27FC236}">
              <a16:creationId xmlns:a16="http://schemas.microsoft.com/office/drawing/2014/main" id="{00000000-0008-0000-0500-000057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90" name="直線コネクタ 89">
          <a:extLst>
            <a:ext uri="{FF2B5EF4-FFF2-40B4-BE49-F238E27FC236}">
              <a16:creationId xmlns:a16="http://schemas.microsoft.com/office/drawing/2014/main" id="{00000000-0008-0000-0500-00005A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91" name="直線コネクタ 90">
          <a:extLst>
            <a:ext uri="{FF2B5EF4-FFF2-40B4-BE49-F238E27FC236}">
              <a16:creationId xmlns:a16="http://schemas.microsoft.com/office/drawing/2014/main" id="{00000000-0008-0000-0500-00005B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2" name="直線コネクタ 91">
          <a:extLst>
            <a:ext uri="{FF2B5EF4-FFF2-40B4-BE49-F238E27FC236}">
              <a16:creationId xmlns:a16="http://schemas.microsoft.com/office/drawing/2014/main" id="{00000000-0008-0000-0500-00005C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3" name="楕円 92">
          <a:extLst>
            <a:ext uri="{FF2B5EF4-FFF2-40B4-BE49-F238E27FC236}">
              <a16:creationId xmlns:a16="http://schemas.microsoft.com/office/drawing/2014/main" id="{00000000-0008-0000-0500-00005D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4" name="フローチャート: 判断 93">
          <a:extLst>
            <a:ext uri="{FF2B5EF4-FFF2-40B4-BE49-F238E27FC236}">
              <a16:creationId xmlns:a16="http://schemas.microsoft.com/office/drawing/2014/main" id="{00000000-0008-0000-0500-00005E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5" name="正方形/長方形 94">
          <a:extLst>
            <a:ext uri="{FF2B5EF4-FFF2-40B4-BE49-F238E27FC236}">
              <a16:creationId xmlns:a16="http://schemas.microsoft.com/office/drawing/2014/main" id="{00000000-0008-0000-0500-00005F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5" name="直線コネクタ 104">
          <a:extLst>
            <a:ext uri="{FF2B5EF4-FFF2-40B4-BE49-F238E27FC236}">
              <a16:creationId xmlns:a16="http://schemas.microsoft.com/office/drawing/2014/main" id="{00000000-0008-0000-0500-000069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6" name="テキスト ボックス 105">
          <a:extLst>
            <a:ext uri="{FF2B5EF4-FFF2-40B4-BE49-F238E27FC236}">
              <a16:creationId xmlns:a16="http://schemas.microsoft.com/office/drawing/2014/main" id="{00000000-0008-0000-0500-00006A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8" name="テキスト ボックス 107">
          <a:extLst>
            <a:ext uri="{FF2B5EF4-FFF2-40B4-BE49-F238E27FC236}">
              <a16:creationId xmlns:a16="http://schemas.microsoft.com/office/drawing/2014/main" id="{00000000-0008-0000-0500-00006C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9" name="人口1人当たり決算額の推移グラフ枠445">
          <a:extLst>
            <a:ext uri="{FF2B5EF4-FFF2-40B4-BE49-F238E27FC236}">
              <a16:creationId xmlns:a16="http://schemas.microsoft.com/office/drawing/2014/main" id="{00000000-0008-0000-0500-00006D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79019</xdr:rowOff>
    </xdr:from>
    <xdr:to>
      <xdr:col>29</xdr:col>
      <xdr:colOff>127000</xdr:colOff>
      <xdr:row>37</xdr:row>
      <xdr:rowOff>328054</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flipV="1">
          <a:off x="5651500" y="6203569"/>
          <a:ext cx="0" cy="124918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0131</xdr:rowOff>
    </xdr:from>
    <xdr:ext cx="762000" cy="259045"/>
    <xdr:sp macro="" textlink="">
      <xdr:nvSpPr>
        <xdr:cNvPr id="111" name="人口1人当たり決算額の推移最小値テキスト445">
          <a:extLst>
            <a:ext uri="{FF2B5EF4-FFF2-40B4-BE49-F238E27FC236}">
              <a16:creationId xmlns:a16="http://schemas.microsoft.com/office/drawing/2014/main" id="{00000000-0008-0000-0500-00006F000000}"/>
            </a:ext>
          </a:extLst>
        </xdr:cNvPr>
        <xdr:cNvSpPr txBox="1"/>
      </xdr:nvSpPr>
      <xdr:spPr>
        <a:xfrm>
          <a:off x="5740400" y="74248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28054</xdr:rowOff>
    </xdr:from>
    <xdr:to>
      <xdr:col>30</xdr:col>
      <xdr:colOff>25400</xdr:colOff>
      <xdr:row>37</xdr:row>
      <xdr:rowOff>328054</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562600" y="745275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22496</xdr:rowOff>
    </xdr:from>
    <xdr:ext cx="762000" cy="259045"/>
    <xdr:sp macro="" textlink="">
      <xdr:nvSpPr>
        <xdr:cNvPr id="113" name="人口1人当たり決算額の推移最大値テキスト445">
          <a:extLst>
            <a:ext uri="{FF2B5EF4-FFF2-40B4-BE49-F238E27FC236}">
              <a16:creationId xmlns:a16="http://schemas.microsoft.com/office/drawing/2014/main" id="{00000000-0008-0000-0500-000071000000}"/>
            </a:ext>
          </a:extLst>
        </xdr:cNvPr>
        <xdr:cNvSpPr txBox="1"/>
      </xdr:nvSpPr>
      <xdr:spPr>
        <a:xfrm>
          <a:off x="5740400" y="59470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5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79019</xdr:rowOff>
    </xdr:from>
    <xdr:to>
      <xdr:col>30</xdr:col>
      <xdr:colOff>25400</xdr:colOff>
      <xdr:row>33</xdr:row>
      <xdr:rowOff>279019</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a:off x="5562600" y="620356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27674</xdr:rowOff>
    </xdr:from>
    <xdr:to>
      <xdr:col>29</xdr:col>
      <xdr:colOff>127000</xdr:colOff>
      <xdr:row>35</xdr:row>
      <xdr:rowOff>72060</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flipV="1">
          <a:off x="5003800" y="6638024"/>
          <a:ext cx="647700" cy="4438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38574</xdr:rowOff>
    </xdr:from>
    <xdr:ext cx="762000" cy="259045"/>
    <xdr:sp macro="" textlink="">
      <xdr:nvSpPr>
        <xdr:cNvPr id="116" name="人口1人当たり決算額の推移平均値テキスト445">
          <a:extLst>
            <a:ext uri="{FF2B5EF4-FFF2-40B4-BE49-F238E27FC236}">
              <a16:creationId xmlns:a16="http://schemas.microsoft.com/office/drawing/2014/main" id="{00000000-0008-0000-0500-000074000000}"/>
            </a:ext>
          </a:extLst>
        </xdr:cNvPr>
        <xdr:cNvSpPr txBox="1"/>
      </xdr:nvSpPr>
      <xdr:spPr>
        <a:xfrm>
          <a:off x="5740400" y="674892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166497</xdr:rowOff>
    </xdr:from>
    <xdr:to>
      <xdr:col>29</xdr:col>
      <xdr:colOff>177800</xdr:colOff>
      <xdr:row>35</xdr:row>
      <xdr:rowOff>268097</xdr:rowOff>
    </xdr:to>
    <xdr:sp macro="" textlink="">
      <xdr:nvSpPr>
        <xdr:cNvPr id="117" name="フローチャート: 判断 116">
          <a:extLst>
            <a:ext uri="{FF2B5EF4-FFF2-40B4-BE49-F238E27FC236}">
              <a16:creationId xmlns:a16="http://schemas.microsoft.com/office/drawing/2014/main" id="{00000000-0008-0000-0500-000075000000}"/>
            </a:ext>
          </a:extLst>
        </xdr:cNvPr>
        <xdr:cNvSpPr/>
      </xdr:nvSpPr>
      <xdr:spPr bwMode="auto">
        <a:xfrm>
          <a:off x="5600700" y="677684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5</xdr:row>
      <xdr:rowOff>44285</xdr:rowOff>
    </xdr:from>
    <xdr:to>
      <xdr:col>26</xdr:col>
      <xdr:colOff>50800</xdr:colOff>
      <xdr:row>35</xdr:row>
      <xdr:rowOff>72060</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a:off x="4305300" y="6654635"/>
          <a:ext cx="698500" cy="2777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20866</xdr:rowOff>
    </xdr:from>
    <xdr:to>
      <xdr:col>26</xdr:col>
      <xdr:colOff>101600</xdr:colOff>
      <xdr:row>35</xdr:row>
      <xdr:rowOff>322466</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953000" y="683121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07243</xdr:rowOff>
    </xdr:from>
    <xdr:ext cx="7366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4622800" y="69175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5</xdr:row>
      <xdr:rowOff>44285</xdr:rowOff>
    </xdr:from>
    <xdr:to>
      <xdr:col>22</xdr:col>
      <xdr:colOff>114300</xdr:colOff>
      <xdr:row>35</xdr:row>
      <xdr:rowOff>120676</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3606800" y="6654635"/>
          <a:ext cx="698500" cy="763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29400</xdr:rowOff>
    </xdr:from>
    <xdr:to>
      <xdr:col>22</xdr:col>
      <xdr:colOff>165100</xdr:colOff>
      <xdr:row>35</xdr:row>
      <xdr:rowOff>331000</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4254500" y="683975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315777</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924300" y="6926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5</xdr:row>
      <xdr:rowOff>82499</xdr:rowOff>
    </xdr:from>
    <xdr:to>
      <xdr:col>18</xdr:col>
      <xdr:colOff>177800</xdr:colOff>
      <xdr:row>35</xdr:row>
      <xdr:rowOff>120676</xdr:rowOff>
    </xdr:to>
    <xdr:cxnSp macro="">
      <xdr:nvCxnSpPr>
        <xdr:cNvPr id="124" name="直線コネクタ 123">
          <a:extLst>
            <a:ext uri="{FF2B5EF4-FFF2-40B4-BE49-F238E27FC236}">
              <a16:creationId xmlns:a16="http://schemas.microsoft.com/office/drawing/2014/main" id="{00000000-0008-0000-0500-00007C000000}"/>
            </a:ext>
          </a:extLst>
        </xdr:cNvPr>
        <xdr:cNvCxnSpPr/>
      </xdr:nvCxnSpPr>
      <xdr:spPr bwMode="auto">
        <a:xfrm>
          <a:off x="2908300" y="6692849"/>
          <a:ext cx="698500" cy="381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12179</xdr:rowOff>
    </xdr:from>
    <xdr:to>
      <xdr:col>19</xdr:col>
      <xdr:colOff>38100</xdr:colOff>
      <xdr:row>35</xdr:row>
      <xdr:rowOff>313779</xdr:rowOff>
    </xdr:to>
    <xdr:sp macro="" textlink="">
      <xdr:nvSpPr>
        <xdr:cNvPr id="125" name="フローチャート: 判断 124">
          <a:extLst>
            <a:ext uri="{FF2B5EF4-FFF2-40B4-BE49-F238E27FC236}">
              <a16:creationId xmlns:a16="http://schemas.microsoft.com/office/drawing/2014/main" id="{00000000-0008-0000-0500-00007D000000}"/>
            </a:ext>
          </a:extLst>
        </xdr:cNvPr>
        <xdr:cNvSpPr/>
      </xdr:nvSpPr>
      <xdr:spPr bwMode="auto">
        <a:xfrm>
          <a:off x="3556000" y="682252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98556</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3225800" y="6908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97739</xdr:rowOff>
    </xdr:from>
    <xdr:to>
      <xdr:col>15</xdr:col>
      <xdr:colOff>101600</xdr:colOff>
      <xdr:row>35</xdr:row>
      <xdr:rowOff>299339</xdr:rowOff>
    </xdr:to>
    <xdr:sp macro="" textlink="">
      <xdr:nvSpPr>
        <xdr:cNvPr id="127" name="フローチャート: 判断 126">
          <a:extLst>
            <a:ext uri="{FF2B5EF4-FFF2-40B4-BE49-F238E27FC236}">
              <a16:creationId xmlns:a16="http://schemas.microsoft.com/office/drawing/2014/main" id="{00000000-0008-0000-0500-00007F000000}"/>
            </a:ext>
          </a:extLst>
        </xdr:cNvPr>
        <xdr:cNvSpPr/>
      </xdr:nvSpPr>
      <xdr:spPr bwMode="auto">
        <a:xfrm>
          <a:off x="2857500" y="680808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84116</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2527300" y="68944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1" name="テキスト ボックス 130">
          <a:extLst>
            <a:ext uri="{FF2B5EF4-FFF2-40B4-BE49-F238E27FC236}">
              <a16:creationId xmlns:a16="http://schemas.microsoft.com/office/drawing/2014/main" id="{00000000-0008-0000-0500-000083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2" name="テキスト ボックス 131">
          <a:extLst>
            <a:ext uri="{FF2B5EF4-FFF2-40B4-BE49-F238E27FC236}">
              <a16:creationId xmlns:a16="http://schemas.microsoft.com/office/drawing/2014/main" id="{00000000-0008-0000-0500-000084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319774</xdr:rowOff>
    </xdr:from>
    <xdr:to>
      <xdr:col>29</xdr:col>
      <xdr:colOff>177800</xdr:colOff>
      <xdr:row>35</xdr:row>
      <xdr:rowOff>78474</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5600700" y="658722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164850</xdr:rowOff>
    </xdr:from>
    <xdr:ext cx="762000" cy="259045"/>
    <xdr:sp macro="" textlink="">
      <xdr:nvSpPr>
        <xdr:cNvPr id="135" name="人口1人当たり決算額の推移該当値テキスト445">
          <a:extLst>
            <a:ext uri="{FF2B5EF4-FFF2-40B4-BE49-F238E27FC236}">
              <a16:creationId xmlns:a16="http://schemas.microsoft.com/office/drawing/2014/main" id="{00000000-0008-0000-0500-000087000000}"/>
            </a:ext>
          </a:extLst>
        </xdr:cNvPr>
        <xdr:cNvSpPr txBox="1"/>
      </xdr:nvSpPr>
      <xdr:spPr>
        <a:xfrm>
          <a:off x="5740400" y="6432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21260</xdr:rowOff>
    </xdr:from>
    <xdr:to>
      <xdr:col>26</xdr:col>
      <xdr:colOff>101600</xdr:colOff>
      <xdr:row>35</xdr:row>
      <xdr:rowOff>122860</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4953000" y="66316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33037</xdr:rowOff>
    </xdr:from>
    <xdr:ext cx="7366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4622800" y="64004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336385</xdr:rowOff>
    </xdr:from>
    <xdr:to>
      <xdr:col>22</xdr:col>
      <xdr:colOff>165100</xdr:colOff>
      <xdr:row>35</xdr:row>
      <xdr:rowOff>95085</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4254500" y="66038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4</xdr:row>
      <xdr:rowOff>105262</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3924300" y="6372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5</xdr:row>
      <xdr:rowOff>69876</xdr:rowOff>
    </xdr:from>
    <xdr:to>
      <xdr:col>19</xdr:col>
      <xdr:colOff>38100</xdr:colOff>
      <xdr:row>35</xdr:row>
      <xdr:rowOff>171476</xdr:rowOff>
    </xdr:to>
    <xdr:sp macro="" textlink="">
      <xdr:nvSpPr>
        <xdr:cNvPr id="140" name="楕円 139">
          <a:extLst>
            <a:ext uri="{FF2B5EF4-FFF2-40B4-BE49-F238E27FC236}">
              <a16:creationId xmlns:a16="http://schemas.microsoft.com/office/drawing/2014/main" id="{00000000-0008-0000-0500-00008C000000}"/>
            </a:ext>
          </a:extLst>
        </xdr:cNvPr>
        <xdr:cNvSpPr/>
      </xdr:nvSpPr>
      <xdr:spPr bwMode="auto">
        <a:xfrm>
          <a:off x="3556000" y="668022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4</xdr:row>
      <xdr:rowOff>181653</xdr:rowOff>
    </xdr:from>
    <xdr:ext cx="762000" cy="259045"/>
    <xdr:sp macro="" textlink="">
      <xdr:nvSpPr>
        <xdr:cNvPr id="141" name="テキスト ボックス 140">
          <a:extLst>
            <a:ext uri="{FF2B5EF4-FFF2-40B4-BE49-F238E27FC236}">
              <a16:creationId xmlns:a16="http://schemas.microsoft.com/office/drawing/2014/main" id="{00000000-0008-0000-0500-00008D000000}"/>
            </a:ext>
          </a:extLst>
        </xdr:cNvPr>
        <xdr:cNvSpPr txBox="1"/>
      </xdr:nvSpPr>
      <xdr:spPr>
        <a:xfrm>
          <a:off x="3225800" y="64491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1699</xdr:rowOff>
    </xdr:from>
    <xdr:to>
      <xdr:col>15</xdr:col>
      <xdr:colOff>101600</xdr:colOff>
      <xdr:row>35</xdr:row>
      <xdr:rowOff>133299</xdr:rowOff>
    </xdr:to>
    <xdr:sp macro="" textlink="">
      <xdr:nvSpPr>
        <xdr:cNvPr id="142" name="楕円 141">
          <a:extLst>
            <a:ext uri="{FF2B5EF4-FFF2-40B4-BE49-F238E27FC236}">
              <a16:creationId xmlns:a16="http://schemas.microsoft.com/office/drawing/2014/main" id="{00000000-0008-0000-0500-00008E000000}"/>
            </a:ext>
          </a:extLst>
        </xdr:cNvPr>
        <xdr:cNvSpPr/>
      </xdr:nvSpPr>
      <xdr:spPr bwMode="auto">
        <a:xfrm>
          <a:off x="2857500" y="664204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4</xdr:row>
      <xdr:rowOff>143476</xdr:rowOff>
    </xdr:from>
    <xdr:ext cx="762000" cy="259045"/>
    <xdr:sp macro="" textlink="">
      <xdr:nvSpPr>
        <xdr:cNvPr id="143" name="テキスト ボックス 142">
          <a:extLst>
            <a:ext uri="{FF2B5EF4-FFF2-40B4-BE49-F238E27FC236}">
              <a16:creationId xmlns:a16="http://schemas.microsoft.com/office/drawing/2014/main" id="{00000000-0008-0000-0500-00008F000000}"/>
            </a:ext>
          </a:extLst>
        </xdr:cNvPr>
        <xdr:cNvSpPr txBox="1"/>
      </xdr:nvSpPr>
      <xdr:spPr>
        <a:xfrm>
          <a:off x="2527300" y="64109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795
97,298
55.56
38,593,373
36,101,492
2,440,297
20,871,660
22,402,6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9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168927</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512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54627</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111777</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168927</xdr:rowOff>
    </xdr:from>
    <xdr:ext cx="59541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166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人件費グラフ枠">
          <a:extLst>
            <a:ext uri="{FF2B5EF4-FFF2-40B4-BE49-F238E27FC236}">
              <a16:creationId xmlns:a16="http://schemas.microsoft.com/office/drawing/2014/main" id="{00000000-0008-0000-06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33904</xdr:rowOff>
    </xdr:from>
    <xdr:to>
      <xdr:col>24</xdr:col>
      <xdr:colOff>62865</xdr:colOff>
      <xdr:row>39</xdr:row>
      <xdr:rowOff>21262</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flipV="1">
          <a:off x="4633595" y="5348854"/>
          <a:ext cx="1270" cy="13589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5089</xdr:rowOff>
    </xdr:from>
    <xdr:ext cx="534377" cy="259045"/>
    <xdr:sp macro="" textlink="">
      <xdr:nvSpPr>
        <xdr:cNvPr id="55" name="人件費最小値テキスト">
          <a:extLst>
            <a:ext uri="{FF2B5EF4-FFF2-40B4-BE49-F238E27FC236}">
              <a16:creationId xmlns:a16="http://schemas.microsoft.com/office/drawing/2014/main" id="{00000000-0008-0000-0600-000037000000}"/>
            </a:ext>
          </a:extLst>
        </xdr:cNvPr>
        <xdr:cNvSpPr txBox="1"/>
      </xdr:nvSpPr>
      <xdr:spPr>
        <a:xfrm>
          <a:off x="4686300" y="6711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1262</xdr:rowOff>
    </xdr:from>
    <xdr:to>
      <xdr:col>24</xdr:col>
      <xdr:colOff>152400</xdr:colOff>
      <xdr:row>39</xdr:row>
      <xdr:rowOff>21262</xdr:rowOff>
    </xdr:to>
    <xdr:cxnSp macro="">
      <xdr:nvCxnSpPr>
        <xdr:cNvPr id="56" name="直線コネクタ 55">
          <a:extLst>
            <a:ext uri="{FF2B5EF4-FFF2-40B4-BE49-F238E27FC236}">
              <a16:creationId xmlns:a16="http://schemas.microsoft.com/office/drawing/2014/main" id="{00000000-0008-0000-0600-000038000000}"/>
            </a:ext>
          </a:extLst>
        </xdr:cNvPr>
        <xdr:cNvCxnSpPr/>
      </xdr:nvCxnSpPr>
      <xdr:spPr>
        <a:xfrm>
          <a:off x="4546600" y="6707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52031</xdr:rowOff>
    </xdr:from>
    <xdr:ext cx="534377" cy="259045"/>
    <xdr:sp macro="" textlink="">
      <xdr:nvSpPr>
        <xdr:cNvPr id="57" name="人件費最大値テキスト">
          <a:extLst>
            <a:ext uri="{FF2B5EF4-FFF2-40B4-BE49-F238E27FC236}">
              <a16:creationId xmlns:a16="http://schemas.microsoft.com/office/drawing/2014/main" id="{00000000-0008-0000-0600-000039000000}"/>
            </a:ext>
          </a:extLst>
        </xdr:cNvPr>
        <xdr:cNvSpPr txBox="1"/>
      </xdr:nvSpPr>
      <xdr:spPr>
        <a:xfrm>
          <a:off x="4686300" y="51240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33904</xdr:rowOff>
    </xdr:from>
    <xdr:to>
      <xdr:col>24</xdr:col>
      <xdr:colOff>152400</xdr:colOff>
      <xdr:row>31</xdr:row>
      <xdr:rowOff>33904</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a:off x="4546600" y="5348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72972</xdr:rowOff>
    </xdr:from>
    <xdr:to>
      <xdr:col>24</xdr:col>
      <xdr:colOff>63500</xdr:colOff>
      <xdr:row>35</xdr:row>
      <xdr:rowOff>82459</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3797300" y="6073722"/>
          <a:ext cx="838200" cy="9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78277</xdr:rowOff>
    </xdr:from>
    <xdr:ext cx="534377" cy="259045"/>
    <xdr:sp macro="" textlink="">
      <xdr:nvSpPr>
        <xdr:cNvPr id="60" name="人件費平均値テキスト">
          <a:extLst>
            <a:ext uri="{FF2B5EF4-FFF2-40B4-BE49-F238E27FC236}">
              <a16:creationId xmlns:a16="http://schemas.microsoft.com/office/drawing/2014/main" id="{00000000-0008-0000-0600-00003C000000}"/>
            </a:ext>
          </a:extLst>
        </xdr:cNvPr>
        <xdr:cNvSpPr txBox="1"/>
      </xdr:nvSpPr>
      <xdr:spPr>
        <a:xfrm>
          <a:off x="4686300" y="607902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99850</xdr:rowOff>
    </xdr:from>
    <xdr:to>
      <xdr:col>24</xdr:col>
      <xdr:colOff>114300</xdr:colOff>
      <xdr:row>36</xdr:row>
      <xdr:rowOff>30000</xdr:rowOff>
    </xdr:to>
    <xdr:sp macro="" textlink="">
      <xdr:nvSpPr>
        <xdr:cNvPr id="61" name="フローチャート: 判断 60">
          <a:extLst>
            <a:ext uri="{FF2B5EF4-FFF2-40B4-BE49-F238E27FC236}">
              <a16:creationId xmlns:a16="http://schemas.microsoft.com/office/drawing/2014/main" id="{00000000-0008-0000-0600-00003D000000}"/>
            </a:ext>
          </a:extLst>
        </xdr:cNvPr>
        <xdr:cNvSpPr/>
      </xdr:nvSpPr>
      <xdr:spPr>
        <a:xfrm>
          <a:off x="4584700" y="6100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72972</xdr:rowOff>
    </xdr:from>
    <xdr:to>
      <xdr:col>19</xdr:col>
      <xdr:colOff>177800</xdr:colOff>
      <xdr:row>35</xdr:row>
      <xdr:rowOff>162606</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flipV="1">
          <a:off x="2908300" y="6073722"/>
          <a:ext cx="889000" cy="89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16698</xdr:rowOff>
    </xdr:from>
    <xdr:to>
      <xdr:col>20</xdr:col>
      <xdr:colOff>38100</xdr:colOff>
      <xdr:row>36</xdr:row>
      <xdr:rowOff>46848</xdr:rowOff>
    </xdr:to>
    <xdr:sp macro="" textlink="">
      <xdr:nvSpPr>
        <xdr:cNvPr id="63" name="フローチャート: 判断 62">
          <a:extLst>
            <a:ext uri="{FF2B5EF4-FFF2-40B4-BE49-F238E27FC236}">
              <a16:creationId xmlns:a16="http://schemas.microsoft.com/office/drawing/2014/main" id="{00000000-0008-0000-0600-00003F000000}"/>
            </a:ext>
          </a:extLst>
        </xdr:cNvPr>
        <xdr:cNvSpPr/>
      </xdr:nvSpPr>
      <xdr:spPr>
        <a:xfrm>
          <a:off x="3746500" y="61174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37975</xdr:rowOff>
    </xdr:from>
    <xdr:ext cx="534377" cy="259045"/>
    <xdr:sp macro="" textlink="">
      <xdr:nvSpPr>
        <xdr:cNvPr id="64" name="テキスト ボックス 63">
          <a:extLst>
            <a:ext uri="{FF2B5EF4-FFF2-40B4-BE49-F238E27FC236}">
              <a16:creationId xmlns:a16="http://schemas.microsoft.com/office/drawing/2014/main" id="{00000000-0008-0000-0600-000040000000}"/>
            </a:ext>
          </a:extLst>
        </xdr:cNvPr>
        <xdr:cNvSpPr txBox="1"/>
      </xdr:nvSpPr>
      <xdr:spPr>
        <a:xfrm>
          <a:off x="3530111" y="6210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62606</xdr:rowOff>
    </xdr:from>
    <xdr:to>
      <xdr:col>15</xdr:col>
      <xdr:colOff>50800</xdr:colOff>
      <xdr:row>36</xdr:row>
      <xdr:rowOff>2334</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019300" y="6163356"/>
          <a:ext cx="889000" cy="111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46198</xdr:rowOff>
    </xdr:from>
    <xdr:to>
      <xdr:col>15</xdr:col>
      <xdr:colOff>101600</xdr:colOff>
      <xdr:row>36</xdr:row>
      <xdr:rowOff>147798</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2857500" y="621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38925</xdr:rowOff>
    </xdr:from>
    <xdr:ext cx="534377"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2641111" y="6311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33734</xdr:rowOff>
    </xdr:from>
    <xdr:to>
      <xdr:col>10</xdr:col>
      <xdr:colOff>114300</xdr:colOff>
      <xdr:row>36</xdr:row>
      <xdr:rowOff>2334</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a:off x="1130300" y="6134484"/>
          <a:ext cx="889000" cy="40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49147</xdr:rowOff>
    </xdr:from>
    <xdr:to>
      <xdr:col>10</xdr:col>
      <xdr:colOff>165100</xdr:colOff>
      <xdr:row>36</xdr:row>
      <xdr:rowOff>15074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1968500" y="6221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141874</xdr:rowOff>
    </xdr:from>
    <xdr:ext cx="534377"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1752111" y="63140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58085</xdr:rowOff>
    </xdr:from>
    <xdr:to>
      <xdr:col>6</xdr:col>
      <xdr:colOff>38100</xdr:colOff>
      <xdr:row>36</xdr:row>
      <xdr:rowOff>159685</xdr:rowOff>
    </xdr:to>
    <xdr:sp macro="" textlink="">
      <xdr:nvSpPr>
        <xdr:cNvPr id="71" name="フローチャート: 判断 70">
          <a:extLst>
            <a:ext uri="{FF2B5EF4-FFF2-40B4-BE49-F238E27FC236}">
              <a16:creationId xmlns:a16="http://schemas.microsoft.com/office/drawing/2014/main" id="{00000000-0008-0000-0600-000047000000}"/>
            </a:ext>
          </a:extLst>
        </xdr:cNvPr>
        <xdr:cNvSpPr/>
      </xdr:nvSpPr>
      <xdr:spPr>
        <a:xfrm>
          <a:off x="1079500" y="6230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150812</xdr:rowOff>
    </xdr:from>
    <xdr:ext cx="534377" cy="259045"/>
    <xdr:sp macro="" textlink="">
      <xdr:nvSpPr>
        <xdr:cNvPr id="72" name="テキスト ボックス 71">
          <a:extLst>
            <a:ext uri="{FF2B5EF4-FFF2-40B4-BE49-F238E27FC236}">
              <a16:creationId xmlns:a16="http://schemas.microsoft.com/office/drawing/2014/main" id="{00000000-0008-0000-0600-000048000000}"/>
            </a:ext>
          </a:extLst>
        </xdr:cNvPr>
        <xdr:cNvSpPr txBox="1"/>
      </xdr:nvSpPr>
      <xdr:spPr>
        <a:xfrm>
          <a:off x="863111" y="6323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1659</xdr:rowOff>
    </xdr:from>
    <xdr:to>
      <xdr:col>24</xdr:col>
      <xdr:colOff>114300</xdr:colOff>
      <xdr:row>35</xdr:row>
      <xdr:rowOff>133259</xdr:rowOff>
    </xdr:to>
    <xdr:sp macro="" textlink="">
      <xdr:nvSpPr>
        <xdr:cNvPr id="78" name="楕円 77">
          <a:extLst>
            <a:ext uri="{FF2B5EF4-FFF2-40B4-BE49-F238E27FC236}">
              <a16:creationId xmlns:a16="http://schemas.microsoft.com/office/drawing/2014/main" id="{00000000-0008-0000-0600-00004E000000}"/>
            </a:ext>
          </a:extLst>
        </xdr:cNvPr>
        <xdr:cNvSpPr/>
      </xdr:nvSpPr>
      <xdr:spPr>
        <a:xfrm>
          <a:off x="4584700" y="60324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54536</xdr:rowOff>
    </xdr:from>
    <xdr:ext cx="534377" cy="259045"/>
    <xdr:sp macro="" textlink="">
      <xdr:nvSpPr>
        <xdr:cNvPr id="79" name="人件費該当値テキスト">
          <a:extLst>
            <a:ext uri="{FF2B5EF4-FFF2-40B4-BE49-F238E27FC236}">
              <a16:creationId xmlns:a16="http://schemas.microsoft.com/office/drawing/2014/main" id="{00000000-0008-0000-0600-00004F000000}"/>
            </a:ext>
          </a:extLst>
        </xdr:cNvPr>
        <xdr:cNvSpPr txBox="1"/>
      </xdr:nvSpPr>
      <xdr:spPr>
        <a:xfrm>
          <a:off x="4686300" y="5883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22172</xdr:rowOff>
    </xdr:from>
    <xdr:to>
      <xdr:col>20</xdr:col>
      <xdr:colOff>38100</xdr:colOff>
      <xdr:row>35</xdr:row>
      <xdr:rowOff>123772</xdr:rowOff>
    </xdr:to>
    <xdr:sp macro="" textlink="">
      <xdr:nvSpPr>
        <xdr:cNvPr id="80" name="楕円 79">
          <a:extLst>
            <a:ext uri="{FF2B5EF4-FFF2-40B4-BE49-F238E27FC236}">
              <a16:creationId xmlns:a16="http://schemas.microsoft.com/office/drawing/2014/main" id="{00000000-0008-0000-0600-000050000000}"/>
            </a:ext>
          </a:extLst>
        </xdr:cNvPr>
        <xdr:cNvSpPr/>
      </xdr:nvSpPr>
      <xdr:spPr>
        <a:xfrm>
          <a:off x="3746500" y="6022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40299</xdr:rowOff>
    </xdr:from>
    <xdr:ext cx="534377"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3530111" y="57981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111806</xdr:rowOff>
    </xdr:from>
    <xdr:to>
      <xdr:col>15</xdr:col>
      <xdr:colOff>101600</xdr:colOff>
      <xdr:row>36</xdr:row>
      <xdr:rowOff>41956</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2857500" y="6112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58483</xdr:rowOff>
    </xdr:from>
    <xdr:ext cx="534377" cy="259045"/>
    <xdr:sp macro="" textlink="">
      <xdr:nvSpPr>
        <xdr:cNvPr id="83" name="テキスト ボックス 82">
          <a:extLst>
            <a:ext uri="{FF2B5EF4-FFF2-40B4-BE49-F238E27FC236}">
              <a16:creationId xmlns:a16="http://schemas.microsoft.com/office/drawing/2014/main" id="{00000000-0008-0000-0600-000053000000}"/>
            </a:ext>
          </a:extLst>
        </xdr:cNvPr>
        <xdr:cNvSpPr txBox="1"/>
      </xdr:nvSpPr>
      <xdr:spPr>
        <a:xfrm>
          <a:off x="2641111" y="5887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4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122984</xdr:rowOff>
    </xdr:from>
    <xdr:to>
      <xdr:col>10</xdr:col>
      <xdr:colOff>165100</xdr:colOff>
      <xdr:row>36</xdr:row>
      <xdr:rowOff>53134</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1968500" y="61237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69661</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1752111" y="5898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82934</xdr:rowOff>
    </xdr:from>
    <xdr:to>
      <xdr:col>6</xdr:col>
      <xdr:colOff>38100</xdr:colOff>
      <xdr:row>36</xdr:row>
      <xdr:rowOff>13084</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1079500" y="60836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29611</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863111" y="58589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6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6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6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8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6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6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98" name="テキスト ボックス 97">
          <a:extLst>
            <a:ext uri="{FF2B5EF4-FFF2-40B4-BE49-F238E27FC236}">
              <a16:creationId xmlns:a16="http://schemas.microsoft.com/office/drawing/2014/main" id="{00000000-0008-0000-0600-000062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99" name="直線コネクタ 98">
          <a:extLst>
            <a:ext uri="{FF2B5EF4-FFF2-40B4-BE49-F238E27FC236}">
              <a16:creationId xmlns:a16="http://schemas.microsoft.com/office/drawing/2014/main" id="{00000000-0008-0000-0600-000063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a:extLst>
            <a:ext uri="{FF2B5EF4-FFF2-40B4-BE49-F238E27FC236}">
              <a16:creationId xmlns:a16="http://schemas.microsoft.com/office/drawing/2014/main" id="{00000000-0008-0000-0600-00006F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64453</xdr:rowOff>
    </xdr:from>
    <xdr:to>
      <xdr:col>24</xdr:col>
      <xdr:colOff>62865</xdr:colOff>
      <xdr:row>59</xdr:row>
      <xdr:rowOff>19895</xdr:rowOff>
    </xdr:to>
    <xdr:cxnSp macro="">
      <xdr:nvCxnSpPr>
        <xdr:cNvPr id="112" name="直線コネクタ 111">
          <a:extLst>
            <a:ext uri="{FF2B5EF4-FFF2-40B4-BE49-F238E27FC236}">
              <a16:creationId xmlns:a16="http://schemas.microsoft.com/office/drawing/2014/main" id="{00000000-0008-0000-0600-000070000000}"/>
            </a:ext>
          </a:extLst>
        </xdr:cNvPr>
        <xdr:cNvCxnSpPr/>
      </xdr:nvCxnSpPr>
      <xdr:spPr>
        <a:xfrm flipV="1">
          <a:off x="4633595" y="8808403"/>
          <a:ext cx="1270" cy="13270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23722</xdr:rowOff>
    </xdr:from>
    <xdr:ext cx="534377" cy="259045"/>
    <xdr:sp macro="" textlink="">
      <xdr:nvSpPr>
        <xdr:cNvPr id="113" name="物件費最小値テキスト">
          <a:extLst>
            <a:ext uri="{FF2B5EF4-FFF2-40B4-BE49-F238E27FC236}">
              <a16:creationId xmlns:a16="http://schemas.microsoft.com/office/drawing/2014/main" id="{00000000-0008-0000-0600-000071000000}"/>
            </a:ext>
          </a:extLst>
        </xdr:cNvPr>
        <xdr:cNvSpPr txBox="1"/>
      </xdr:nvSpPr>
      <xdr:spPr>
        <a:xfrm>
          <a:off x="4686300" y="10139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2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9895</xdr:rowOff>
    </xdr:from>
    <xdr:to>
      <xdr:col>24</xdr:col>
      <xdr:colOff>152400</xdr:colOff>
      <xdr:row>59</xdr:row>
      <xdr:rowOff>19895</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a:off x="4546600" y="101354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11130</xdr:rowOff>
    </xdr:from>
    <xdr:ext cx="599010" cy="259045"/>
    <xdr:sp macro="" textlink="">
      <xdr:nvSpPr>
        <xdr:cNvPr id="115" name="物件費最大値テキスト">
          <a:extLst>
            <a:ext uri="{FF2B5EF4-FFF2-40B4-BE49-F238E27FC236}">
              <a16:creationId xmlns:a16="http://schemas.microsoft.com/office/drawing/2014/main" id="{00000000-0008-0000-0600-000073000000}"/>
            </a:ext>
          </a:extLst>
        </xdr:cNvPr>
        <xdr:cNvSpPr txBox="1"/>
      </xdr:nvSpPr>
      <xdr:spPr>
        <a:xfrm>
          <a:off x="4686300" y="85836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0,9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64453</xdr:rowOff>
    </xdr:from>
    <xdr:to>
      <xdr:col>24</xdr:col>
      <xdr:colOff>152400</xdr:colOff>
      <xdr:row>51</xdr:row>
      <xdr:rowOff>6445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88084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65386</xdr:rowOff>
    </xdr:from>
    <xdr:to>
      <xdr:col>24</xdr:col>
      <xdr:colOff>63500</xdr:colOff>
      <xdr:row>57</xdr:row>
      <xdr:rowOff>147930</xdr:rowOff>
    </xdr:to>
    <xdr:cxnSp macro="">
      <xdr:nvCxnSpPr>
        <xdr:cNvPr id="117" name="直線コネクタ 116">
          <a:extLst>
            <a:ext uri="{FF2B5EF4-FFF2-40B4-BE49-F238E27FC236}">
              <a16:creationId xmlns:a16="http://schemas.microsoft.com/office/drawing/2014/main" id="{00000000-0008-0000-0600-000075000000}"/>
            </a:ext>
          </a:extLst>
        </xdr:cNvPr>
        <xdr:cNvCxnSpPr/>
      </xdr:nvCxnSpPr>
      <xdr:spPr>
        <a:xfrm flipV="1">
          <a:off x="3797300" y="9838036"/>
          <a:ext cx="838200" cy="82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4838</xdr:rowOff>
    </xdr:from>
    <xdr:ext cx="534377" cy="259045"/>
    <xdr:sp macro="" textlink="">
      <xdr:nvSpPr>
        <xdr:cNvPr id="118" name="物件費平均値テキスト">
          <a:extLst>
            <a:ext uri="{FF2B5EF4-FFF2-40B4-BE49-F238E27FC236}">
              <a16:creationId xmlns:a16="http://schemas.microsoft.com/office/drawing/2014/main" id="{00000000-0008-0000-0600-000076000000}"/>
            </a:ext>
          </a:extLst>
        </xdr:cNvPr>
        <xdr:cNvSpPr txBox="1"/>
      </xdr:nvSpPr>
      <xdr:spPr>
        <a:xfrm>
          <a:off x="4686300" y="94945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41961</xdr:rowOff>
    </xdr:from>
    <xdr:to>
      <xdr:col>24</xdr:col>
      <xdr:colOff>114300</xdr:colOff>
      <xdr:row>56</xdr:row>
      <xdr:rowOff>143561</xdr:rowOff>
    </xdr:to>
    <xdr:sp macro="" textlink="">
      <xdr:nvSpPr>
        <xdr:cNvPr id="119" name="フローチャート: 判断 118">
          <a:extLst>
            <a:ext uri="{FF2B5EF4-FFF2-40B4-BE49-F238E27FC236}">
              <a16:creationId xmlns:a16="http://schemas.microsoft.com/office/drawing/2014/main" id="{00000000-0008-0000-0600-000077000000}"/>
            </a:ext>
          </a:extLst>
        </xdr:cNvPr>
        <xdr:cNvSpPr/>
      </xdr:nvSpPr>
      <xdr:spPr>
        <a:xfrm>
          <a:off x="4584700" y="9643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47930</xdr:rowOff>
    </xdr:from>
    <xdr:to>
      <xdr:col>19</xdr:col>
      <xdr:colOff>177800</xdr:colOff>
      <xdr:row>58</xdr:row>
      <xdr:rowOff>152197</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flipV="1">
          <a:off x="2908300" y="9920580"/>
          <a:ext cx="889000" cy="1757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65633</xdr:rowOff>
    </xdr:from>
    <xdr:to>
      <xdr:col>20</xdr:col>
      <xdr:colOff>38100</xdr:colOff>
      <xdr:row>57</xdr:row>
      <xdr:rowOff>95783</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3746500" y="9766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12310</xdr:rowOff>
    </xdr:from>
    <xdr:ext cx="534377" cy="259045"/>
    <xdr:sp macro="" textlink="">
      <xdr:nvSpPr>
        <xdr:cNvPr id="122" name="テキスト ボックス 121">
          <a:extLst>
            <a:ext uri="{FF2B5EF4-FFF2-40B4-BE49-F238E27FC236}">
              <a16:creationId xmlns:a16="http://schemas.microsoft.com/office/drawing/2014/main" id="{00000000-0008-0000-0600-00007A000000}"/>
            </a:ext>
          </a:extLst>
        </xdr:cNvPr>
        <xdr:cNvSpPr txBox="1"/>
      </xdr:nvSpPr>
      <xdr:spPr>
        <a:xfrm>
          <a:off x="3530111" y="9542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52197</xdr:rowOff>
    </xdr:from>
    <xdr:to>
      <xdr:col>15</xdr:col>
      <xdr:colOff>50800</xdr:colOff>
      <xdr:row>59</xdr:row>
      <xdr:rowOff>23647</xdr:rowOff>
    </xdr:to>
    <xdr:cxnSp macro="">
      <xdr:nvCxnSpPr>
        <xdr:cNvPr id="123" name="直線コネクタ 122">
          <a:extLst>
            <a:ext uri="{FF2B5EF4-FFF2-40B4-BE49-F238E27FC236}">
              <a16:creationId xmlns:a16="http://schemas.microsoft.com/office/drawing/2014/main" id="{00000000-0008-0000-0600-00007B000000}"/>
            </a:ext>
          </a:extLst>
        </xdr:cNvPr>
        <xdr:cNvCxnSpPr/>
      </xdr:nvCxnSpPr>
      <xdr:spPr>
        <a:xfrm flipV="1">
          <a:off x="2019300" y="10096297"/>
          <a:ext cx="889000" cy="42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3902</xdr:rowOff>
    </xdr:from>
    <xdr:to>
      <xdr:col>15</xdr:col>
      <xdr:colOff>101600</xdr:colOff>
      <xdr:row>57</xdr:row>
      <xdr:rowOff>125502</xdr:rowOff>
    </xdr:to>
    <xdr:sp macro="" textlink="">
      <xdr:nvSpPr>
        <xdr:cNvPr id="124" name="フローチャート: 判断 123">
          <a:extLst>
            <a:ext uri="{FF2B5EF4-FFF2-40B4-BE49-F238E27FC236}">
              <a16:creationId xmlns:a16="http://schemas.microsoft.com/office/drawing/2014/main" id="{00000000-0008-0000-0600-00007C000000}"/>
            </a:ext>
          </a:extLst>
        </xdr:cNvPr>
        <xdr:cNvSpPr/>
      </xdr:nvSpPr>
      <xdr:spPr>
        <a:xfrm>
          <a:off x="2857500" y="9796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2029</xdr:rowOff>
    </xdr:from>
    <xdr:ext cx="534377" cy="259045"/>
    <xdr:sp macro="" textlink="">
      <xdr:nvSpPr>
        <xdr:cNvPr id="125" name="テキスト ボックス 124">
          <a:extLst>
            <a:ext uri="{FF2B5EF4-FFF2-40B4-BE49-F238E27FC236}">
              <a16:creationId xmlns:a16="http://schemas.microsoft.com/office/drawing/2014/main" id="{00000000-0008-0000-0600-00007D000000}"/>
            </a:ext>
          </a:extLst>
        </xdr:cNvPr>
        <xdr:cNvSpPr txBox="1"/>
      </xdr:nvSpPr>
      <xdr:spPr>
        <a:xfrm>
          <a:off x="2641111" y="9571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15437</xdr:rowOff>
    </xdr:from>
    <xdr:to>
      <xdr:col>10</xdr:col>
      <xdr:colOff>114300</xdr:colOff>
      <xdr:row>59</xdr:row>
      <xdr:rowOff>23647</xdr:rowOff>
    </xdr:to>
    <xdr:cxnSp macro="">
      <xdr:nvCxnSpPr>
        <xdr:cNvPr id="126" name="直線コネクタ 125">
          <a:extLst>
            <a:ext uri="{FF2B5EF4-FFF2-40B4-BE49-F238E27FC236}">
              <a16:creationId xmlns:a16="http://schemas.microsoft.com/office/drawing/2014/main" id="{00000000-0008-0000-0600-00007E000000}"/>
            </a:ext>
          </a:extLst>
        </xdr:cNvPr>
        <xdr:cNvCxnSpPr/>
      </xdr:nvCxnSpPr>
      <xdr:spPr>
        <a:xfrm>
          <a:off x="1130300" y="10130987"/>
          <a:ext cx="889000" cy="8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72669</xdr:rowOff>
    </xdr:from>
    <xdr:to>
      <xdr:col>10</xdr:col>
      <xdr:colOff>165100</xdr:colOff>
      <xdr:row>58</xdr:row>
      <xdr:rowOff>2819</xdr:rowOff>
    </xdr:to>
    <xdr:sp macro="" textlink="">
      <xdr:nvSpPr>
        <xdr:cNvPr id="127" name="フローチャート: 判断 126">
          <a:extLst>
            <a:ext uri="{FF2B5EF4-FFF2-40B4-BE49-F238E27FC236}">
              <a16:creationId xmlns:a16="http://schemas.microsoft.com/office/drawing/2014/main" id="{00000000-0008-0000-0600-00007F000000}"/>
            </a:ext>
          </a:extLst>
        </xdr:cNvPr>
        <xdr:cNvSpPr/>
      </xdr:nvSpPr>
      <xdr:spPr>
        <a:xfrm>
          <a:off x="1968500" y="9845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19346</xdr:rowOff>
    </xdr:from>
    <xdr:ext cx="534377" cy="259045"/>
    <xdr:sp macro="" textlink="">
      <xdr:nvSpPr>
        <xdr:cNvPr id="128" name="テキスト ボックス 127">
          <a:extLst>
            <a:ext uri="{FF2B5EF4-FFF2-40B4-BE49-F238E27FC236}">
              <a16:creationId xmlns:a16="http://schemas.microsoft.com/office/drawing/2014/main" id="{00000000-0008-0000-0600-000080000000}"/>
            </a:ext>
          </a:extLst>
        </xdr:cNvPr>
        <xdr:cNvSpPr txBox="1"/>
      </xdr:nvSpPr>
      <xdr:spPr>
        <a:xfrm>
          <a:off x="1752111" y="96205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06712</xdr:rowOff>
    </xdr:from>
    <xdr:to>
      <xdr:col>6</xdr:col>
      <xdr:colOff>38100</xdr:colOff>
      <xdr:row>58</xdr:row>
      <xdr:rowOff>36862</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079500" y="9879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53389</xdr:rowOff>
    </xdr:from>
    <xdr:ext cx="534377"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863111" y="965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600-000083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4586</xdr:rowOff>
    </xdr:from>
    <xdr:to>
      <xdr:col>24</xdr:col>
      <xdr:colOff>114300</xdr:colOff>
      <xdr:row>57</xdr:row>
      <xdr:rowOff>116186</xdr:rowOff>
    </xdr:to>
    <xdr:sp macro="" textlink="">
      <xdr:nvSpPr>
        <xdr:cNvPr id="136" name="楕円 135">
          <a:extLst>
            <a:ext uri="{FF2B5EF4-FFF2-40B4-BE49-F238E27FC236}">
              <a16:creationId xmlns:a16="http://schemas.microsoft.com/office/drawing/2014/main" id="{00000000-0008-0000-0600-000088000000}"/>
            </a:ext>
          </a:extLst>
        </xdr:cNvPr>
        <xdr:cNvSpPr/>
      </xdr:nvSpPr>
      <xdr:spPr>
        <a:xfrm>
          <a:off x="4584700" y="97872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4463</xdr:rowOff>
    </xdr:from>
    <xdr:ext cx="534377" cy="259045"/>
    <xdr:sp macro="" textlink="">
      <xdr:nvSpPr>
        <xdr:cNvPr id="137" name="物件費該当値テキスト">
          <a:extLst>
            <a:ext uri="{FF2B5EF4-FFF2-40B4-BE49-F238E27FC236}">
              <a16:creationId xmlns:a16="http://schemas.microsoft.com/office/drawing/2014/main" id="{00000000-0008-0000-0600-000089000000}"/>
            </a:ext>
          </a:extLst>
        </xdr:cNvPr>
        <xdr:cNvSpPr txBox="1"/>
      </xdr:nvSpPr>
      <xdr:spPr>
        <a:xfrm>
          <a:off x="4686300" y="97656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97130</xdr:rowOff>
    </xdr:from>
    <xdr:to>
      <xdr:col>20</xdr:col>
      <xdr:colOff>38100</xdr:colOff>
      <xdr:row>58</xdr:row>
      <xdr:rowOff>27280</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3746500" y="9869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8407</xdr:rowOff>
    </xdr:from>
    <xdr:ext cx="534377"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3530111" y="9962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01397</xdr:rowOff>
    </xdr:from>
    <xdr:to>
      <xdr:col>15</xdr:col>
      <xdr:colOff>101600</xdr:colOff>
      <xdr:row>59</xdr:row>
      <xdr:rowOff>31547</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2857500" y="10045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22674</xdr:rowOff>
    </xdr:from>
    <xdr:ext cx="534377"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2641111" y="10138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44297</xdr:rowOff>
    </xdr:from>
    <xdr:to>
      <xdr:col>10</xdr:col>
      <xdr:colOff>165100</xdr:colOff>
      <xdr:row>59</xdr:row>
      <xdr:rowOff>74447</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1968500" y="10088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65574</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1752111" y="10181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36087</xdr:rowOff>
    </xdr:from>
    <xdr:to>
      <xdr:col>6</xdr:col>
      <xdr:colOff>38100</xdr:colOff>
      <xdr:row>59</xdr:row>
      <xdr:rowOff>66237</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079500" y="10080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57364</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863111" y="10172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a:extLst>
            <a:ext uri="{FF2B5EF4-FFF2-40B4-BE49-F238E27FC236}">
              <a16:creationId xmlns:a16="http://schemas.microsoft.com/office/drawing/2014/main" id="{00000000-0008-0000-0600-000092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a:extLst>
            <a:ext uri="{FF2B5EF4-FFF2-40B4-BE49-F238E27FC236}">
              <a16:creationId xmlns:a16="http://schemas.microsoft.com/office/drawing/2014/main" id="{00000000-0008-0000-0600-000093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a:extLst>
            <a:ext uri="{FF2B5EF4-FFF2-40B4-BE49-F238E27FC236}">
              <a16:creationId xmlns:a16="http://schemas.microsoft.com/office/drawing/2014/main" id="{00000000-0008-0000-0600-00009A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a:extLst>
            <a:ext uri="{FF2B5EF4-FFF2-40B4-BE49-F238E27FC236}">
              <a16:creationId xmlns:a16="http://schemas.microsoft.com/office/drawing/2014/main" id="{00000000-0008-0000-0600-00009B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6" name="直線コネクタ 155">
          <a:extLst>
            <a:ext uri="{FF2B5EF4-FFF2-40B4-BE49-F238E27FC236}">
              <a16:creationId xmlns:a16="http://schemas.microsoft.com/office/drawing/2014/main" id="{00000000-0008-0000-0600-00009C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7" name="テキスト ボックス 156">
          <a:extLst>
            <a:ext uri="{FF2B5EF4-FFF2-40B4-BE49-F238E27FC236}">
              <a16:creationId xmlns:a16="http://schemas.microsoft.com/office/drawing/2014/main" id="{00000000-0008-0000-0600-00009D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0</xdr:row>
      <xdr:rowOff>111777</xdr:rowOff>
    </xdr:from>
    <xdr:ext cx="53129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230701" y="12113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4" name="維持補修費グラフ枠">
          <a:extLst>
            <a:ext uri="{FF2B5EF4-FFF2-40B4-BE49-F238E27FC236}">
              <a16:creationId xmlns:a16="http://schemas.microsoft.com/office/drawing/2014/main" id="{00000000-0008-0000-0600-0000A4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21698</xdr:rowOff>
    </xdr:from>
    <xdr:to>
      <xdr:col>24</xdr:col>
      <xdr:colOff>62865</xdr:colOff>
      <xdr:row>77</xdr:row>
      <xdr:rowOff>153815</xdr:rowOff>
    </xdr:to>
    <xdr:cxnSp macro="">
      <xdr:nvCxnSpPr>
        <xdr:cNvPr id="165" name="直線コネクタ 164">
          <a:extLst>
            <a:ext uri="{FF2B5EF4-FFF2-40B4-BE49-F238E27FC236}">
              <a16:creationId xmlns:a16="http://schemas.microsoft.com/office/drawing/2014/main" id="{00000000-0008-0000-0600-0000A5000000}"/>
            </a:ext>
          </a:extLst>
        </xdr:cNvPr>
        <xdr:cNvCxnSpPr/>
      </xdr:nvCxnSpPr>
      <xdr:spPr>
        <a:xfrm flipV="1">
          <a:off x="4633595" y="12123198"/>
          <a:ext cx="1270" cy="123226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57642</xdr:rowOff>
    </xdr:from>
    <xdr:ext cx="378565" cy="259045"/>
    <xdr:sp macro="" textlink="">
      <xdr:nvSpPr>
        <xdr:cNvPr id="166" name="維持補修費最小値テキスト">
          <a:extLst>
            <a:ext uri="{FF2B5EF4-FFF2-40B4-BE49-F238E27FC236}">
              <a16:creationId xmlns:a16="http://schemas.microsoft.com/office/drawing/2014/main" id="{00000000-0008-0000-0600-0000A6000000}"/>
            </a:ext>
          </a:extLst>
        </xdr:cNvPr>
        <xdr:cNvSpPr txBox="1"/>
      </xdr:nvSpPr>
      <xdr:spPr>
        <a:xfrm>
          <a:off x="4686300" y="133592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53815</xdr:rowOff>
    </xdr:from>
    <xdr:to>
      <xdr:col>24</xdr:col>
      <xdr:colOff>152400</xdr:colOff>
      <xdr:row>77</xdr:row>
      <xdr:rowOff>153815</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a:off x="4546600" y="133554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68375</xdr:rowOff>
    </xdr:from>
    <xdr:ext cx="534377" cy="259045"/>
    <xdr:sp macro="" textlink="">
      <xdr:nvSpPr>
        <xdr:cNvPr id="168" name="維持補修費最大値テキスト">
          <a:extLst>
            <a:ext uri="{FF2B5EF4-FFF2-40B4-BE49-F238E27FC236}">
              <a16:creationId xmlns:a16="http://schemas.microsoft.com/office/drawing/2014/main" id="{00000000-0008-0000-0600-0000A8000000}"/>
            </a:ext>
          </a:extLst>
        </xdr:cNvPr>
        <xdr:cNvSpPr txBox="1"/>
      </xdr:nvSpPr>
      <xdr:spPr>
        <a:xfrm>
          <a:off x="4686300" y="11898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3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121698</xdr:rowOff>
    </xdr:from>
    <xdr:to>
      <xdr:col>24</xdr:col>
      <xdr:colOff>152400</xdr:colOff>
      <xdr:row>70</xdr:row>
      <xdr:rowOff>121698</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21231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51518</xdr:rowOff>
    </xdr:from>
    <xdr:to>
      <xdr:col>24</xdr:col>
      <xdr:colOff>63500</xdr:colOff>
      <xdr:row>77</xdr:row>
      <xdr:rowOff>78036</xdr:rowOff>
    </xdr:to>
    <xdr:cxnSp macro="">
      <xdr:nvCxnSpPr>
        <xdr:cNvPr id="170" name="直線コネクタ 169">
          <a:extLst>
            <a:ext uri="{FF2B5EF4-FFF2-40B4-BE49-F238E27FC236}">
              <a16:creationId xmlns:a16="http://schemas.microsoft.com/office/drawing/2014/main" id="{00000000-0008-0000-0600-0000AA000000}"/>
            </a:ext>
          </a:extLst>
        </xdr:cNvPr>
        <xdr:cNvCxnSpPr/>
      </xdr:nvCxnSpPr>
      <xdr:spPr>
        <a:xfrm>
          <a:off x="3797300" y="13253168"/>
          <a:ext cx="838200" cy="265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18121</xdr:rowOff>
    </xdr:from>
    <xdr:ext cx="469744" cy="259045"/>
    <xdr:sp macro="" textlink="">
      <xdr:nvSpPr>
        <xdr:cNvPr id="171" name="維持補修費平均値テキスト">
          <a:extLst>
            <a:ext uri="{FF2B5EF4-FFF2-40B4-BE49-F238E27FC236}">
              <a16:creationId xmlns:a16="http://schemas.microsoft.com/office/drawing/2014/main" id="{00000000-0008-0000-0600-0000AB000000}"/>
            </a:ext>
          </a:extLst>
        </xdr:cNvPr>
        <xdr:cNvSpPr txBox="1"/>
      </xdr:nvSpPr>
      <xdr:spPr>
        <a:xfrm>
          <a:off x="4686300" y="129768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95244</xdr:rowOff>
    </xdr:from>
    <xdr:to>
      <xdr:col>24</xdr:col>
      <xdr:colOff>114300</xdr:colOff>
      <xdr:row>77</xdr:row>
      <xdr:rowOff>25394</xdr:rowOff>
    </xdr:to>
    <xdr:sp macro="" textlink="">
      <xdr:nvSpPr>
        <xdr:cNvPr id="172" name="フローチャート: 判断 171">
          <a:extLst>
            <a:ext uri="{FF2B5EF4-FFF2-40B4-BE49-F238E27FC236}">
              <a16:creationId xmlns:a16="http://schemas.microsoft.com/office/drawing/2014/main" id="{00000000-0008-0000-0600-0000AC000000}"/>
            </a:ext>
          </a:extLst>
        </xdr:cNvPr>
        <xdr:cNvSpPr/>
      </xdr:nvSpPr>
      <xdr:spPr>
        <a:xfrm>
          <a:off x="4584700" y="13125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24771</xdr:rowOff>
    </xdr:from>
    <xdr:to>
      <xdr:col>19</xdr:col>
      <xdr:colOff>177800</xdr:colOff>
      <xdr:row>77</xdr:row>
      <xdr:rowOff>51518</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2908300" y="13226421"/>
          <a:ext cx="889000" cy="26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2903</xdr:rowOff>
    </xdr:from>
    <xdr:to>
      <xdr:col>20</xdr:col>
      <xdr:colOff>38100</xdr:colOff>
      <xdr:row>77</xdr:row>
      <xdr:rowOff>43053</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3746500" y="131431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59580</xdr:rowOff>
    </xdr:from>
    <xdr:ext cx="469744" cy="259045"/>
    <xdr:sp macro="" textlink="">
      <xdr:nvSpPr>
        <xdr:cNvPr id="175" name="テキスト ボックス 174">
          <a:extLst>
            <a:ext uri="{FF2B5EF4-FFF2-40B4-BE49-F238E27FC236}">
              <a16:creationId xmlns:a16="http://schemas.microsoft.com/office/drawing/2014/main" id="{00000000-0008-0000-0600-0000AF000000}"/>
            </a:ext>
          </a:extLst>
        </xdr:cNvPr>
        <xdr:cNvSpPr txBox="1"/>
      </xdr:nvSpPr>
      <xdr:spPr>
        <a:xfrm>
          <a:off x="3562428" y="12918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24771</xdr:rowOff>
    </xdr:from>
    <xdr:to>
      <xdr:col>15</xdr:col>
      <xdr:colOff>50800</xdr:colOff>
      <xdr:row>77</xdr:row>
      <xdr:rowOff>63748</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2019300" y="13226421"/>
          <a:ext cx="889000" cy="389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24504</xdr:rowOff>
    </xdr:from>
    <xdr:to>
      <xdr:col>15</xdr:col>
      <xdr:colOff>101600</xdr:colOff>
      <xdr:row>77</xdr:row>
      <xdr:rowOff>54654</xdr:rowOff>
    </xdr:to>
    <xdr:sp macro="" textlink="">
      <xdr:nvSpPr>
        <xdr:cNvPr id="177" name="フローチャート: 判断 176">
          <a:extLst>
            <a:ext uri="{FF2B5EF4-FFF2-40B4-BE49-F238E27FC236}">
              <a16:creationId xmlns:a16="http://schemas.microsoft.com/office/drawing/2014/main" id="{00000000-0008-0000-0600-0000B1000000}"/>
            </a:ext>
          </a:extLst>
        </xdr:cNvPr>
        <xdr:cNvSpPr/>
      </xdr:nvSpPr>
      <xdr:spPr>
        <a:xfrm>
          <a:off x="2857500" y="13154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71182</xdr:rowOff>
    </xdr:from>
    <xdr:ext cx="469744" cy="259045"/>
    <xdr:sp macro="" textlink="">
      <xdr:nvSpPr>
        <xdr:cNvPr id="178" name="テキスト ボックス 177">
          <a:extLst>
            <a:ext uri="{FF2B5EF4-FFF2-40B4-BE49-F238E27FC236}">
              <a16:creationId xmlns:a16="http://schemas.microsoft.com/office/drawing/2014/main" id="{00000000-0008-0000-0600-0000B2000000}"/>
            </a:ext>
          </a:extLst>
        </xdr:cNvPr>
        <xdr:cNvSpPr txBox="1"/>
      </xdr:nvSpPr>
      <xdr:spPr>
        <a:xfrm>
          <a:off x="2673428" y="12929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63748</xdr:rowOff>
    </xdr:from>
    <xdr:to>
      <xdr:col>10</xdr:col>
      <xdr:colOff>114300</xdr:colOff>
      <xdr:row>77</xdr:row>
      <xdr:rowOff>73864</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flipV="1">
          <a:off x="1130300" y="13265398"/>
          <a:ext cx="889000" cy="10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20047</xdr:rowOff>
    </xdr:from>
    <xdr:to>
      <xdr:col>10</xdr:col>
      <xdr:colOff>165100</xdr:colOff>
      <xdr:row>77</xdr:row>
      <xdr:rowOff>50197</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1968500" y="131502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66724</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1784428" y="129254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504</xdr:rowOff>
    </xdr:from>
    <xdr:to>
      <xdr:col>6</xdr:col>
      <xdr:colOff>38100</xdr:colOff>
      <xdr:row>77</xdr:row>
      <xdr:rowOff>5265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079500" y="13152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69181</xdr:rowOff>
    </xdr:from>
    <xdr:ext cx="469744"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895428" y="129279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7236</xdr:rowOff>
    </xdr:from>
    <xdr:to>
      <xdr:col>24</xdr:col>
      <xdr:colOff>114300</xdr:colOff>
      <xdr:row>77</xdr:row>
      <xdr:rowOff>128836</xdr:rowOff>
    </xdr:to>
    <xdr:sp macro="" textlink="">
      <xdr:nvSpPr>
        <xdr:cNvPr id="189" name="楕円 188">
          <a:extLst>
            <a:ext uri="{FF2B5EF4-FFF2-40B4-BE49-F238E27FC236}">
              <a16:creationId xmlns:a16="http://schemas.microsoft.com/office/drawing/2014/main" id="{00000000-0008-0000-0600-0000BD000000}"/>
            </a:ext>
          </a:extLst>
        </xdr:cNvPr>
        <xdr:cNvSpPr/>
      </xdr:nvSpPr>
      <xdr:spPr>
        <a:xfrm>
          <a:off x="4584700" y="132288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13613</xdr:rowOff>
    </xdr:from>
    <xdr:ext cx="469744" cy="259045"/>
    <xdr:sp macro="" textlink="">
      <xdr:nvSpPr>
        <xdr:cNvPr id="190" name="維持補修費該当値テキスト">
          <a:extLst>
            <a:ext uri="{FF2B5EF4-FFF2-40B4-BE49-F238E27FC236}">
              <a16:creationId xmlns:a16="http://schemas.microsoft.com/office/drawing/2014/main" id="{00000000-0008-0000-0600-0000BE000000}"/>
            </a:ext>
          </a:extLst>
        </xdr:cNvPr>
        <xdr:cNvSpPr txBox="1"/>
      </xdr:nvSpPr>
      <xdr:spPr>
        <a:xfrm>
          <a:off x="4686300" y="131438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718</xdr:rowOff>
    </xdr:from>
    <xdr:to>
      <xdr:col>20</xdr:col>
      <xdr:colOff>38100</xdr:colOff>
      <xdr:row>77</xdr:row>
      <xdr:rowOff>102318</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3746500" y="13202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7</xdr:row>
      <xdr:rowOff>93445</xdr:rowOff>
    </xdr:from>
    <xdr:ext cx="469744"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3562428" y="132950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145421</xdr:rowOff>
    </xdr:from>
    <xdr:to>
      <xdr:col>15</xdr:col>
      <xdr:colOff>101600</xdr:colOff>
      <xdr:row>77</xdr:row>
      <xdr:rowOff>75571</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2857500" y="13175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66698</xdr:rowOff>
    </xdr:from>
    <xdr:ext cx="469744"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2673428" y="132683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2948</xdr:rowOff>
    </xdr:from>
    <xdr:to>
      <xdr:col>10</xdr:col>
      <xdr:colOff>165100</xdr:colOff>
      <xdr:row>77</xdr:row>
      <xdr:rowOff>11454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1968500" y="13214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105675</xdr:rowOff>
    </xdr:from>
    <xdr:ext cx="469744"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1784428" y="13307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3064</xdr:rowOff>
    </xdr:from>
    <xdr:to>
      <xdr:col>6</xdr:col>
      <xdr:colOff>38100</xdr:colOff>
      <xdr:row>77</xdr:row>
      <xdr:rowOff>124664</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079500" y="13224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115791</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895428" y="133174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199" name="正方形/長方形 198">
          <a:extLst>
            <a:ext uri="{FF2B5EF4-FFF2-40B4-BE49-F238E27FC236}">
              <a16:creationId xmlns:a16="http://schemas.microsoft.com/office/drawing/2014/main" id="{00000000-0008-0000-0600-0000C7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0" name="正方形/長方形 199">
          <a:extLst>
            <a:ext uri="{FF2B5EF4-FFF2-40B4-BE49-F238E27FC236}">
              <a16:creationId xmlns:a16="http://schemas.microsoft.com/office/drawing/2014/main" id="{00000000-0008-0000-0600-0000C8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8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7" name="テキスト ボックス 206">
          <a:extLst>
            <a:ext uri="{FF2B5EF4-FFF2-40B4-BE49-F238E27FC236}">
              <a16:creationId xmlns:a16="http://schemas.microsoft.com/office/drawing/2014/main" id="{00000000-0008-0000-0600-0000CF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08" name="直線コネクタ 207">
          <a:extLst>
            <a:ext uri="{FF2B5EF4-FFF2-40B4-BE49-F238E27FC236}">
              <a16:creationId xmlns:a16="http://schemas.microsoft.com/office/drawing/2014/main" id="{00000000-0008-0000-0600-0000D0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1" name="テキスト ボックス 210">
          <a:extLst>
            <a:ext uri="{FF2B5EF4-FFF2-40B4-BE49-F238E27FC236}">
              <a16:creationId xmlns:a16="http://schemas.microsoft.com/office/drawing/2014/main" id="{00000000-0008-0000-0600-0000D3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2" name="直線コネクタ 211">
          <a:extLst>
            <a:ext uri="{FF2B5EF4-FFF2-40B4-BE49-F238E27FC236}">
              <a16:creationId xmlns:a16="http://schemas.microsoft.com/office/drawing/2014/main" id="{00000000-0008-0000-0600-0000D4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2" name="扶助費グラフ枠">
          <a:extLst>
            <a:ext uri="{FF2B5EF4-FFF2-40B4-BE49-F238E27FC236}">
              <a16:creationId xmlns:a16="http://schemas.microsoft.com/office/drawing/2014/main" id="{00000000-0008-0000-0600-0000DE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35181</xdr:rowOff>
    </xdr:from>
    <xdr:to>
      <xdr:col>24</xdr:col>
      <xdr:colOff>62865</xdr:colOff>
      <xdr:row>97</xdr:row>
      <xdr:rowOff>92052</xdr:rowOff>
    </xdr:to>
    <xdr:cxnSp macro="">
      <xdr:nvCxnSpPr>
        <xdr:cNvPr id="223" name="直線コネクタ 222">
          <a:extLst>
            <a:ext uri="{FF2B5EF4-FFF2-40B4-BE49-F238E27FC236}">
              <a16:creationId xmlns:a16="http://schemas.microsoft.com/office/drawing/2014/main" id="{00000000-0008-0000-0600-0000DF000000}"/>
            </a:ext>
          </a:extLst>
        </xdr:cNvPr>
        <xdr:cNvCxnSpPr/>
      </xdr:nvCxnSpPr>
      <xdr:spPr>
        <a:xfrm flipV="1">
          <a:off x="4633595" y="15565681"/>
          <a:ext cx="1270" cy="11570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95879</xdr:rowOff>
    </xdr:from>
    <xdr:ext cx="534377" cy="259045"/>
    <xdr:sp macro="" textlink="">
      <xdr:nvSpPr>
        <xdr:cNvPr id="224" name="扶助費最小値テキスト">
          <a:extLst>
            <a:ext uri="{FF2B5EF4-FFF2-40B4-BE49-F238E27FC236}">
              <a16:creationId xmlns:a16="http://schemas.microsoft.com/office/drawing/2014/main" id="{00000000-0008-0000-0600-0000E0000000}"/>
            </a:ext>
          </a:extLst>
        </xdr:cNvPr>
        <xdr:cNvSpPr txBox="1"/>
      </xdr:nvSpPr>
      <xdr:spPr>
        <a:xfrm>
          <a:off x="4686300" y="16726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92052</xdr:rowOff>
    </xdr:from>
    <xdr:to>
      <xdr:col>24</xdr:col>
      <xdr:colOff>152400</xdr:colOff>
      <xdr:row>97</xdr:row>
      <xdr:rowOff>92052</xdr:rowOff>
    </xdr:to>
    <xdr:cxnSp macro="">
      <xdr:nvCxnSpPr>
        <xdr:cNvPr id="225" name="直線コネクタ 224">
          <a:extLst>
            <a:ext uri="{FF2B5EF4-FFF2-40B4-BE49-F238E27FC236}">
              <a16:creationId xmlns:a16="http://schemas.microsoft.com/office/drawing/2014/main" id="{00000000-0008-0000-0600-0000E1000000}"/>
            </a:ext>
          </a:extLst>
        </xdr:cNvPr>
        <xdr:cNvCxnSpPr/>
      </xdr:nvCxnSpPr>
      <xdr:spPr>
        <a:xfrm>
          <a:off x="4546600" y="167227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1858</xdr:rowOff>
    </xdr:from>
    <xdr:ext cx="599010" cy="259045"/>
    <xdr:sp macro="" textlink="">
      <xdr:nvSpPr>
        <xdr:cNvPr id="226" name="扶助費最大値テキスト">
          <a:extLst>
            <a:ext uri="{FF2B5EF4-FFF2-40B4-BE49-F238E27FC236}">
              <a16:creationId xmlns:a16="http://schemas.microsoft.com/office/drawing/2014/main" id="{00000000-0008-0000-0600-0000E2000000}"/>
            </a:ext>
          </a:extLst>
        </xdr:cNvPr>
        <xdr:cNvSpPr txBox="1"/>
      </xdr:nvSpPr>
      <xdr:spPr>
        <a:xfrm>
          <a:off x="4686300" y="153409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5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35181</xdr:rowOff>
    </xdr:from>
    <xdr:to>
      <xdr:col>24</xdr:col>
      <xdr:colOff>152400</xdr:colOff>
      <xdr:row>90</xdr:row>
      <xdr:rowOff>135181</xdr:rowOff>
    </xdr:to>
    <xdr:cxnSp macro="">
      <xdr:nvCxnSpPr>
        <xdr:cNvPr id="227" name="直線コネクタ 226">
          <a:extLst>
            <a:ext uri="{FF2B5EF4-FFF2-40B4-BE49-F238E27FC236}">
              <a16:creationId xmlns:a16="http://schemas.microsoft.com/office/drawing/2014/main" id="{00000000-0008-0000-0600-0000E3000000}"/>
            </a:ext>
          </a:extLst>
        </xdr:cNvPr>
        <xdr:cNvCxnSpPr/>
      </xdr:nvCxnSpPr>
      <xdr:spPr>
        <a:xfrm>
          <a:off x="4546600" y="155656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20211</xdr:rowOff>
    </xdr:from>
    <xdr:to>
      <xdr:col>24</xdr:col>
      <xdr:colOff>63500</xdr:colOff>
      <xdr:row>97</xdr:row>
      <xdr:rowOff>29400</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flipV="1">
          <a:off x="3797300" y="16479411"/>
          <a:ext cx="838200" cy="180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26007</xdr:rowOff>
    </xdr:from>
    <xdr:ext cx="599010" cy="259045"/>
    <xdr:sp macro="" textlink="">
      <xdr:nvSpPr>
        <xdr:cNvPr id="229" name="扶助費平均値テキスト">
          <a:extLst>
            <a:ext uri="{FF2B5EF4-FFF2-40B4-BE49-F238E27FC236}">
              <a16:creationId xmlns:a16="http://schemas.microsoft.com/office/drawing/2014/main" id="{00000000-0008-0000-0600-0000E5000000}"/>
            </a:ext>
          </a:extLst>
        </xdr:cNvPr>
        <xdr:cNvSpPr txBox="1"/>
      </xdr:nvSpPr>
      <xdr:spPr>
        <a:xfrm>
          <a:off x="4686300" y="1614230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30</xdr:rowOff>
    </xdr:from>
    <xdr:to>
      <xdr:col>24</xdr:col>
      <xdr:colOff>114300</xdr:colOff>
      <xdr:row>95</xdr:row>
      <xdr:rowOff>104730</xdr:rowOff>
    </xdr:to>
    <xdr:sp macro="" textlink="">
      <xdr:nvSpPr>
        <xdr:cNvPr id="230" name="フローチャート: 判断 229">
          <a:extLst>
            <a:ext uri="{FF2B5EF4-FFF2-40B4-BE49-F238E27FC236}">
              <a16:creationId xmlns:a16="http://schemas.microsoft.com/office/drawing/2014/main" id="{00000000-0008-0000-0600-0000E6000000}"/>
            </a:ext>
          </a:extLst>
        </xdr:cNvPr>
        <xdr:cNvSpPr/>
      </xdr:nvSpPr>
      <xdr:spPr>
        <a:xfrm>
          <a:off x="4584700" y="16290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29400</xdr:rowOff>
    </xdr:from>
    <xdr:to>
      <xdr:col>19</xdr:col>
      <xdr:colOff>177800</xdr:colOff>
      <xdr:row>97</xdr:row>
      <xdr:rowOff>66960</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flipV="1">
          <a:off x="2908300" y="16660050"/>
          <a:ext cx="889000" cy="375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57521</xdr:rowOff>
    </xdr:from>
    <xdr:to>
      <xdr:col>20</xdr:col>
      <xdr:colOff>38100</xdr:colOff>
      <xdr:row>96</xdr:row>
      <xdr:rowOff>159121</xdr:rowOff>
    </xdr:to>
    <xdr:sp macro="" textlink="">
      <xdr:nvSpPr>
        <xdr:cNvPr id="232" name="フローチャート: 判断 231">
          <a:extLst>
            <a:ext uri="{FF2B5EF4-FFF2-40B4-BE49-F238E27FC236}">
              <a16:creationId xmlns:a16="http://schemas.microsoft.com/office/drawing/2014/main" id="{00000000-0008-0000-0600-0000E8000000}"/>
            </a:ext>
          </a:extLst>
        </xdr:cNvPr>
        <xdr:cNvSpPr/>
      </xdr:nvSpPr>
      <xdr:spPr>
        <a:xfrm>
          <a:off x="3746500" y="16516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5</xdr:row>
      <xdr:rowOff>4198</xdr:rowOff>
    </xdr:from>
    <xdr:ext cx="599010" cy="259045"/>
    <xdr:sp macro="" textlink="">
      <xdr:nvSpPr>
        <xdr:cNvPr id="233" name="テキスト ボックス 232">
          <a:extLst>
            <a:ext uri="{FF2B5EF4-FFF2-40B4-BE49-F238E27FC236}">
              <a16:creationId xmlns:a16="http://schemas.microsoft.com/office/drawing/2014/main" id="{00000000-0008-0000-0600-0000E9000000}"/>
            </a:ext>
          </a:extLst>
        </xdr:cNvPr>
        <xdr:cNvSpPr txBox="1"/>
      </xdr:nvSpPr>
      <xdr:spPr>
        <a:xfrm>
          <a:off x="3497795" y="162919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66960</xdr:rowOff>
    </xdr:from>
    <xdr:to>
      <xdr:col>15</xdr:col>
      <xdr:colOff>50800</xdr:colOff>
      <xdr:row>97</xdr:row>
      <xdr:rowOff>99177</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flipV="1">
          <a:off x="2019300" y="16697610"/>
          <a:ext cx="889000" cy="32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73371</xdr:rowOff>
    </xdr:from>
    <xdr:to>
      <xdr:col>15</xdr:col>
      <xdr:colOff>101600</xdr:colOff>
      <xdr:row>97</xdr:row>
      <xdr:rowOff>3521</xdr:rowOff>
    </xdr:to>
    <xdr:sp macro="" textlink="">
      <xdr:nvSpPr>
        <xdr:cNvPr id="235" name="フローチャート: 判断 234">
          <a:extLst>
            <a:ext uri="{FF2B5EF4-FFF2-40B4-BE49-F238E27FC236}">
              <a16:creationId xmlns:a16="http://schemas.microsoft.com/office/drawing/2014/main" id="{00000000-0008-0000-0600-0000EB000000}"/>
            </a:ext>
          </a:extLst>
        </xdr:cNvPr>
        <xdr:cNvSpPr/>
      </xdr:nvSpPr>
      <xdr:spPr>
        <a:xfrm>
          <a:off x="2857500" y="16532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20048</xdr:rowOff>
    </xdr:from>
    <xdr:ext cx="599010" cy="259045"/>
    <xdr:sp macro="" textlink="">
      <xdr:nvSpPr>
        <xdr:cNvPr id="236" name="テキスト ボックス 235">
          <a:extLst>
            <a:ext uri="{FF2B5EF4-FFF2-40B4-BE49-F238E27FC236}">
              <a16:creationId xmlns:a16="http://schemas.microsoft.com/office/drawing/2014/main" id="{00000000-0008-0000-0600-0000EC000000}"/>
            </a:ext>
          </a:extLst>
        </xdr:cNvPr>
        <xdr:cNvSpPr txBox="1"/>
      </xdr:nvSpPr>
      <xdr:spPr>
        <a:xfrm>
          <a:off x="2608795" y="16307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99177</xdr:rowOff>
    </xdr:from>
    <xdr:to>
      <xdr:col>10</xdr:col>
      <xdr:colOff>114300</xdr:colOff>
      <xdr:row>97</xdr:row>
      <xdr:rowOff>129184</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1130300" y="16729827"/>
          <a:ext cx="889000" cy="300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114085</xdr:rowOff>
    </xdr:from>
    <xdr:to>
      <xdr:col>10</xdr:col>
      <xdr:colOff>165100</xdr:colOff>
      <xdr:row>97</xdr:row>
      <xdr:rowOff>44235</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1968500" y="16573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60762</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1719795" y="163485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6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16210</xdr:rowOff>
    </xdr:from>
    <xdr:to>
      <xdr:col>6</xdr:col>
      <xdr:colOff>38100</xdr:colOff>
      <xdr:row>97</xdr:row>
      <xdr:rowOff>46360</xdr:rowOff>
    </xdr:to>
    <xdr:sp macro="" textlink="">
      <xdr:nvSpPr>
        <xdr:cNvPr id="240" name="フローチャート: 判断 239">
          <a:extLst>
            <a:ext uri="{FF2B5EF4-FFF2-40B4-BE49-F238E27FC236}">
              <a16:creationId xmlns:a16="http://schemas.microsoft.com/office/drawing/2014/main" id="{00000000-0008-0000-0600-0000F0000000}"/>
            </a:ext>
          </a:extLst>
        </xdr:cNvPr>
        <xdr:cNvSpPr/>
      </xdr:nvSpPr>
      <xdr:spPr>
        <a:xfrm>
          <a:off x="1079500" y="16575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62887</xdr:rowOff>
    </xdr:from>
    <xdr:ext cx="599010" cy="259045"/>
    <xdr:sp macro="" textlink="">
      <xdr:nvSpPr>
        <xdr:cNvPr id="241" name="テキスト ボックス 240">
          <a:extLst>
            <a:ext uri="{FF2B5EF4-FFF2-40B4-BE49-F238E27FC236}">
              <a16:creationId xmlns:a16="http://schemas.microsoft.com/office/drawing/2014/main" id="{00000000-0008-0000-0600-0000F1000000}"/>
            </a:ext>
          </a:extLst>
        </xdr:cNvPr>
        <xdr:cNvSpPr txBox="1"/>
      </xdr:nvSpPr>
      <xdr:spPr>
        <a:xfrm>
          <a:off x="830795" y="16350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0861</xdr:rowOff>
    </xdr:from>
    <xdr:to>
      <xdr:col>24</xdr:col>
      <xdr:colOff>114300</xdr:colOff>
      <xdr:row>96</xdr:row>
      <xdr:rowOff>71011</xdr:rowOff>
    </xdr:to>
    <xdr:sp macro="" textlink="">
      <xdr:nvSpPr>
        <xdr:cNvPr id="247" name="楕円 246">
          <a:extLst>
            <a:ext uri="{FF2B5EF4-FFF2-40B4-BE49-F238E27FC236}">
              <a16:creationId xmlns:a16="http://schemas.microsoft.com/office/drawing/2014/main" id="{00000000-0008-0000-0600-0000F7000000}"/>
            </a:ext>
          </a:extLst>
        </xdr:cNvPr>
        <xdr:cNvSpPr/>
      </xdr:nvSpPr>
      <xdr:spPr>
        <a:xfrm>
          <a:off x="4584700" y="164286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19288</xdr:rowOff>
    </xdr:from>
    <xdr:ext cx="599010" cy="259045"/>
    <xdr:sp macro="" textlink="">
      <xdr:nvSpPr>
        <xdr:cNvPr id="248" name="扶助費該当値テキスト">
          <a:extLst>
            <a:ext uri="{FF2B5EF4-FFF2-40B4-BE49-F238E27FC236}">
              <a16:creationId xmlns:a16="http://schemas.microsoft.com/office/drawing/2014/main" id="{00000000-0008-0000-0600-0000F8000000}"/>
            </a:ext>
          </a:extLst>
        </xdr:cNvPr>
        <xdr:cNvSpPr txBox="1"/>
      </xdr:nvSpPr>
      <xdr:spPr>
        <a:xfrm>
          <a:off x="4686300" y="164070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6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50050</xdr:rowOff>
    </xdr:from>
    <xdr:to>
      <xdr:col>20</xdr:col>
      <xdr:colOff>38100</xdr:colOff>
      <xdr:row>97</xdr:row>
      <xdr:rowOff>80200</xdr:rowOff>
    </xdr:to>
    <xdr:sp macro="" textlink="">
      <xdr:nvSpPr>
        <xdr:cNvPr id="249" name="楕円 248">
          <a:extLst>
            <a:ext uri="{FF2B5EF4-FFF2-40B4-BE49-F238E27FC236}">
              <a16:creationId xmlns:a16="http://schemas.microsoft.com/office/drawing/2014/main" id="{00000000-0008-0000-0600-0000F9000000}"/>
            </a:ext>
          </a:extLst>
        </xdr:cNvPr>
        <xdr:cNvSpPr/>
      </xdr:nvSpPr>
      <xdr:spPr>
        <a:xfrm>
          <a:off x="3746500" y="1660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71327</xdr:rowOff>
    </xdr:from>
    <xdr:ext cx="534377"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3530111" y="167019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6160</xdr:rowOff>
    </xdr:from>
    <xdr:to>
      <xdr:col>15</xdr:col>
      <xdr:colOff>101600</xdr:colOff>
      <xdr:row>97</xdr:row>
      <xdr:rowOff>117760</xdr:rowOff>
    </xdr:to>
    <xdr:sp macro="" textlink="">
      <xdr:nvSpPr>
        <xdr:cNvPr id="251" name="楕円 250">
          <a:extLst>
            <a:ext uri="{FF2B5EF4-FFF2-40B4-BE49-F238E27FC236}">
              <a16:creationId xmlns:a16="http://schemas.microsoft.com/office/drawing/2014/main" id="{00000000-0008-0000-0600-0000FB000000}"/>
            </a:ext>
          </a:extLst>
        </xdr:cNvPr>
        <xdr:cNvSpPr/>
      </xdr:nvSpPr>
      <xdr:spPr>
        <a:xfrm>
          <a:off x="2857500" y="166468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108887</xdr:rowOff>
    </xdr:from>
    <xdr:ext cx="534377"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2641111" y="167395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48377</xdr:rowOff>
    </xdr:from>
    <xdr:to>
      <xdr:col>10</xdr:col>
      <xdr:colOff>165100</xdr:colOff>
      <xdr:row>97</xdr:row>
      <xdr:rowOff>149977</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1968500" y="16679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141104</xdr:rowOff>
    </xdr:from>
    <xdr:ext cx="534377" cy="259045"/>
    <xdr:sp macro="" textlink="">
      <xdr:nvSpPr>
        <xdr:cNvPr id="254" name="テキスト ボックス 253">
          <a:extLst>
            <a:ext uri="{FF2B5EF4-FFF2-40B4-BE49-F238E27FC236}">
              <a16:creationId xmlns:a16="http://schemas.microsoft.com/office/drawing/2014/main" id="{00000000-0008-0000-0600-0000FE000000}"/>
            </a:ext>
          </a:extLst>
        </xdr:cNvPr>
        <xdr:cNvSpPr txBox="1"/>
      </xdr:nvSpPr>
      <xdr:spPr>
        <a:xfrm>
          <a:off x="1752111" y="16771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8384</xdr:rowOff>
    </xdr:from>
    <xdr:to>
      <xdr:col>6</xdr:col>
      <xdr:colOff>38100</xdr:colOff>
      <xdr:row>98</xdr:row>
      <xdr:rowOff>8534</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1079500" y="167090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171111</xdr:rowOff>
    </xdr:from>
    <xdr:ext cx="534377"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863111" y="168017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7" name="正方形/長方形 256">
          <a:extLst>
            <a:ext uri="{FF2B5EF4-FFF2-40B4-BE49-F238E27FC236}">
              <a16:creationId xmlns:a16="http://schemas.microsoft.com/office/drawing/2014/main" id="{00000000-0008-0000-0600-000001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4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7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5" name="テキスト ボックス 264">
          <a:extLst>
            <a:ext uri="{FF2B5EF4-FFF2-40B4-BE49-F238E27FC236}">
              <a16:creationId xmlns:a16="http://schemas.microsoft.com/office/drawing/2014/main" id="{00000000-0008-0000-0600-000009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6" name="直線コネクタ 265">
          <a:extLst>
            <a:ext uri="{FF2B5EF4-FFF2-40B4-BE49-F238E27FC236}">
              <a16:creationId xmlns:a16="http://schemas.microsoft.com/office/drawing/2014/main" id="{00000000-0008-0000-0600-00000A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68" name="テキスト ボックス 267">
          <a:extLst>
            <a:ext uri="{FF2B5EF4-FFF2-40B4-BE49-F238E27FC236}">
              <a16:creationId xmlns:a16="http://schemas.microsoft.com/office/drawing/2014/main" id="{00000000-0008-0000-0600-00000C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69" name="直線コネクタ 268">
          <a:extLst>
            <a:ext uri="{FF2B5EF4-FFF2-40B4-BE49-F238E27FC236}">
              <a16:creationId xmlns:a16="http://schemas.microsoft.com/office/drawing/2014/main" id="{00000000-0008-0000-0600-00000D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0" name="テキスト ボックス 269">
          <a:extLst>
            <a:ext uri="{FF2B5EF4-FFF2-40B4-BE49-F238E27FC236}">
              <a16:creationId xmlns:a16="http://schemas.microsoft.com/office/drawing/2014/main" id="{00000000-0008-0000-0600-00000E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1" name="直線コネクタ 270">
          <a:extLst>
            <a:ext uri="{FF2B5EF4-FFF2-40B4-BE49-F238E27FC236}">
              <a16:creationId xmlns:a16="http://schemas.microsoft.com/office/drawing/2014/main" id="{00000000-0008-0000-0600-00000F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2" name="テキスト ボックス 271">
          <a:extLst>
            <a:ext uri="{FF2B5EF4-FFF2-40B4-BE49-F238E27FC236}">
              <a16:creationId xmlns:a16="http://schemas.microsoft.com/office/drawing/2014/main" id="{00000000-0008-0000-0600-000010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1" name="補助費等グラフ枠">
          <a:extLst>
            <a:ext uri="{FF2B5EF4-FFF2-40B4-BE49-F238E27FC236}">
              <a16:creationId xmlns:a16="http://schemas.microsoft.com/office/drawing/2014/main" id="{00000000-0008-0000-0600-000019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2</xdr:row>
      <xdr:rowOff>142661</xdr:rowOff>
    </xdr:from>
    <xdr:to>
      <xdr:col>54</xdr:col>
      <xdr:colOff>189865</xdr:colOff>
      <xdr:row>38</xdr:row>
      <xdr:rowOff>74614</xdr:rowOff>
    </xdr:to>
    <xdr:cxnSp macro="">
      <xdr:nvCxnSpPr>
        <xdr:cNvPr id="282" name="直線コネクタ 281">
          <a:extLst>
            <a:ext uri="{FF2B5EF4-FFF2-40B4-BE49-F238E27FC236}">
              <a16:creationId xmlns:a16="http://schemas.microsoft.com/office/drawing/2014/main" id="{00000000-0008-0000-0600-00001A010000}"/>
            </a:ext>
          </a:extLst>
        </xdr:cNvPr>
        <xdr:cNvCxnSpPr/>
      </xdr:nvCxnSpPr>
      <xdr:spPr>
        <a:xfrm flipV="1">
          <a:off x="10475595" y="5629061"/>
          <a:ext cx="1270" cy="9606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78441</xdr:rowOff>
    </xdr:from>
    <xdr:ext cx="534377" cy="259045"/>
    <xdr:sp macro="" textlink="">
      <xdr:nvSpPr>
        <xdr:cNvPr id="283" name="補助費等最小値テキスト">
          <a:extLst>
            <a:ext uri="{FF2B5EF4-FFF2-40B4-BE49-F238E27FC236}">
              <a16:creationId xmlns:a16="http://schemas.microsoft.com/office/drawing/2014/main" id="{00000000-0008-0000-0600-00001B010000}"/>
            </a:ext>
          </a:extLst>
        </xdr:cNvPr>
        <xdr:cNvSpPr txBox="1"/>
      </xdr:nvSpPr>
      <xdr:spPr>
        <a:xfrm>
          <a:off x="10528300" y="6593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9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74614</xdr:rowOff>
    </xdr:from>
    <xdr:to>
      <xdr:col>55</xdr:col>
      <xdr:colOff>88900</xdr:colOff>
      <xdr:row>38</xdr:row>
      <xdr:rowOff>74614</xdr:rowOff>
    </xdr:to>
    <xdr:cxnSp macro="">
      <xdr:nvCxnSpPr>
        <xdr:cNvPr id="284" name="直線コネクタ 283">
          <a:extLst>
            <a:ext uri="{FF2B5EF4-FFF2-40B4-BE49-F238E27FC236}">
              <a16:creationId xmlns:a16="http://schemas.microsoft.com/office/drawing/2014/main" id="{00000000-0008-0000-0600-00001C010000}"/>
            </a:ext>
          </a:extLst>
        </xdr:cNvPr>
        <xdr:cNvCxnSpPr/>
      </xdr:nvCxnSpPr>
      <xdr:spPr>
        <a:xfrm>
          <a:off x="10388600" y="6589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1</xdr:row>
      <xdr:rowOff>89338</xdr:rowOff>
    </xdr:from>
    <xdr:ext cx="599010" cy="259045"/>
    <xdr:sp macro="" textlink="">
      <xdr:nvSpPr>
        <xdr:cNvPr id="285" name="補助費等最大値テキスト">
          <a:extLst>
            <a:ext uri="{FF2B5EF4-FFF2-40B4-BE49-F238E27FC236}">
              <a16:creationId xmlns:a16="http://schemas.microsoft.com/office/drawing/2014/main" id="{00000000-0008-0000-0600-00001D010000}"/>
            </a:ext>
          </a:extLst>
        </xdr:cNvPr>
        <xdr:cNvSpPr txBox="1"/>
      </xdr:nvSpPr>
      <xdr:spPr>
        <a:xfrm>
          <a:off x="10528300" y="5404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2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42661</xdr:rowOff>
    </xdr:from>
    <xdr:to>
      <xdr:col>55</xdr:col>
      <xdr:colOff>88900</xdr:colOff>
      <xdr:row>32</xdr:row>
      <xdr:rowOff>142661</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a:off x="10388600" y="5629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1</xdr:row>
      <xdr:rowOff>34979</xdr:rowOff>
    </xdr:from>
    <xdr:to>
      <xdr:col>55</xdr:col>
      <xdr:colOff>0</xdr:colOff>
      <xdr:row>37</xdr:row>
      <xdr:rowOff>135335</xdr:rowOff>
    </xdr:to>
    <xdr:cxnSp macro="">
      <xdr:nvCxnSpPr>
        <xdr:cNvPr id="287" name="直線コネクタ 286">
          <a:extLst>
            <a:ext uri="{FF2B5EF4-FFF2-40B4-BE49-F238E27FC236}">
              <a16:creationId xmlns:a16="http://schemas.microsoft.com/office/drawing/2014/main" id="{00000000-0008-0000-0600-00001F010000}"/>
            </a:ext>
          </a:extLst>
        </xdr:cNvPr>
        <xdr:cNvCxnSpPr/>
      </xdr:nvCxnSpPr>
      <xdr:spPr>
        <a:xfrm>
          <a:off x="9639300" y="5349929"/>
          <a:ext cx="838200" cy="1129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96591</xdr:rowOff>
    </xdr:from>
    <xdr:ext cx="534377" cy="259045"/>
    <xdr:sp macro="" textlink="">
      <xdr:nvSpPr>
        <xdr:cNvPr id="288" name="補助費等平均値テキスト">
          <a:extLst>
            <a:ext uri="{FF2B5EF4-FFF2-40B4-BE49-F238E27FC236}">
              <a16:creationId xmlns:a16="http://schemas.microsoft.com/office/drawing/2014/main" id="{00000000-0008-0000-0600-000020010000}"/>
            </a:ext>
          </a:extLst>
        </xdr:cNvPr>
        <xdr:cNvSpPr txBox="1"/>
      </xdr:nvSpPr>
      <xdr:spPr>
        <a:xfrm>
          <a:off x="10528300" y="609734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8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3714</xdr:rowOff>
    </xdr:from>
    <xdr:to>
      <xdr:col>55</xdr:col>
      <xdr:colOff>50800</xdr:colOff>
      <xdr:row>37</xdr:row>
      <xdr:rowOff>3864</xdr:rowOff>
    </xdr:to>
    <xdr:sp macro="" textlink="">
      <xdr:nvSpPr>
        <xdr:cNvPr id="289" name="フローチャート: 判断 288">
          <a:extLst>
            <a:ext uri="{FF2B5EF4-FFF2-40B4-BE49-F238E27FC236}">
              <a16:creationId xmlns:a16="http://schemas.microsoft.com/office/drawing/2014/main" id="{00000000-0008-0000-0600-000021010000}"/>
            </a:ext>
          </a:extLst>
        </xdr:cNvPr>
        <xdr:cNvSpPr/>
      </xdr:nvSpPr>
      <xdr:spPr>
        <a:xfrm>
          <a:off x="10426700" y="62459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1</xdr:row>
      <xdr:rowOff>34979</xdr:rowOff>
    </xdr:from>
    <xdr:to>
      <xdr:col>50</xdr:col>
      <xdr:colOff>114300</xdr:colOff>
      <xdr:row>37</xdr:row>
      <xdr:rowOff>131514</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flipV="1">
          <a:off x="8750300" y="5349929"/>
          <a:ext cx="889000" cy="1125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0</xdr:row>
      <xdr:rowOff>13527</xdr:rowOff>
    </xdr:from>
    <xdr:to>
      <xdr:col>50</xdr:col>
      <xdr:colOff>165100</xdr:colOff>
      <xdr:row>30</xdr:row>
      <xdr:rowOff>115127</xdr:rowOff>
    </xdr:to>
    <xdr:sp macro="" textlink="">
      <xdr:nvSpPr>
        <xdr:cNvPr id="291" name="フローチャート: 判断 290">
          <a:extLst>
            <a:ext uri="{FF2B5EF4-FFF2-40B4-BE49-F238E27FC236}">
              <a16:creationId xmlns:a16="http://schemas.microsoft.com/office/drawing/2014/main" id="{00000000-0008-0000-0600-000023010000}"/>
            </a:ext>
          </a:extLst>
        </xdr:cNvPr>
        <xdr:cNvSpPr/>
      </xdr:nvSpPr>
      <xdr:spPr>
        <a:xfrm>
          <a:off x="9588500" y="51570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28</xdr:row>
      <xdr:rowOff>131654</xdr:rowOff>
    </xdr:from>
    <xdr:ext cx="599010" cy="259045"/>
    <xdr:sp macro="" textlink="">
      <xdr:nvSpPr>
        <xdr:cNvPr id="292" name="テキスト ボックス 291">
          <a:extLst>
            <a:ext uri="{FF2B5EF4-FFF2-40B4-BE49-F238E27FC236}">
              <a16:creationId xmlns:a16="http://schemas.microsoft.com/office/drawing/2014/main" id="{00000000-0008-0000-0600-000024010000}"/>
            </a:ext>
          </a:extLst>
        </xdr:cNvPr>
        <xdr:cNvSpPr txBox="1"/>
      </xdr:nvSpPr>
      <xdr:spPr>
        <a:xfrm>
          <a:off x="9339795" y="4932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31514</xdr:rowOff>
    </xdr:from>
    <xdr:to>
      <xdr:col>45</xdr:col>
      <xdr:colOff>177800</xdr:colOff>
      <xdr:row>38</xdr:row>
      <xdr:rowOff>76019</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7861300" y="6475164"/>
          <a:ext cx="889000" cy="115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47574</xdr:rowOff>
    </xdr:from>
    <xdr:to>
      <xdr:col>46</xdr:col>
      <xdr:colOff>38100</xdr:colOff>
      <xdr:row>37</xdr:row>
      <xdr:rowOff>77724</xdr:rowOff>
    </xdr:to>
    <xdr:sp macro="" textlink="">
      <xdr:nvSpPr>
        <xdr:cNvPr id="294" name="フローチャート: 判断 293">
          <a:extLst>
            <a:ext uri="{FF2B5EF4-FFF2-40B4-BE49-F238E27FC236}">
              <a16:creationId xmlns:a16="http://schemas.microsoft.com/office/drawing/2014/main" id="{00000000-0008-0000-0600-000026010000}"/>
            </a:ext>
          </a:extLst>
        </xdr:cNvPr>
        <xdr:cNvSpPr/>
      </xdr:nvSpPr>
      <xdr:spPr>
        <a:xfrm>
          <a:off x="8699500" y="63197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5</xdr:row>
      <xdr:rowOff>94251</xdr:rowOff>
    </xdr:from>
    <xdr:ext cx="534377" cy="259045"/>
    <xdr:sp macro="" textlink="">
      <xdr:nvSpPr>
        <xdr:cNvPr id="295" name="テキスト ボックス 294">
          <a:extLst>
            <a:ext uri="{FF2B5EF4-FFF2-40B4-BE49-F238E27FC236}">
              <a16:creationId xmlns:a16="http://schemas.microsoft.com/office/drawing/2014/main" id="{00000000-0008-0000-0600-000027010000}"/>
            </a:ext>
          </a:extLst>
        </xdr:cNvPr>
        <xdr:cNvSpPr txBox="1"/>
      </xdr:nvSpPr>
      <xdr:spPr>
        <a:xfrm>
          <a:off x="8483111" y="6095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60844</xdr:rowOff>
    </xdr:from>
    <xdr:to>
      <xdr:col>41</xdr:col>
      <xdr:colOff>50800</xdr:colOff>
      <xdr:row>38</xdr:row>
      <xdr:rowOff>76019</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6972300" y="6575944"/>
          <a:ext cx="889000" cy="15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3284</xdr:rowOff>
    </xdr:from>
    <xdr:to>
      <xdr:col>41</xdr:col>
      <xdr:colOff>101600</xdr:colOff>
      <xdr:row>37</xdr:row>
      <xdr:rowOff>104884</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7810500" y="63469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21411</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7594111" y="6122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2675</xdr:rowOff>
    </xdr:from>
    <xdr:to>
      <xdr:col>36</xdr:col>
      <xdr:colOff>165100</xdr:colOff>
      <xdr:row>37</xdr:row>
      <xdr:rowOff>134275</xdr:rowOff>
    </xdr:to>
    <xdr:sp macro="" textlink="">
      <xdr:nvSpPr>
        <xdr:cNvPr id="299" name="フローチャート: 判断 298">
          <a:extLst>
            <a:ext uri="{FF2B5EF4-FFF2-40B4-BE49-F238E27FC236}">
              <a16:creationId xmlns:a16="http://schemas.microsoft.com/office/drawing/2014/main" id="{00000000-0008-0000-0600-00002B010000}"/>
            </a:ext>
          </a:extLst>
        </xdr:cNvPr>
        <xdr:cNvSpPr/>
      </xdr:nvSpPr>
      <xdr:spPr>
        <a:xfrm>
          <a:off x="6921500" y="6376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50802</xdr:rowOff>
    </xdr:from>
    <xdr:ext cx="534377"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6705111" y="6151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600-000031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4535</xdr:rowOff>
    </xdr:from>
    <xdr:to>
      <xdr:col>55</xdr:col>
      <xdr:colOff>50800</xdr:colOff>
      <xdr:row>38</xdr:row>
      <xdr:rowOff>14684</xdr:rowOff>
    </xdr:to>
    <xdr:sp macro="" textlink="">
      <xdr:nvSpPr>
        <xdr:cNvPr id="306" name="楕円 305">
          <a:extLst>
            <a:ext uri="{FF2B5EF4-FFF2-40B4-BE49-F238E27FC236}">
              <a16:creationId xmlns:a16="http://schemas.microsoft.com/office/drawing/2014/main" id="{00000000-0008-0000-0600-000032010000}"/>
            </a:ext>
          </a:extLst>
        </xdr:cNvPr>
        <xdr:cNvSpPr/>
      </xdr:nvSpPr>
      <xdr:spPr>
        <a:xfrm>
          <a:off x="10426700" y="6428185"/>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70912</xdr:rowOff>
    </xdr:from>
    <xdr:ext cx="534377" cy="259045"/>
    <xdr:sp macro="" textlink="">
      <xdr:nvSpPr>
        <xdr:cNvPr id="307" name="補助費等該当値テキスト">
          <a:extLst>
            <a:ext uri="{FF2B5EF4-FFF2-40B4-BE49-F238E27FC236}">
              <a16:creationId xmlns:a16="http://schemas.microsoft.com/office/drawing/2014/main" id="{00000000-0008-0000-0600-000033010000}"/>
            </a:ext>
          </a:extLst>
        </xdr:cNvPr>
        <xdr:cNvSpPr txBox="1"/>
      </xdr:nvSpPr>
      <xdr:spPr>
        <a:xfrm>
          <a:off x="10528300" y="63431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0</xdr:row>
      <xdr:rowOff>155629</xdr:rowOff>
    </xdr:from>
    <xdr:to>
      <xdr:col>50</xdr:col>
      <xdr:colOff>165100</xdr:colOff>
      <xdr:row>31</xdr:row>
      <xdr:rowOff>85779</xdr:rowOff>
    </xdr:to>
    <xdr:sp macro="" textlink="">
      <xdr:nvSpPr>
        <xdr:cNvPr id="308" name="楕円 307">
          <a:extLst>
            <a:ext uri="{FF2B5EF4-FFF2-40B4-BE49-F238E27FC236}">
              <a16:creationId xmlns:a16="http://schemas.microsoft.com/office/drawing/2014/main" id="{00000000-0008-0000-0600-000034010000}"/>
            </a:ext>
          </a:extLst>
        </xdr:cNvPr>
        <xdr:cNvSpPr/>
      </xdr:nvSpPr>
      <xdr:spPr>
        <a:xfrm>
          <a:off x="9588500" y="5299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1</xdr:row>
      <xdr:rowOff>76906</xdr:rowOff>
    </xdr:from>
    <xdr:ext cx="59901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9339795" y="53918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8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80714</xdr:rowOff>
    </xdr:from>
    <xdr:to>
      <xdr:col>46</xdr:col>
      <xdr:colOff>38100</xdr:colOff>
      <xdr:row>38</xdr:row>
      <xdr:rowOff>10864</xdr:rowOff>
    </xdr:to>
    <xdr:sp macro="" textlink="">
      <xdr:nvSpPr>
        <xdr:cNvPr id="310" name="楕円 309">
          <a:extLst>
            <a:ext uri="{FF2B5EF4-FFF2-40B4-BE49-F238E27FC236}">
              <a16:creationId xmlns:a16="http://schemas.microsoft.com/office/drawing/2014/main" id="{00000000-0008-0000-0600-000036010000}"/>
            </a:ext>
          </a:extLst>
        </xdr:cNvPr>
        <xdr:cNvSpPr/>
      </xdr:nvSpPr>
      <xdr:spPr>
        <a:xfrm>
          <a:off x="8699500" y="6424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1991</xdr:rowOff>
    </xdr:from>
    <xdr:ext cx="534377"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8483111" y="6517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25219</xdr:rowOff>
    </xdr:from>
    <xdr:to>
      <xdr:col>41</xdr:col>
      <xdr:colOff>101600</xdr:colOff>
      <xdr:row>38</xdr:row>
      <xdr:rowOff>126819</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7810500" y="6540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117946</xdr:rowOff>
    </xdr:from>
    <xdr:ext cx="534377" cy="259045"/>
    <xdr:sp macro="" textlink="">
      <xdr:nvSpPr>
        <xdr:cNvPr id="313" name="テキスト ボックス 312">
          <a:extLst>
            <a:ext uri="{FF2B5EF4-FFF2-40B4-BE49-F238E27FC236}">
              <a16:creationId xmlns:a16="http://schemas.microsoft.com/office/drawing/2014/main" id="{00000000-0008-0000-0600-000039010000}"/>
            </a:ext>
          </a:extLst>
        </xdr:cNvPr>
        <xdr:cNvSpPr txBox="1"/>
      </xdr:nvSpPr>
      <xdr:spPr>
        <a:xfrm>
          <a:off x="7594111" y="6633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0044</xdr:rowOff>
    </xdr:from>
    <xdr:to>
      <xdr:col>36</xdr:col>
      <xdr:colOff>165100</xdr:colOff>
      <xdr:row>38</xdr:row>
      <xdr:rowOff>111644</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6921500" y="6525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102771</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6705111" y="6617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0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4" name="テキスト ボックス 323">
          <a:extLst>
            <a:ext uri="{FF2B5EF4-FFF2-40B4-BE49-F238E27FC236}">
              <a16:creationId xmlns:a16="http://schemas.microsoft.com/office/drawing/2014/main" id="{00000000-0008-0000-0600-000044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5" name="直線コネクタ 324">
          <a:extLst>
            <a:ext uri="{FF2B5EF4-FFF2-40B4-BE49-F238E27FC236}">
              <a16:creationId xmlns:a16="http://schemas.microsoft.com/office/drawing/2014/main" id="{00000000-0008-0000-0600-000045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6" name="直線コネクタ 325">
          <a:extLst>
            <a:ext uri="{FF2B5EF4-FFF2-40B4-BE49-F238E27FC236}">
              <a16:creationId xmlns:a16="http://schemas.microsoft.com/office/drawing/2014/main" id="{00000000-0008-0000-0600-000046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7" name="テキスト ボックス 326">
          <a:extLst>
            <a:ext uri="{FF2B5EF4-FFF2-40B4-BE49-F238E27FC236}">
              <a16:creationId xmlns:a16="http://schemas.microsoft.com/office/drawing/2014/main" id="{00000000-0008-0000-0600-000047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8" name="直線コネクタ 327">
          <a:extLst>
            <a:ext uri="{FF2B5EF4-FFF2-40B4-BE49-F238E27FC236}">
              <a16:creationId xmlns:a16="http://schemas.microsoft.com/office/drawing/2014/main" id="{00000000-0008-0000-0600-000048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35577</xdr:rowOff>
    </xdr:from>
    <xdr:ext cx="531299" cy="259045"/>
    <xdr:sp macro="" textlink="">
      <xdr:nvSpPr>
        <xdr:cNvPr id="329" name="テキスト ボックス 328">
          <a:extLst>
            <a:ext uri="{FF2B5EF4-FFF2-40B4-BE49-F238E27FC236}">
              <a16:creationId xmlns:a16="http://schemas.microsoft.com/office/drawing/2014/main" id="{00000000-0008-0000-0600-000049010000}"/>
            </a:ext>
          </a:extLst>
        </xdr:cNvPr>
        <xdr:cNvSpPr txBox="1"/>
      </xdr:nvSpPr>
      <xdr:spPr>
        <a:xfrm>
          <a:off x="6072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0" name="直線コネクタ 329">
          <a:extLst>
            <a:ext uri="{FF2B5EF4-FFF2-40B4-BE49-F238E27FC236}">
              <a16:creationId xmlns:a16="http://schemas.microsoft.com/office/drawing/2014/main" id="{00000000-0008-0000-0600-00004A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1" name="テキスト ボックス 330">
          <a:extLst>
            <a:ext uri="{FF2B5EF4-FFF2-40B4-BE49-F238E27FC236}">
              <a16:creationId xmlns:a16="http://schemas.microsoft.com/office/drawing/2014/main" id="{00000000-0008-0000-0600-00004B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2" name="直線コネクタ 331">
          <a:extLst>
            <a:ext uri="{FF2B5EF4-FFF2-40B4-BE49-F238E27FC236}">
              <a16:creationId xmlns:a16="http://schemas.microsoft.com/office/drawing/2014/main" id="{00000000-0008-0000-0600-00004C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3" name="テキスト ボックス 332">
          <a:extLst>
            <a:ext uri="{FF2B5EF4-FFF2-40B4-BE49-F238E27FC236}">
              <a16:creationId xmlns:a16="http://schemas.microsoft.com/office/drawing/2014/main" id="{00000000-0008-0000-0600-00004D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4" name="直線コネクタ 333">
          <a:extLst>
            <a:ext uri="{FF2B5EF4-FFF2-40B4-BE49-F238E27FC236}">
              <a16:creationId xmlns:a16="http://schemas.microsoft.com/office/drawing/2014/main" id="{00000000-0008-0000-0600-00004E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92727</xdr:rowOff>
    </xdr:from>
    <xdr:ext cx="595419" cy="259045"/>
    <xdr:sp macro="" textlink="">
      <xdr:nvSpPr>
        <xdr:cNvPr id="335" name="テキスト ボックス 334">
          <a:extLst>
            <a:ext uri="{FF2B5EF4-FFF2-40B4-BE49-F238E27FC236}">
              <a16:creationId xmlns:a16="http://schemas.microsoft.com/office/drawing/2014/main" id="{00000000-0008-0000-0600-00004F010000}"/>
            </a:ext>
          </a:extLst>
        </xdr:cNvPr>
        <xdr:cNvSpPr txBox="1"/>
      </xdr:nvSpPr>
      <xdr:spPr>
        <a:xfrm>
          <a:off x="6008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6" name="直線コネクタ 335">
          <a:extLst>
            <a:ext uri="{FF2B5EF4-FFF2-40B4-BE49-F238E27FC236}">
              <a16:creationId xmlns:a16="http://schemas.microsoft.com/office/drawing/2014/main" id="{00000000-0008-0000-0600-000050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7" name="テキスト ボックス 336">
          <a:extLst>
            <a:ext uri="{FF2B5EF4-FFF2-40B4-BE49-F238E27FC236}">
              <a16:creationId xmlns:a16="http://schemas.microsoft.com/office/drawing/2014/main" id="{00000000-0008-0000-0600-000051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8" name="普通建設事業費グラフ枠">
          <a:extLst>
            <a:ext uri="{FF2B5EF4-FFF2-40B4-BE49-F238E27FC236}">
              <a16:creationId xmlns:a16="http://schemas.microsoft.com/office/drawing/2014/main" id="{00000000-0008-0000-0600-000052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39474</xdr:rowOff>
    </xdr:from>
    <xdr:to>
      <xdr:col>54</xdr:col>
      <xdr:colOff>189865</xdr:colOff>
      <xdr:row>58</xdr:row>
      <xdr:rowOff>162468</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flipV="1">
          <a:off x="10475595" y="8783424"/>
          <a:ext cx="1270" cy="1323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66295</xdr:rowOff>
    </xdr:from>
    <xdr:ext cx="469744" cy="259045"/>
    <xdr:sp macro="" textlink="">
      <xdr:nvSpPr>
        <xdr:cNvPr id="340" name="普通建設事業費最小値テキスト">
          <a:extLst>
            <a:ext uri="{FF2B5EF4-FFF2-40B4-BE49-F238E27FC236}">
              <a16:creationId xmlns:a16="http://schemas.microsoft.com/office/drawing/2014/main" id="{00000000-0008-0000-0600-000054010000}"/>
            </a:ext>
          </a:extLst>
        </xdr:cNvPr>
        <xdr:cNvSpPr txBox="1"/>
      </xdr:nvSpPr>
      <xdr:spPr>
        <a:xfrm>
          <a:off x="10528300" y="10110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62468</xdr:rowOff>
    </xdr:from>
    <xdr:to>
      <xdr:col>55</xdr:col>
      <xdr:colOff>88900</xdr:colOff>
      <xdr:row>58</xdr:row>
      <xdr:rowOff>162468</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10388600" y="10106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7601</xdr:rowOff>
    </xdr:from>
    <xdr:ext cx="599010" cy="259045"/>
    <xdr:sp macro="" textlink="">
      <xdr:nvSpPr>
        <xdr:cNvPr id="342" name="普通建設事業費最大値テキスト">
          <a:extLst>
            <a:ext uri="{FF2B5EF4-FFF2-40B4-BE49-F238E27FC236}">
              <a16:creationId xmlns:a16="http://schemas.microsoft.com/office/drawing/2014/main" id="{00000000-0008-0000-0600-000056010000}"/>
            </a:ext>
          </a:extLst>
        </xdr:cNvPr>
        <xdr:cNvSpPr txBox="1"/>
      </xdr:nvSpPr>
      <xdr:spPr>
        <a:xfrm>
          <a:off x="10528300" y="85586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39474</xdr:rowOff>
    </xdr:from>
    <xdr:to>
      <xdr:col>55</xdr:col>
      <xdr:colOff>88900</xdr:colOff>
      <xdr:row>51</xdr:row>
      <xdr:rowOff>39474</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10388600" y="8783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0816</xdr:rowOff>
    </xdr:from>
    <xdr:to>
      <xdr:col>55</xdr:col>
      <xdr:colOff>0</xdr:colOff>
      <xdr:row>58</xdr:row>
      <xdr:rowOff>65504</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a:off x="9639300" y="9954916"/>
          <a:ext cx="838200" cy="54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24490</xdr:rowOff>
    </xdr:from>
    <xdr:ext cx="534377" cy="259045"/>
    <xdr:sp macro="" textlink="">
      <xdr:nvSpPr>
        <xdr:cNvPr id="345" name="普通建設事業費平均値テキスト">
          <a:extLst>
            <a:ext uri="{FF2B5EF4-FFF2-40B4-BE49-F238E27FC236}">
              <a16:creationId xmlns:a16="http://schemas.microsoft.com/office/drawing/2014/main" id="{00000000-0008-0000-0600-000059010000}"/>
            </a:ext>
          </a:extLst>
        </xdr:cNvPr>
        <xdr:cNvSpPr txBox="1"/>
      </xdr:nvSpPr>
      <xdr:spPr>
        <a:xfrm>
          <a:off x="10528300" y="96256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613</xdr:rowOff>
    </xdr:from>
    <xdr:to>
      <xdr:col>55</xdr:col>
      <xdr:colOff>50800</xdr:colOff>
      <xdr:row>57</xdr:row>
      <xdr:rowOff>103213</xdr:rowOff>
    </xdr:to>
    <xdr:sp macro="" textlink="">
      <xdr:nvSpPr>
        <xdr:cNvPr id="346" name="フローチャート: 判断 345">
          <a:extLst>
            <a:ext uri="{FF2B5EF4-FFF2-40B4-BE49-F238E27FC236}">
              <a16:creationId xmlns:a16="http://schemas.microsoft.com/office/drawing/2014/main" id="{00000000-0008-0000-0600-00005A010000}"/>
            </a:ext>
          </a:extLst>
        </xdr:cNvPr>
        <xdr:cNvSpPr/>
      </xdr:nvSpPr>
      <xdr:spPr>
        <a:xfrm>
          <a:off x="10426700" y="9774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76530</xdr:rowOff>
    </xdr:from>
    <xdr:to>
      <xdr:col>50</xdr:col>
      <xdr:colOff>114300</xdr:colOff>
      <xdr:row>58</xdr:row>
      <xdr:rowOff>10816</xdr:rowOff>
    </xdr:to>
    <xdr:cxnSp macro="">
      <xdr:nvCxnSpPr>
        <xdr:cNvPr id="347" name="直線コネクタ 346">
          <a:extLst>
            <a:ext uri="{FF2B5EF4-FFF2-40B4-BE49-F238E27FC236}">
              <a16:creationId xmlns:a16="http://schemas.microsoft.com/office/drawing/2014/main" id="{00000000-0008-0000-0600-00005B010000}"/>
            </a:ext>
          </a:extLst>
        </xdr:cNvPr>
        <xdr:cNvCxnSpPr/>
      </xdr:nvCxnSpPr>
      <xdr:spPr>
        <a:xfrm>
          <a:off x="8750300" y="9849180"/>
          <a:ext cx="889000" cy="1057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43</xdr:rowOff>
    </xdr:from>
    <xdr:to>
      <xdr:col>50</xdr:col>
      <xdr:colOff>165100</xdr:colOff>
      <xdr:row>57</xdr:row>
      <xdr:rowOff>101643</xdr:rowOff>
    </xdr:to>
    <xdr:sp macro="" textlink="">
      <xdr:nvSpPr>
        <xdr:cNvPr id="348" name="フローチャート: 判断 347">
          <a:extLst>
            <a:ext uri="{FF2B5EF4-FFF2-40B4-BE49-F238E27FC236}">
              <a16:creationId xmlns:a16="http://schemas.microsoft.com/office/drawing/2014/main" id="{00000000-0008-0000-0600-00005C010000}"/>
            </a:ext>
          </a:extLst>
        </xdr:cNvPr>
        <xdr:cNvSpPr/>
      </xdr:nvSpPr>
      <xdr:spPr>
        <a:xfrm>
          <a:off x="9588500" y="9772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118170</xdr:rowOff>
    </xdr:from>
    <xdr:ext cx="534377" cy="259045"/>
    <xdr:sp macro="" textlink="">
      <xdr:nvSpPr>
        <xdr:cNvPr id="349" name="テキスト ボックス 348">
          <a:extLst>
            <a:ext uri="{FF2B5EF4-FFF2-40B4-BE49-F238E27FC236}">
              <a16:creationId xmlns:a16="http://schemas.microsoft.com/office/drawing/2014/main" id="{00000000-0008-0000-0600-00005D010000}"/>
            </a:ext>
          </a:extLst>
        </xdr:cNvPr>
        <xdr:cNvSpPr txBox="1"/>
      </xdr:nvSpPr>
      <xdr:spPr>
        <a:xfrm>
          <a:off x="9372111" y="9547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76530</xdr:rowOff>
    </xdr:from>
    <xdr:to>
      <xdr:col>45</xdr:col>
      <xdr:colOff>177800</xdr:colOff>
      <xdr:row>58</xdr:row>
      <xdr:rowOff>44472</xdr:rowOff>
    </xdr:to>
    <xdr:cxnSp macro="">
      <xdr:nvCxnSpPr>
        <xdr:cNvPr id="350" name="直線コネクタ 349">
          <a:extLst>
            <a:ext uri="{FF2B5EF4-FFF2-40B4-BE49-F238E27FC236}">
              <a16:creationId xmlns:a16="http://schemas.microsoft.com/office/drawing/2014/main" id="{00000000-0008-0000-0600-00005E010000}"/>
            </a:ext>
          </a:extLst>
        </xdr:cNvPr>
        <xdr:cNvCxnSpPr/>
      </xdr:nvCxnSpPr>
      <xdr:spPr>
        <a:xfrm flipV="1">
          <a:off x="7861300" y="9849180"/>
          <a:ext cx="889000" cy="139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140</xdr:rowOff>
    </xdr:from>
    <xdr:to>
      <xdr:col>46</xdr:col>
      <xdr:colOff>38100</xdr:colOff>
      <xdr:row>57</xdr:row>
      <xdr:rowOff>111740</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8699500" y="978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28267</xdr:rowOff>
    </xdr:from>
    <xdr:ext cx="534377" cy="259045"/>
    <xdr:sp macro="" textlink="">
      <xdr:nvSpPr>
        <xdr:cNvPr id="352" name="テキスト ボックス 351">
          <a:extLst>
            <a:ext uri="{FF2B5EF4-FFF2-40B4-BE49-F238E27FC236}">
              <a16:creationId xmlns:a16="http://schemas.microsoft.com/office/drawing/2014/main" id="{00000000-0008-0000-0600-000060010000}"/>
            </a:ext>
          </a:extLst>
        </xdr:cNvPr>
        <xdr:cNvSpPr txBox="1"/>
      </xdr:nvSpPr>
      <xdr:spPr>
        <a:xfrm>
          <a:off x="8483111" y="9558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33</xdr:rowOff>
    </xdr:from>
    <xdr:to>
      <xdr:col>41</xdr:col>
      <xdr:colOff>50800</xdr:colOff>
      <xdr:row>58</xdr:row>
      <xdr:rowOff>44472</xdr:rowOff>
    </xdr:to>
    <xdr:cxnSp macro="">
      <xdr:nvCxnSpPr>
        <xdr:cNvPr id="353" name="直線コネクタ 352">
          <a:extLst>
            <a:ext uri="{FF2B5EF4-FFF2-40B4-BE49-F238E27FC236}">
              <a16:creationId xmlns:a16="http://schemas.microsoft.com/office/drawing/2014/main" id="{00000000-0008-0000-0600-000061010000}"/>
            </a:ext>
          </a:extLst>
        </xdr:cNvPr>
        <xdr:cNvCxnSpPr/>
      </xdr:nvCxnSpPr>
      <xdr:spPr>
        <a:xfrm>
          <a:off x="6972300" y="9944133"/>
          <a:ext cx="889000" cy="44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168</xdr:rowOff>
    </xdr:from>
    <xdr:to>
      <xdr:col>41</xdr:col>
      <xdr:colOff>101600</xdr:colOff>
      <xdr:row>57</xdr:row>
      <xdr:rowOff>108768</xdr:rowOff>
    </xdr:to>
    <xdr:sp macro="" textlink="">
      <xdr:nvSpPr>
        <xdr:cNvPr id="354" name="フローチャート: 判断 353">
          <a:extLst>
            <a:ext uri="{FF2B5EF4-FFF2-40B4-BE49-F238E27FC236}">
              <a16:creationId xmlns:a16="http://schemas.microsoft.com/office/drawing/2014/main" id="{00000000-0008-0000-0600-000062010000}"/>
            </a:ext>
          </a:extLst>
        </xdr:cNvPr>
        <xdr:cNvSpPr/>
      </xdr:nvSpPr>
      <xdr:spPr>
        <a:xfrm>
          <a:off x="7810500" y="9779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25295</xdr:rowOff>
    </xdr:from>
    <xdr:ext cx="534377" cy="259045"/>
    <xdr:sp macro="" textlink="">
      <xdr:nvSpPr>
        <xdr:cNvPr id="355" name="テキスト ボックス 354">
          <a:extLst>
            <a:ext uri="{FF2B5EF4-FFF2-40B4-BE49-F238E27FC236}">
              <a16:creationId xmlns:a16="http://schemas.microsoft.com/office/drawing/2014/main" id="{00000000-0008-0000-0600-000063010000}"/>
            </a:ext>
          </a:extLst>
        </xdr:cNvPr>
        <xdr:cNvSpPr txBox="1"/>
      </xdr:nvSpPr>
      <xdr:spPr>
        <a:xfrm>
          <a:off x="7594111" y="9555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550</xdr:rowOff>
    </xdr:from>
    <xdr:to>
      <xdr:col>36</xdr:col>
      <xdr:colOff>165100</xdr:colOff>
      <xdr:row>57</xdr:row>
      <xdr:rowOff>113150</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6921500" y="978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129677</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6705111" y="95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704</xdr:rowOff>
    </xdr:from>
    <xdr:to>
      <xdr:col>55</xdr:col>
      <xdr:colOff>50800</xdr:colOff>
      <xdr:row>58</xdr:row>
      <xdr:rowOff>116304</xdr:rowOff>
    </xdr:to>
    <xdr:sp macro="" textlink="">
      <xdr:nvSpPr>
        <xdr:cNvPr id="363" name="楕円 362">
          <a:extLst>
            <a:ext uri="{FF2B5EF4-FFF2-40B4-BE49-F238E27FC236}">
              <a16:creationId xmlns:a16="http://schemas.microsoft.com/office/drawing/2014/main" id="{00000000-0008-0000-0600-00006B010000}"/>
            </a:ext>
          </a:extLst>
        </xdr:cNvPr>
        <xdr:cNvSpPr/>
      </xdr:nvSpPr>
      <xdr:spPr>
        <a:xfrm>
          <a:off x="10426700" y="9958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01081</xdr:rowOff>
    </xdr:from>
    <xdr:ext cx="534377" cy="259045"/>
    <xdr:sp macro="" textlink="">
      <xdr:nvSpPr>
        <xdr:cNvPr id="364" name="普通建設事業費該当値テキスト">
          <a:extLst>
            <a:ext uri="{FF2B5EF4-FFF2-40B4-BE49-F238E27FC236}">
              <a16:creationId xmlns:a16="http://schemas.microsoft.com/office/drawing/2014/main" id="{00000000-0008-0000-0600-00006C010000}"/>
            </a:ext>
          </a:extLst>
        </xdr:cNvPr>
        <xdr:cNvSpPr txBox="1"/>
      </xdr:nvSpPr>
      <xdr:spPr>
        <a:xfrm>
          <a:off x="10528300" y="98737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31466</xdr:rowOff>
    </xdr:from>
    <xdr:to>
      <xdr:col>50</xdr:col>
      <xdr:colOff>165100</xdr:colOff>
      <xdr:row>58</xdr:row>
      <xdr:rowOff>61616</xdr:rowOff>
    </xdr:to>
    <xdr:sp macro="" textlink="">
      <xdr:nvSpPr>
        <xdr:cNvPr id="365" name="楕円 364">
          <a:extLst>
            <a:ext uri="{FF2B5EF4-FFF2-40B4-BE49-F238E27FC236}">
              <a16:creationId xmlns:a16="http://schemas.microsoft.com/office/drawing/2014/main" id="{00000000-0008-0000-0600-00006D010000}"/>
            </a:ext>
          </a:extLst>
        </xdr:cNvPr>
        <xdr:cNvSpPr/>
      </xdr:nvSpPr>
      <xdr:spPr>
        <a:xfrm>
          <a:off x="9588500" y="9904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52743</xdr:rowOff>
    </xdr:from>
    <xdr:ext cx="534377"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9372111" y="9996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25730</xdr:rowOff>
    </xdr:from>
    <xdr:to>
      <xdr:col>46</xdr:col>
      <xdr:colOff>38100</xdr:colOff>
      <xdr:row>57</xdr:row>
      <xdr:rowOff>127330</xdr:rowOff>
    </xdr:to>
    <xdr:sp macro="" textlink="">
      <xdr:nvSpPr>
        <xdr:cNvPr id="367" name="楕円 366">
          <a:extLst>
            <a:ext uri="{FF2B5EF4-FFF2-40B4-BE49-F238E27FC236}">
              <a16:creationId xmlns:a16="http://schemas.microsoft.com/office/drawing/2014/main" id="{00000000-0008-0000-0600-00006F010000}"/>
            </a:ext>
          </a:extLst>
        </xdr:cNvPr>
        <xdr:cNvSpPr/>
      </xdr:nvSpPr>
      <xdr:spPr>
        <a:xfrm>
          <a:off x="8699500" y="979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18457</xdr:rowOff>
    </xdr:from>
    <xdr:ext cx="534377" cy="259045"/>
    <xdr:sp macro="" textlink="">
      <xdr:nvSpPr>
        <xdr:cNvPr id="368" name="テキスト ボックス 367">
          <a:extLst>
            <a:ext uri="{FF2B5EF4-FFF2-40B4-BE49-F238E27FC236}">
              <a16:creationId xmlns:a16="http://schemas.microsoft.com/office/drawing/2014/main" id="{00000000-0008-0000-0600-000070010000}"/>
            </a:ext>
          </a:extLst>
        </xdr:cNvPr>
        <xdr:cNvSpPr txBox="1"/>
      </xdr:nvSpPr>
      <xdr:spPr>
        <a:xfrm>
          <a:off x="8483111" y="9891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65122</xdr:rowOff>
    </xdr:from>
    <xdr:to>
      <xdr:col>41</xdr:col>
      <xdr:colOff>101600</xdr:colOff>
      <xdr:row>58</xdr:row>
      <xdr:rowOff>95272</xdr:rowOff>
    </xdr:to>
    <xdr:sp macro="" textlink="">
      <xdr:nvSpPr>
        <xdr:cNvPr id="369" name="楕円 368">
          <a:extLst>
            <a:ext uri="{FF2B5EF4-FFF2-40B4-BE49-F238E27FC236}">
              <a16:creationId xmlns:a16="http://schemas.microsoft.com/office/drawing/2014/main" id="{00000000-0008-0000-0600-000071010000}"/>
            </a:ext>
          </a:extLst>
        </xdr:cNvPr>
        <xdr:cNvSpPr/>
      </xdr:nvSpPr>
      <xdr:spPr>
        <a:xfrm>
          <a:off x="7810500" y="993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86399</xdr:rowOff>
    </xdr:from>
    <xdr:ext cx="534377" cy="259045"/>
    <xdr:sp macro="" textlink="">
      <xdr:nvSpPr>
        <xdr:cNvPr id="370" name="テキスト ボックス 369">
          <a:extLst>
            <a:ext uri="{FF2B5EF4-FFF2-40B4-BE49-F238E27FC236}">
              <a16:creationId xmlns:a16="http://schemas.microsoft.com/office/drawing/2014/main" id="{00000000-0008-0000-0600-000072010000}"/>
            </a:ext>
          </a:extLst>
        </xdr:cNvPr>
        <xdr:cNvSpPr txBox="1"/>
      </xdr:nvSpPr>
      <xdr:spPr>
        <a:xfrm>
          <a:off x="7594111" y="10030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20683</xdr:rowOff>
    </xdr:from>
    <xdr:to>
      <xdr:col>36</xdr:col>
      <xdr:colOff>165100</xdr:colOff>
      <xdr:row>58</xdr:row>
      <xdr:rowOff>50833</xdr:rowOff>
    </xdr:to>
    <xdr:sp macro="" textlink="">
      <xdr:nvSpPr>
        <xdr:cNvPr id="371" name="楕円 370">
          <a:extLst>
            <a:ext uri="{FF2B5EF4-FFF2-40B4-BE49-F238E27FC236}">
              <a16:creationId xmlns:a16="http://schemas.microsoft.com/office/drawing/2014/main" id="{00000000-0008-0000-0600-000073010000}"/>
            </a:ext>
          </a:extLst>
        </xdr:cNvPr>
        <xdr:cNvSpPr/>
      </xdr:nvSpPr>
      <xdr:spPr>
        <a:xfrm>
          <a:off x="6921500" y="9893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41960</xdr:rowOff>
    </xdr:from>
    <xdr:ext cx="534377" cy="259045"/>
    <xdr:sp macro="" textlink="">
      <xdr:nvSpPr>
        <xdr:cNvPr id="372" name="テキスト ボックス 371">
          <a:extLst>
            <a:ext uri="{FF2B5EF4-FFF2-40B4-BE49-F238E27FC236}">
              <a16:creationId xmlns:a16="http://schemas.microsoft.com/office/drawing/2014/main" id="{00000000-0008-0000-0600-000074010000}"/>
            </a:ext>
          </a:extLst>
        </xdr:cNvPr>
        <xdr:cNvSpPr txBox="1"/>
      </xdr:nvSpPr>
      <xdr:spPr>
        <a:xfrm>
          <a:off x="6705111" y="99860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3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9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1" name="テキスト ボックス 380">
          <a:extLst>
            <a:ext uri="{FF2B5EF4-FFF2-40B4-BE49-F238E27FC236}">
              <a16:creationId xmlns:a16="http://schemas.microsoft.com/office/drawing/2014/main" id="{00000000-0008-0000-0600-00007D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2" name="直線コネクタ 381">
          <a:extLst>
            <a:ext uri="{FF2B5EF4-FFF2-40B4-BE49-F238E27FC236}">
              <a16:creationId xmlns:a16="http://schemas.microsoft.com/office/drawing/2014/main" id="{00000000-0008-0000-0600-00007E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3" name="直線コネクタ 382">
          <a:extLst>
            <a:ext uri="{FF2B5EF4-FFF2-40B4-BE49-F238E27FC236}">
              <a16:creationId xmlns:a16="http://schemas.microsoft.com/office/drawing/2014/main" id="{00000000-0008-0000-0600-00007F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4" name="テキスト ボックス 383">
          <a:extLst>
            <a:ext uri="{FF2B5EF4-FFF2-40B4-BE49-F238E27FC236}">
              <a16:creationId xmlns:a16="http://schemas.microsoft.com/office/drawing/2014/main" id="{00000000-0008-0000-0600-000080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5" name="直線コネクタ 384">
          <a:extLst>
            <a:ext uri="{FF2B5EF4-FFF2-40B4-BE49-F238E27FC236}">
              <a16:creationId xmlns:a16="http://schemas.microsoft.com/office/drawing/2014/main" id="{00000000-0008-0000-0600-000081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88" name="テキスト ボックス 387">
          <a:extLst>
            <a:ext uri="{FF2B5EF4-FFF2-40B4-BE49-F238E27FC236}">
              <a16:creationId xmlns:a16="http://schemas.microsoft.com/office/drawing/2014/main" id="{00000000-0008-0000-0600-000084010000}"/>
            </a:ext>
          </a:extLst>
        </xdr:cNvPr>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9" name="直線コネクタ 388">
          <a:extLst>
            <a:ext uri="{FF2B5EF4-FFF2-40B4-BE49-F238E27FC236}">
              <a16:creationId xmlns:a16="http://schemas.microsoft.com/office/drawing/2014/main" id="{00000000-0008-0000-0600-000085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0" name="テキスト ボックス 389">
          <a:extLst>
            <a:ext uri="{FF2B5EF4-FFF2-40B4-BE49-F238E27FC236}">
              <a16:creationId xmlns:a16="http://schemas.microsoft.com/office/drawing/2014/main" id="{00000000-0008-0000-0600-000086010000}"/>
            </a:ext>
          </a:extLst>
        </xdr:cNvPr>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1" name="直線コネクタ 390">
          <a:extLst>
            <a:ext uri="{FF2B5EF4-FFF2-40B4-BE49-F238E27FC236}">
              <a16:creationId xmlns:a16="http://schemas.microsoft.com/office/drawing/2014/main" id="{00000000-0008-0000-0600-000087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2" name="テキスト ボックス 391">
          <a:extLst>
            <a:ext uri="{FF2B5EF4-FFF2-40B4-BE49-F238E27FC236}">
              <a16:creationId xmlns:a16="http://schemas.microsoft.com/office/drawing/2014/main" id="{00000000-0008-0000-0600-000088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00000000-0008-0000-06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4" name="テキスト ボックス 393">
          <a:extLst>
            <a:ext uri="{FF2B5EF4-FFF2-40B4-BE49-F238E27FC236}">
              <a16:creationId xmlns:a16="http://schemas.microsoft.com/office/drawing/2014/main" id="{00000000-0008-0000-0600-00008A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普通建設事業費 （ うち新規整備　）グラフ枠">
          <a:extLst>
            <a:ext uri="{FF2B5EF4-FFF2-40B4-BE49-F238E27FC236}">
              <a16:creationId xmlns:a16="http://schemas.microsoft.com/office/drawing/2014/main" id="{00000000-0008-0000-06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35420</xdr:rowOff>
    </xdr:from>
    <xdr:to>
      <xdr:col>54</xdr:col>
      <xdr:colOff>189865</xdr:colOff>
      <xdr:row>79</xdr:row>
      <xdr:rowOff>4172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flipV="1">
          <a:off x="10475595" y="12136920"/>
          <a:ext cx="1270" cy="14493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5547</xdr:rowOff>
    </xdr:from>
    <xdr:ext cx="378565" cy="259045"/>
    <xdr:sp macro="" textlink="">
      <xdr:nvSpPr>
        <xdr:cNvPr id="397" name="普通建設事業費 （ うち新規整備　）最小値テキスト">
          <a:extLst>
            <a:ext uri="{FF2B5EF4-FFF2-40B4-BE49-F238E27FC236}">
              <a16:creationId xmlns:a16="http://schemas.microsoft.com/office/drawing/2014/main" id="{00000000-0008-0000-0600-00008D010000}"/>
            </a:ext>
          </a:extLst>
        </xdr:cNvPr>
        <xdr:cNvSpPr txBox="1"/>
      </xdr:nvSpPr>
      <xdr:spPr>
        <a:xfrm>
          <a:off x="10528300" y="135900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1720</xdr:rowOff>
    </xdr:from>
    <xdr:to>
      <xdr:col>55</xdr:col>
      <xdr:colOff>88900</xdr:colOff>
      <xdr:row>79</xdr:row>
      <xdr:rowOff>41720</xdr:rowOff>
    </xdr:to>
    <xdr:cxnSp macro="">
      <xdr:nvCxnSpPr>
        <xdr:cNvPr id="398" name="直線コネクタ 397">
          <a:extLst>
            <a:ext uri="{FF2B5EF4-FFF2-40B4-BE49-F238E27FC236}">
              <a16:creationId xmlns:a16="http://schemas.microsoft.com/office/drawing/2014/main" id="{00000000-0008-0000-0600-00008E010000}"/>
            </a:ext>
          </a:extLst>
        </xdr:cNvPr>
        <xdr:cNvCxnSpPr/>
      </xdr:nvCxnSpPr>
      <xdr:spPr>
        <a:xfrm>
          <a:off x="10388600" y="135862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82097</xdr:rowOff>
    </xdr:from>
    <xdr:ext cx="599010" cy="259045"/>
    <xdr:sp macro="" textlink="">
      <xdr:nvSpPr>
        <xdr:cNvPr id="399" name="普通建設事業費 （ うち新規整備　）最大値テキスト">
          <a:extLst>
            <a:ext uri="{FF2B5EF4-FFF2-40B4-BE49-F238E27FC236}">
              <a16:creationId xmlns:a16="http://schemas.microsoft.com/office/drawing/2014/main" id="{00000000-0008-0000-0600-00008F010000}"/>
            </a:ext>
          </a:extLst>
        </xdr:cNvPr>
        <xdr:cNvSpPr txBox="1"/>
      </xdr:nvSpPr>
      <xdr:spPr>
        <a:xfrm>
          <a:off x="10528300" y="119121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3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35420</xdr:rowOff>
    </xdr:from>
    <xdr:to>
      <xdr:col>55</xdr:col>
      <xdr:colOff>88900</xdr:colOff>
      <xdr:row>70</xdr:row>
      <xdr:rowOff>135420</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10388600" y="12136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7690</xdr:rowOff>
    </xdr:from>
    <xdr:to>
      <xdr:col>55</xdr:col>
      <xdr:colOff>0</xdr:colOff>
      <xdr:row>78</xdr:row>
      <xdr:rowOff>122428</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9639300" y="13440790"/>
          <a:ext cx="838200" cy="547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1554</xdr:rowOff>
    </xdr:from>
    <xdr:ext cx="534377" cy="259045"/>
    <xdr:sp macro="" textlink="">
      <xdr:nvSpPr>
        <xdr:cNvPr id="402" name="普通建設事業費 （ うち新規整備　）平均値テキスト">
          <a:extLst>
            <a:ext uri="{FF2B5EF4-FFF2-40B4-BE49-F238E27FC236}">
              <a16:creationId xmlns:a16="http://schemas.microsoft.com/office/drawing/2014/main" id="{00000000-0008-0000-0600-000092010000}"/>
            </a:ext>
          </a:extLst>
        </xdr:cNvPr>
        <xdr:cNvSpPr txBox="1"/>
      </xdr:nvSpPr>
      <xdr:spPr>
        <a:xfrm>
          <a:off x="10528300" y="132532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8677</xdr:rowOff>
    </xdr:from>
    <xdr:to>
      <xdr:col>55</xdr:col>
      <xdr:colOff>50800</xdr:colOff>
      <xdr:row>78</xdr:row>
      <xdr:rowOff>130277</xdr:rowOff>
    </xdr:to>
    <xdr:sp macro="" textlink="">
      <xdr:nvSpPr>
        <xdr:cNvPr id="403" name="フローチャート: 判断 402">
          <a:extLst>
            <a:ext uri="{FF2B5EF4-FFF2-40B4-BE49-F238E27FC236}">
              <a16:creationId xmlns:a16="http://schemas.microsoft.com/office/drawing/2014/main" id="{00000000-0008-0000-0600-000093010000}"/>
            </a:ext>
          </a:extLst>
        </xdr:cNvPr>
        <xdr:cNvSpPr/>
      </xdr:nvSpPr>
      <xdr:spPr>
        <a:xfrm>
          <a:off x="10426700" y="13401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98920</xdr:rowOff>
    </xdr:from>
    <xdr:to>
      <xdr:col>50</xdr:col>
      <xdr:colOff>114300</xdr:colOff>
      <xdr:row>78</xdr:row>
      <xdr:rowOff>67690</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a:off x="8750300" y="13300570"/>
          <a:ext cx="889000" cy="1402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223</xdr:rowOff>
    </xdr:from>
    <xdr:to>
      <xdr:col>50</xdr:col>
      <xdr:colOff>165100</xdr:colOff>
      <xdr:row>78</xdr:row>
      <xdr:rowOff>90373</xdr:rowOff>
    </xdr:to>
    <xdr:sp macro="" textlink="">
      <xdr:nvSpPr>
        <xdr:cNvPr id="405" name="フローチャート: 判断 404">
          <a:extLst>
            <a:ext uri="{FF2B5EF4-FFF2-40B4-BE49-F238E27FC236}">
              <a16:creationId xmlns:a16="http://schemas.microsoft.com/office/drawing/2014/main" id="{00000000-0008-0000-0600-000095010000}"/>
            </a:ext>
          </a:extLst>
        </xdr:cNvPr>
        <xdr:cNvSpPr/>
      </xdr:nvSpPr>
      <xdr:spPr>
        <a:xfrm>
          <a:off x="9588500" y="133618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06900</xdr:rowOff>
    </xdr:from>
    <xdr:ext cx="534377" cy="259045"/>
    <xdr:sp macro="" textlink="">
      <xdr:nvSpPr>
        <xdr:cNvPr id="406" name="テキスト ボックス 405">
          <a:extLst>
            <a:ext uri="{FF2B5EF4-FFF2-40B4-BE49-F238E27FC236}">
              <a16:creationId xmlns:a16="http://schemas.microsoft.com/office/drawing/2014/main" id="{00000000-0008-0000-0600-000096010000}"/>
            </a:ext>
          </a:extLst>
        </xdr:cNvPr>
        <xdr:cNvSpPr txBox="1"/>
      </xdr:nvSpPr>
      <xdr:spPr>
        <a:xfrm>
          <a:off x="9372111" y="13137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8920</xdr:rowOff>
    </xdr:from>
    <xdr:to>
      <xdr:col>45</xdr:col>
      <xdr:colOff>177800</xdr:colOff>
      <xdr:row>78</xdr:row>
      <xdr:rowOff>149974</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flipV="1">
          <a:off x="7861300" y="13300570"/>
          <a:ext cx="889000" cy="2225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3881</xdr:rowOff>
    </xdr:from>
    <xdr:to>
      <xdr:col>46</xdr:col>
      <xdr:colOff>38100</xdr:colOff>
      <xdr:row>78</xdr:row>
      <xdr:rowOff>115481</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8699500" y="133869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8</xdr:row>
      <xdr:rowOff>106608</xdr:rowOff>
    </xdr:from>
    <xdr:ext cx="534377" cy="259045"/>
    <xdr:sp macro="" textlink="">
      <xdr:nvSpPr>
        <xdr:cNvPr id="409" name="テキスト ボックス 408">
          <a:extLst>
            <a:ext uri="{FF2B5EF4-FFF2-40B4-BE49-F238E27FC236}">
              <a16:creationId xmlns:a16="http://schemas.microsoft.com/office/drawing/2014/main" id="{00000000-0008-0000-0600-000099010000}"/>
            </a:ext>
          </a:extLst>
        </xdr:cNvPr>
        <xdr:cNvSpPr txBox="1"/>
      </xdr:nvSpPr>
      <xdr:spPr>
        <a:xfrm>
          <a:off x="8483111" y="13479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34632</xdr:rowOff>
    </xdr:from>
    <xdr:to>
      <xdr:col>41</xdr:col>
      <xdr:colOff>50800</xdr:colOff>
      <xdr:row>78</xdr:row>
      <xdr:rowOff>149974</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6972300" y="13507732"/>
          <a:ext cx="889000" cy="153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27191</xdr:rowOff>
    </xdr:from>
    <xdr:to>
      <xdr:col>41</xdr:col>
      <xdr:colOff>101600</xdr:colOff>
      <xdr:row>78</xdr:row>
      <xdr:rowOff>128791</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7810500" y="134002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6</xdr:row>
      <xdr:rowOff>145318</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7594111" y="131755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32004</xdr:rowOff>
    </xdr:from>
    <xdr:to>
      <xdr:col>36</xdr:col>
      <xdr:colOff>165100</xdr:colOff>
      <xdr:row>78</xdr:row>
      <xdr:rowOff>133604</xdr:rowOff>
    </xdr:to>
    <xdr:sp macro="" textlink="">
      <xdr:nvSpPr>
        <xdr:cNvPr id="413" name="フローチャート: 判断 412">
          <a:extLst>
            <a:ext uri="{FF2B5EF4-FFF2-40B4-BE49-F238E27FC236}">
              <a16:creationId xmlns:a16="http://schemas.microsoft.com/office/drawing/2014/main" id="{00000000-0008-0000-0600-00009D010000}"/>
            </a:ext>
          </a:extLst>
        </xdr:cNvPr>
        <xdr:cNvSpPr/>
      </xdr:nvSpPr>
      <xdr:spPr>
        <a:xfrm>
          <a:off x="6921500" y="13405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50131</xdr:rowOff>
    </xdr:from>
    <xdr:ext cx="534377"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6705111" y="131803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1628</xdr:rowOff>
    </xdr:from>
    <xdr:to>
      <xdr:col>55</xdr:col>
      <xdr:colOff>50800</xdr:colOff>
      <xdr:row>79</xdr:row>
      <xdr:rowOff>1778</xdr:rowOff>
    </xdr:to>
    <xdr:sp macro="" textlink="">
      <xdr:nvSpPr>
        <xdr:cNvPr id="420" name="楕円 419">
          <a:extLst>
            <a:ext uri="{FF2B5EF4-FFF2-40B4-BE49-F238E27FC236}">
              <a16:creationId xmlns:a16="http://schemas.microsoft.com/office/drawing/2014/main" id="{00000000-0008-0000-0600-0000A4010000}"/>
            </a:ext>
          </a:extLst>
        </xdr:cNvPr>
        <xdr:cNvSpPr/>
      </xdr:nvSpPr>
      <xdr:spPr>
        <a:xfrm>
          <a:off x="104267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7104</xdr:rowOff>
    </xdr:from>
    <xdr:ext cx="469744" cy="259045"/>
    <xdr:sp macro="" textlink="">
      <xdr:nvSpPr>
        <xdr:cNvPr id="421" name="普通建設事業費 （ うち新規整備　）該当値テキスト">
          <a:extLst>
            <a:ext uri="{FF2B5EF4-FFF2-40B4-BE49-F238E27FC236}">
              <a16:creationId xmlns:a16="http://schemas.microsoft.com/office/drawing/2014/main" id="{00000000-0008-0000-0600-0000A5010000}"/>
            </a:ext>
          </a:extLst>
        </xdr:cNvPr>
        <xdr:cNvSpPr txBox="1"/>
      </xdr:nvSpPr>
      <xdr:spPr>
        <a:xfrm>
          <a:off x="10528300" y="133802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890</xdr:rowOff>
    </xdr:from>
    <xdr:to>
      <xdr:col>50</xdr:col>
      <xdr:colOff>165100</xdr:colOff>
      <xdr:row>78</xdr:row>
      <xdr:rowOff>118490</xdr:rowOff>
    </xdr:to>
    <xdr:sp macro="" textlink="">
      <xdr:nvSpPr>
        <xdr:cNvPr id="422" name="楕円 421">
          <a:extLst>
            <a:ext uri="{FF2B5EF4-FFF2-40B4-BE49-F238E27FC236}">
              <a16:creationId xmlns:a16="http://schemas.microsoft.com/office/drawing/2014/main" id="{00000000-0008-0000-0600-0000A6010000}"/>
            </a:ext>
          </a:extLst>
        </xdr:cNvPr>
        <xdr:cNvSpPr/>
      </xdr:nvSpPr>
      <xdr:spPr>
        <a:xfrm>
          <a:off x="9588500" y="1338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109617</xdr:rowOff>
    </xdr:from>
    <xdr:ext cx="534377" cy="259045"/>
    <xdr:sp macro="" textlink="">
      <xdr:nvSpPr>
        <xdr:cNvPr id="423" name="テキスト ボックス 422">
          <a:extLst>
            <a:ext uri="{FF2B5EF4-FFF2-40B4-BE49-F238E27FC236}">
              <a16:creationId xmlns:a16="http://schemas.microsoft.com/office/drawing/2014/main" id="{00000000-0008-0000-0600-0000A7010000}"/>
            </a:ext>
          </a:extLst>
        </xdr:cNvPr>
        <xdr:cNvSpPr txBox="1"/>
      </xdr:nvSpPr>
      <xdr:spPr>
        <a:xfrm>
          <a:off x="9372111" y="13482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8120</xdr:rowOff>
    </xdr:from>
    <xdr:to>
      <xdr:col>46</xdr:col>
      <xdr:colOff>38100</xdr:colOff>
      <xdr:row>77</xdr:row>
      <xdr:rowOff>149720</xdr:rowOff>
    </xdr:to>
    <xdr:sp macro="" textlink="">
      <xdr:nvSpPr>
        <xdr:cNvPr id="424" name="楕円 423">
          <a:extLst>
            <a:ext uri="{FF2B5EF4-FFF2-40B4-BE49-F238E27FC236}">
              <a16:creationId xmlns:a16="http://schemas.microsoft.com/office/drawing/2014/main" id="{00000000-0008-0000-0600-0000A8010000}"/>
            </a:ext>
          </a:extLst>
        </xdr:cNvPr>
        <xdr:cNvSpPr/>
      </xdr:nvSpPr>
      <xdr:spPr>
        <a:xfrm>
          <a:off x="8699500" y="13249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66247</xdr:rowOff>
    </xdr:from>
    <xdr:ext cx="534377" cy="259045"/>
    <xdr:sp macro="" textlink="">
      <xdr:nvSpPr>
        <xdr:cNvPr id="425" name="テキスト ボックス 424">
          <a:extLst>
            <a:ext uri="{FF2B5EF4-FFF2-40B4-BE49-F238E27FC236}">
              <a16:creationId xmlns:a16="http://schemas.microsoft.com/office/drawing/2014/main" id="{00000000-0008-0000-0600-0000A9010000}"/>
            </a:ext>
          </a:extLst>
        </xdr:cNvPr>
        <xdr:cNvSpPr txBox="1"/>
      </xdr:nvSpPr>
      <xdr:spPr>
        <a:xfrm>
          <a:off x="8483111" y="13024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99174</xdr:rowOff>
    </xdr:from>
    <xdr:to>
      <xdr:col>41</xdr:col>
      <xdr:colOff>101600</xdr:colOff>
      <xdr:row>79</xdr:row>
      <xdr:rowOff>29324</xdr:rowOff>
    </xdr:to>
    <xdr:sp macro="" textlink="">
      <xdr:nvSpPr>
        <xdr:cNvPr id="426" name="楕円 425">
          <a:extLst>
            <a:ext uri="{FF2B5EF4-FFF2-40B4-BE49-F238E27FC236}">
              <a16:creationId xmlns:a16="http://schemas.microsoft.com/office/drawing/2014/main" id="{00000000-0008-0000-0600-0000AA010000}"/>
            </a:ext>
          </a:extLst>
        </xdr:cNvPr>
        <xdr:cNvSpPr/>
      </xdr:nvSpPr>
      <xdr:spPr>
        <a:xfrm>
          <a:off x="7810500" y="13472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20451</xdr:rowOff>
    </xdr:from>
    <xdr:ext cx="469744" cy="259045"/>
    <xdr:sp macro="" textlink="">
      <xdr:nvSpPr>
        <xdr:cNvPr id="427" name="テキスト ボックス 426">
          <a:extLst>
            <a:ext uri="{FF2B5EF4-FFF2-40B4-BE49-F238E27FC236}">
              <a16:creationId xmlns:a16="http://schemas.microsoft.com/office/drawing/2014/main" id="{00000000-0008-0000-0600-0000AB010000}"/>
            </a:ext>
          </a:extLst>
        </xdr:cNvPr>
        <xdr:cNvSpPr txBox="1"/>
      </xdr:nvSpPr>
      <xdr:spPr>
        <a:xfrm>
          <a:off x="7626428" y="13565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83832</xdr:rowOff>
    </xdr:from>
    <xdr:to>
      <xdr:col>36</xdr:col>
      <xdr:colOff>165100</xdr:colOff>
      <xdr:row>79</xdr:row>
      <xdr:rowOff>13982</xdr:rowOff>
    </xdr:to>
    <xdr:sp macro="" textlink="">
      <xdr:nvSpPr>
        <xdr:cNvPr id="428" name="楕円 427">
          <a:extLst>
            <a:ext uri="{FF2B5EF4-FFF2-40B4-BE49-F238E27FC236}">
              <a16:creationId xmlns:a16="http://schemas.microsoft.com/office/drawing/2014/main" id="{00000000-0008-0000-0600-0000AC010000}"/>
            </a:ext>
          </a:extLst>
        </xdr:cNvPr>
        <xdr:cNvSpPr/>
      </xdr:nvSpPr>
      <xdr:spPr>
        <a:xfrm>
          <a:off x="6921500" y="13456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5109</xdr:rowOff>
    </xdr:from>
    <xdr:ext cx="469744" cy="259045"/>
    <xdr:sp macro="" textlink="">
      <xdr:nvSpPr>
        <xdr:cNvPr id="429" name="テキスト ボックス 428">
          <a:extLst>
            <a:ext uri="{FF2B5EF4-FFF2-40B4-BE49-F238E27FC236}">
              <a16:creationId xmlns:a16="http://schemas.microsoft.com/office/drawing/2014/main" id="{00000000-0008-0000-0600-0000AD010000}"/>
            </a:ext>
          </a:extLst>
        </xdr:cNvPr>
        <xdr:cNvSpPr txBox="1"/>
      </xdr:nvSpPr>
      <xdr:spPr>
        <a:xfrm>
          <a:off x="6737428" y="135496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00000000-0008-0000-06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0" name="直線コネクタ 439">
          <a:extLst>
            <a:ext uri="{FF2B5EF4-FFF2-40B4-BE49-F238E27FC236}">
              <a16:creationId xmlns:a16="http://schemas.microsoft.com/office/drawing/2014/main" id="{00000000-0008-0000-0600-0000B8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43" name="テキスト ボックス 442">
          <a:extLst>
            <a:ext uri="{FF2B5EF4-FFF2-40B4-BE49-F238E27FC236}">
              <a16:creationId xmlns:a16="http://schemas.microsoft.com/office/drawing/2014/main" id="{00000000-0008-0000-0600-0000BB010000}"/>
            </a:ext>
          </a:extLst>
        </xdr:cNvPr>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4" name="直線コネクタ 443">
          <a:extLst>
            <a:ext uri="{FF2B5EF4-FFF2-40B4-BE49-F238E27FC236}">
              <a16:creationId xmlns:a16="http://schemas.microsoft.com/office/drawing/2014/main" id="{00000000-0008-0000-0600-0000BC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45" name="テキスト ボックス 444">
          <a:extLst>
            <a:ext uri="{FF2B5EF4-FFF2-40B4-BE49-F238E27FC236}">
              <a16:creationId xmlns:a16="http://schemas.microsoft.com/office/drawing/2014/main" id="{00000000-0008-0000-0600-0000BD010000}"/>
            </a:ext>
          </a:extLst>
        </xdr:cNvPr>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6" name="直線コネクタ 445">
          <a:extLst>
            <a:ext uri="{FF2B5EF4-FFF2-40B4-BE49-F238E27FC236}">
              <a16:creationId xmlns:a16="http://schemas.microsoft.com/office/drawing/2014/main" id="{00000000-0008-0000-0600-0000BE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47" name="テキスト ボックス 446">
          <a:extLst>
            <a:ext uri="{FF2B5EF4-FFF2-40B4-BE49-F238E27FC236}">
              <a16:creationId xmlns:a16="http://schemas.microsoft.com/office/drawing/2014/main" id="{00000000-0008-0000-0600-0000BF010000}"/>
            </a:ext>
          </a:extLst>
        </xdr:cNvPr>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id="{00000000-0008-0000-06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49" name="テキスト ボックス 448">
          <a:extLst>
            <a:ext uri="{FF2B5EF4-FFF2-40B4-BE49-F238E27FC236}">
              <a16:creationId xmlns:a16="http://schemas.microsoft.com/office/drawing/2014/main" id="{00000000-0008-0000-0600-0000C1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普通建設事業費 （ うち更新整備　）グラフ枠">
          <a:extLst>
            <a:ext uri="{FF2B5EF4-FFF2-40B4-BE49-F238E27FC236}">
              <a16:creationId xmlns:a16="http://schemas.microsoft.com/office/drawing/2014/main" id="{00000000-0008-0000-06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21811</xdr:rowOff>
    </xdr:from>
    <xdr:to>
      <xdr:col>54</xdr:col>
      <xdr:colOff>189865</xdr:colOff>
      <xdr:row>98</xdr:row>
      <xdr:rowOff>6856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flipV="1">
          <a:off x="10475595" y="15452311"/>
          <a:ext cx="1270" cy="1418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387</xdr:rowOff>
    </xdr:from>
    <xdr:ext cx="469744" cy="259045"/>
    <xdr:sp macro="" textlink="">
      <xdr:nvSpPr>
        <xdr:cNvPr id="452" name="普通建設事業費 （ うち更新整備　）最小値テキスト">
          <a:extLst>
            <a:ext uri="{FF2B5EF4-FFF2-40B4-BE49-F238E27FC236}">
              <a16:creationId xmlns:a16="http://schemas.microsoft.com/office/drawing/2014/main" id="{00000000-0008-0000-0600-0000C4010000}"/>
            </a:ext>
          </a:extLst>
        </xdr:cNvPr>
        <xdr:cNvSpPr txBox="1"/>
      </xdr:nvSpPr>
      <xdr:spPr>
        <a:xfrm>
          <a:off x="10528300" y="168744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68560</xdr:rowOff>
    </xdr:from>
    <xdr:to>
      <xdr:col>55</xdr:col>
      <xdr:colOff>88900</xdr:colOff>
      <xdr:row>98</xdr:row>
      <xdr:rowOff>6856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10388600" y="16870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39938</xdr:rowOff>
    </xdr:from>
    <xdr:ext cx="534377" cy="259045"/>
    <xdr:sp macro="" textlink="">
      <xdr:nvSpPr>
        <xdr:cNvPr id="454" name="普通建設事業費 （ うち更新整備　）最大値テキスト">
          <a:extLst>
            <a:ext uri="{FF2B5EF4-FFF2-40B4-BE49-F238E27FC236}">
              <a16:creationId xmlns:a16="http://schemas.microsoft.com/office/drawing/2014/main" id="{00000000-0008-0000-0600-0000C6010000}"/>
            </a:ext>
          </a:extLst>
        </xdr:cNvPr>
        <xdr:cNvSpPr txBox="1"/>
      </xdr:nvSpPr>
      <xdr:spPr>
        <a:xfrm>
          <a:off x="10528300" y="152275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21811</xdr:rowOff>
    </xdr:from>
    <xdr:to>
      <xdr:col>55</xdr:col>
      <xdr:colOff>88900</xdr:colOff>
      <xdr:row>90</xdr:row>
      <xdr:rowOff>21811</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a:off x="10388600" y="154523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1585</xdr:rowOff>
    </xdr:from>
    <xdr:to>
      <xdr:col>55</xdr:col>
      <xdr:colOff>0</xdr:colOff>
      <xdr:row>97</xdr:row>
      <xdr:rowOff>94300</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a:off x="9639300" y="16672235"/>
          <a:ext cx="838200" cy="527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05101</xdr:rowOff>
    </xdr:from>
    <xdr:ext cx="534377" cy="259045"/>
    <xdr:sp macro="" textlink="">
      <xdr:nvSpPr>
        <xdr:cNvPr id="457" name="普通建設事業費 （ うち更新整備　）平均値テキスト">
          <a:extLst>
            <a:ext uri="{FF2B5EF4-FFF2-40B4-BE49-F238E27FC236}">
              <a16:creationId xmlns:a16="http://schemas.microsoft.com/office/drawing/2014/main" id="{00000000-0008-0000-0600-0000C9010000}"/>
            </a:ext>
          </a:extLst>
        </xdr:cNvPr>
        <xdr:cNvSpPr txBox="1"/>
      </xdr:nvSpPr>
      <xdr:spPr>
        <a:xfrm>
          <a:off x="10528300" y="162214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82224</xdr:rowOff>
    </xdr:from>
    <xdr:to>
      <xdr:col>55</xdr:col>
      <xdr:colOff>50800</xdr:colOff>
      <xdr:row>96</xdr:row>
      <xdr:rowOff>12374</xdr:rowOff>
    </xdr:to>
    <xdr:sp macro="" textlink="">
      <xdr:nvSpPr>
        <xdr:cNvPr id="458" name="フローチャート: 判断 457">
          <a:extLst>
            <a:ext uri="{FF2B5EF4-FFF2-40B4-BE49-F238E27FC236}">
              <a16:creationId xmlns:a16="http://schemas.microsoft.com/office/drawing/2014/main" id="{00000000-0008-0000-0600-0000CA010000}"/>
            </a:ext>
          </a:extLst>
        </xdr:cNvPr>
        <xdr:cNvSpPr/>
      </xdr:nvSpPr>
      <xdr:spPr>
        <a:xfrm>
          <a:off x="10426700" y="16369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39779</xdr:rowOff>
    </xdr:from>
    <xdr:to>
      <xdr:col>50</xdr:col>
      <xdr:colOff>114300</xdr:colOff>
      <xdr:row>97</xdr:row>
      <xdr:rowOff>41585</xdr:rowOff>
    </xdr:to>
    <xdr:cxnSp macro="">
      <xdr:nvCxnSpPr>
        <xdr:cNvPr id="459" name="直線コネクタ 458">
          <a:extLst>
            <a:ext uri="{FF2B5EF4-FFF2-40B4-BE49-F238E27FC236}">
              <a16:creationId xmlns:a16="http://schemas.microsoft.com/office/drawing/2014/main" id="{00000000-0008-0000-0600-0000CB010000}"/>
            </a:ext>
          </a:extLst>
        </xdr:cNvPr>
        <xdr:cNvCxnSpPr/>
      </xdr:nvCxnSpPr>
      <xdr:spPr>
        <a:xfrm>
          <a:off x="8750300" y="16670429"/>
          <a:ext cx="889000" cy="1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99850</xdr:rowOff>
    </xdr:from>
    <xdr:to>
      <xdr:col>50</xdr:col>
      <xdr:colOff>165100</xdr:colOff>
      <xdr:row>96</xdr:row>
      <xdr:rowOff>30000</xdr:rowOff>
    </xdr:to>
    <xdr:sp macro="" textlink="">
      <xdr:nvSpPr>
        <xdr:cNvPr id="460" name="フローチャート: 判断 459">
          <a:extLst>
            <a:ext uri="{FF2B5EF4-FFF2-40B4-BE49-F238E27FC236}">
              <a16:creationId xmlns:a16="http://schemas.microsoft.com/office/drawing/2014/main" id="{00000000-0008-0000-0600-0000CC010000}"/>
            </a:ext>
          </a:extLst>
        </xdr:cNvPr>
        <xdr:cNvSpPr/>
      </xdr:nvSpPr>
      <xdr:spPr>
        <a:xfrm>
          <a:off x="9588500" y="1638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46527</xdr:rowOff>
    </xdr:from>
    <xdr:ext cx="534377" cy="259045"/>
    <xdr:sp macro="" textlink="">
      <xdr:nvSpPr>
        <xdr:cNvPr id="461" name="テキスト ボックス 460">
          <a:extLst>
            <a:ext uri="{FF2B5EF4-FFF2-40B4-BE49-F238E27FC236}">
              <a16:creationId xmlns:a16="http://schemas.microsoft.com/office/drawing/2014/main" id="{00000000-0008-0000-0600-0000CD010000}"/>
            </a:ext>
          </a:extLst>
        </xdr:cNvPr>
        <xdr:cNvSpPr txBox="1"/>
      </xdr:nvSpPr>
      <xdr:spPr>
        <a:xfrm>
          <a:off x="9372111" y="16162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39779</xdr:rowOff>
    </xdr:from>
    <xdr:to>
      <xdr:col>45</xdr:col>
      <xdr:colOff>177800</xdr:colOff>
      <xdr:row>97</xdr:row>
      <xdr:rowOff>125093</xdr:rowOff>
    </xdr:to>
    <xdr:cxnSp macro="">
      <xdr:nvCxnSpPr>
        <xdr:cNvPr id="462" name="直線コネクタ 461">
          <a:extLst>
            <a:ext uri="{FF2B5EF4-FFF2-40B4-BE49-F238E27FC236}">
              <a16:creationId xmlns:a16="http://schemas.microsoft.com/office/drawing/2014/main" id="{00000000-0008-0000-0600-0000CE010000}"/>
            </a:ext>
          </a:extLst>
        </xdr:cNvPr>
        <xdr:cNvCxnSpPr/>
      </xdr:nvCxnSpPr>
      <xdr:spPr>
        <a:xfrm flipV="1">
          <a:off x="7861300" y="16670429"/>
          <a:ext cx="889000" cy="85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18252</xdr:rowOff>
    </xdr:from>
    <xdr:to>
      <xdr:col>46</xdr:col>
      <xdr:colOff>38100</xdr:colOff>
      <xdr:row>96</xdr:row>
      <xdr:rowOff>48402</xdr:rowOff>
    </xdr:to>
    <xdr:sp macro="" textlink="">
      <xdr:nvSpPr>
        <xdr:cNvPr id="463" name="フローチャート: 判断 462">
          <a:extLst>
            <a:ext uri="{FF2B5EF4-FFF2-40B4-BE49-F238E27FC236}">
              <a16:creationId xmlns:a16="http://schemas.microsoft.com/office/drawing/2014/main" id="{00000000-0008-0000-0600-0000CF010000}"/>
            </a:ext>
          </a:extLst>
        </xdr:cNvPr>
        <xdr:cNvSpPr/>
      </xdr:nvSpPr>
      <xdr:spPr>
        <a:xfrm>
          <a:off x="8699500" y="16406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4929</xdr:rowOff>
    </xdr:from>
    <xdr:ext cx="534377" cy="259045"/>
    <xdr:sp macro="" textlink="">
      <xdr:nvSpPr>
        <xdr:cNvPr id="464" name="テキスト ボックス 463">
          <a:extLst>
            <a:ext uri="{FF2B5EF4-FFF2-40B4-BE49-F238E27FC236}">
              <a16:creationId xmlns:a16="http://schemas.microsoft.com/office/drawing/2014/main" id="{00000000-0008-0000-0600-0000D0010000}"/>
            </a:ext>
          </a:extLst>
        </xdr:cNvPr>
        <xdr:cNvSpPr txBox="1"/>
      </xdr:nvSpPr>
      <xdr:spPr>
        <a:xfrm>
          <a:off x="8483111" y="16181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99009</xdr:rowOff>
    </xdr:from>
    <xdr:to>
      <xdr:col>41</xdr:col>
      <xdr:colOff>50800</xdr:colOff>
      <xdr:row>97</xdr:row>
      <xdr:rowOff>125093</xdr:rowOff>
    </xdr:to>
    <xdr:cxnSp macro="">
      <xdr:nvCxnSpPr>
        <xdr:cNvPr id="465" name="直線コネクタ 464">
          <a:extLst>
            <a:ext uri="{FF2B5EF4-FFF2-40B4-BE49-F238E27FC236}">
              <a16:creationId xmlns:a16="http://schemas.microsoft.com/office/drawing/2014/main" id="{00000000-0008-0000-0600-0000D1010000}"/>
            </a:ext>
          </a:extLst>
        </xdr:cNvPr>
        <xdr:cNvCxnSpPr/>
      </xdr:nvCxnSpPr>
      <xdr:spPr>
        <a:xfrm>
          <a:off x="6972300" y="16729659"/>
          <a:ext cx="889000" cy="26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92055</xdr:rowOff>
    </xdr:from>
    <xdr:to>
      <xdr:col>41</xdr:col>
      <xdr:colOff>101600</xdr:colOff>
      <xdr:row>96</xdr:row>
      <xdr:rowOff>22205</xdr:rowOff>
    </xdr:to>
    <xdr:sp macro="" textlink="">
      <xdr:nvSpPr>
        <xdr:cNvPr id="466" name="フローチャート: 判断 465">
          <a:extLst>
            <a:ext uri="{FF2B5EF4-FFF2-40B4-BE49-F238E27FC236}">
              <a16:creationId xmlns:a16="http://schemas.microsoft.com/office/drawing/2014/main" id="{00000000-0008-0000-0600-0000D2010000}"/>
            </a:ext>
          </a:extLst>
        </xdr:cNvPr>
        <xdr:cNvSpPr/>
      </xdr:nvSpPr>
      <xdr:spPr>
        <a:xfrm>
          <a:off x="7810500" y="16379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38732</xdr:rowOff>
    </xdr:from>
    <xdr:ext cx="534377" cy="259045"/>
    <xdr:sp macro="" textlink="">
      <xdr:nvSpPr>
        <xdr:cNvPr id="467" name="テキスト ボックス 466">
          <a:extLst>
            <a:ext uri="{FF2B5EF4-FFF2-40B4-BE49-F238E27FC236}">
              <a16:creationId xmlns:a16="http://schemas.microsoft.com/office/drawing/2014/main" id="{00000000-0008-0000-0600-0000D3010000}"/>
            </a:ext>
          </a:extLst>
        </xdr:cNvPr>
        <xdr:cNvSpPr txBox="1"/>
      </xdr:nvSpPr>
      <xdr:spPr>
        <a:xfrm>
          <a:off x="7594111" y="16155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98958</xdr:rowOff>
    </xdr:from>
    <xdr:to>
      <xdr:col>36</xdr:col>
      <xdr:colOff>165100</xdr:colOff>
      <xdr:row>96</xdr:row>
      <xdr:rowOff>29108</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6921500" y="16386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45635</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6705111" y="161619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500</xdr:rowOff>
    </xdr:from>
    <xdr:to>
      <xdr:col>55</xdr:col>
      <xdr:colOff>50800</xdr:colOff>
      <xdr:row>97</xdr:row>
      <xdr:rowOff>145100</xdr:rowOff>
    </xdr:to>
    <xdr:sp macro="" textlink="">
      <xdr:nvSpPr>
        <xdr:cNvPr id="475" name="楕円 474">
          <a:extLst>
            <a:ext uri="{FF2B5EF4-FFF2-40B4-BE49-F238E27FC236}">
              <a16:creationId xmlns:a16="http://schemas.microsoft.com/office/drawing/2014/main" id="{00000000-0008-0000-0600-0000DB010000}"/>
            </a:ext>
          </a:extLst>
        </xdr:cNvPr>
        <xdr:cNvSpPr/>
      </xdr:nvSpPr>
      <xdr:spPr>
        <a:xfrm>
          <a:off x="10426700" y="16674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1927</xdr:rowOff>
    </xdr:from>
    <xdr:ext cx="469744" cy="259045"/>
    <xdr:sp macro="" textlink="">
      <xdr:nvSpPr>
        <xdr:cNvPr id="476" name="普通建設事業費 （ うち更新整備　）該当値テキスト">
          <a:extLst>
            <a:ext uri="{FF2B5EF4-FFF2-40B4-BE49-F238E27FC236}">
              <a16:creationId xmlns:a16="http://schemas.microsoft.com/office/drawing/2014/main" id="{00000000-0008-0000-0600-0000DC010000}"/>
            </a:ext>
          </a:extLst>
        </xdr:cNvPr>
        <xdr:cNvSpPr txBox="1"/>
      </xdr:nvSpPr>
      <xdr:spPr>
        <a:xfrm>
          <a:off x="10528300" y="16652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62235</xdr:rowOff>
    </xdr:from>
    <xdr:to>
      <xdr:col>50</xdr:col>
      <xdr:colOff>165100</xdr:colOff>
      <xdr:row>97</xdr:row>
      <xdr:rowOff>92385</xdr:rowOff>
    </xdr:to>
    <xdr:sp macro="" textlink="">
      <xdr:nvSpPr>
        <xdr:cNvPr id="477" name="楕円 476">
          <a:extLst>
            <a:ext uri="{FF2B5EF4-FFF2-40B4-BE49-F238E27FC236}">
              <a16:creationId xmlns:a16="http://schemas.microsoft.com/office/drawing/2014/main" id="{00000000-0008-0000-0600-0000DD010000}"/>
            </a:ext>
          </a:extLst>
        </xdr:cNvPr>
        <xdr:cNvSpPr/>
      </xdr:nvSpPr>
      <xdr:spPr>
        <a:xfrm>
          <a:off x="9588500" y="16621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83512</xdr:rowOff>
    </xdr:from>
    <xdr:ext cx="534377"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9372111" y="16714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160429</xdr:rowOff>
    </xdr:from>
    <xdr:to>
      <xdr:col>46</xdr:col>
      <xdr:colOff>38100</xdr:colOff>
      <xdr:row>97</xdr:row>
      <xdr:rowOff>90579</xdr:rowOff>
    </xdr:to>
    <xdr:sp macro="" textlink="">
      <xdr:nvSpPr>
        <xdr:cNvPr id="479" name="楕円 478">
          <a:extLst>
            <a:ext uri="{FF2B5EF4-FFF2-40B4-BE49-F238E27FC236}">
              <a16:creationId xmlns:a16="http://schemas.microsoft.com/office/drawing/2014/main" id="{00000000-0008-0000-0600-0000DF010000}"/>
            </a:ext>
          </a:extLst>
        </xdr:cNvPr>
        <xdr:cNvSpPr/>
      </xdr:nvSpPr>
      <xdr:spPr>
        <a:xfrm>
          <a:off x="8699500" y="16619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81706</xdr:rowOff>
    </xdr:from>
    <xdr:ext cx="534377" cy="259045"/>
    <xdr:sp macro="" textlink="">
      <xdr:nvSpPr>
        <xdr:cNvPr id="480" name="テキスト ボックス 479">
          <a:extLst>
            <a:ext uri="{FF2B5EF4-FFF2-40B4-BE49-F238E27FC236}">
              <a16:creationId xmlns:a16="http://schemas.microsoft.com/office/drawing/2014/main" id="{00000000-0008-0000-0600-0000E0010000}"/>
            </a:ext>
          </a:extLst>
        </xdr:cNvPr>
        <xdr:cNvSpPr txBox="1"/>
      </xdr:nvSpPr>
      <xdr:spPr>
        <a:xfrm>
          <a:off x="8483111" y="16712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74293</xdr:rowOff>
    </xdr:from>
    <xdr:to>
      <xdr:col>41</xdr:col>
      <xdr:colOff>101600</xdr:colOff>
      <xdr:row>98</xdr:row>
      <xdr:rowOff>4443</xdr:rowOff>
    </xdr:to>
    <xdr:sp macro="" textlink="">
      <xdr:nvSpPr>
        <xdr:cNvPr id="481" name="楕円 480">
          <a:extLst>
            <a:ext uri="{FF2B5EF4-FFF2-40B4-BE49-F238E27FC236}">
              <a16:creationId xmlns:a16="http://schemas.microsoft.com/office/drawing/2014/main" id="{00000000-0008-0000-0600-0000E1010000}"/>
            </a:ext>
          </a:extLst>
        </xdr:cNvPr>
        <xdr:cNvSpPr/>
      </xdr:nvSpPr>
      <xdr:spPr>
        <a:xfrm>
          <a:off x="7810500" y="16704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7</xdr:row>
      <xdr:rowOff>167020</xdr:rowOff>
    </xdr:from>
    <xdr:ext cx="469744" cy="259045"/>
    <xdr:sp macro="" textlink="">
      <xdr:nvSpPr>
        <xdr:cNvPr id="482" name="テキスト ボックス 481">
          <a:extLst>
            <a:ext uri="{FF2B5EF4-FFF2-40B4-BE49-F238E27FC236}">
              <a16:creationId xmlns:a16="http://schemas.microsoft.com/office/drawing/2014/main" id="{00000000-0008-0000-0600-0000E2010000}"/>
            </a:ext>
          </a:extLst>
        </xdr:cNvPr>
        <xdr:cNvSpPr txBox="1"/>
      </xdr:nvSpPr>
      <xdr:spPr>
        <a:xfrm>
          <a:off x="7626428" y="167976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48209</xdr:rowOff>
    </xdr:from>
    <xdr:to>
      <xdr:col>36</xdr:col>
      <xdr:colOff>165100</xdr:colOff>
      <xdr:row>97</xdr:row>
      <xdr:rowOff>149809</xdr:rowOff>
    </xdr:to>
    <xdr:sp macro="" textlink="">
      <xdr:nvSpPr>
        <xdr:cNvPr id="483" name="楕円 482">
          <a:extLst>
            <a:ext uri="{FF2B5EF4-FFF2-40B4-BE49-F238E27FC236}">
              <a16:creationId xmlns:a16="http://schemas.microsoft.com/office/drawing/2014/main" id="{00000000-0008-0000-0600-0000E3010000}"/>
            </a:ext>
          </a:extLst>
        </xdr:cNvPr>
        <xdr:cNvSpPr/>
      </xdr:nvSpPr>
      <xdr:spPr>
        <a:xfrm>
          <a:off x="6921500" y="16678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97</xdr:row>
      <xdr:rowOff>140936</xdr:rowOff>
    </xdr:from>
    <xdr:ext cx="469744" cy="259045"/>
    <xdr:sp macro="" textlink="">
      <xdr:nvSpPr>
        <xdr:cNvPr id="484" name="テキスト ボックス 483">
          <a:extLst>
            <a:ext uri="{FF2B5EF4-FFF2-40B4-BE49-F238E27FC236}">
              <a16:creationId xmlns:a16="http://schemas.microsoft.com/office/drawing/2014/main" id="{00000000-0008-0000-0600-0000E4010000}"/>
            </a:ext>
          </a:extLst>
        </xdr:cNvPr>
        <xdr:cNvSpPr txBox="1"/>
      </xdr:nvSpPr>
      <xdr:spPr>
        <a:xfrm>
          <a:off x="6737428" y="16771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id="{00000000-0008-0000-06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id="{00000000-0008-0000-06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495" name="直線コネクタ 494">
          <a:extLst>
            <a:ext uri="{FF2B5EF4-FFF2-40B4-BE49-F238E27FC236}">
              <a16:creationId xmlns:a16="http://schemas.microsoft.com/office/drawing/2014/main" id="{00000000-0008-0000-0600-0000EF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496" name="テキスト ボックス 495">
          <a:extLst>
            <a:ext uri="{FF2B5EF4-FFF2-40B4-BE49-F238E27FC236}">
              <a16:creationId xmlns:a16="http://schemas.microsoft.com/office/drawing/2014/main" id="{00000000-0008-0000-0600-0000F0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7" name="直線コネクタ 496">
          <a:extLst>
            <a:ext uri="{FF2B5EF4-FFF2-40B4-BE49-F238E27FC236}">
              <a16:creationId xmlns:a16="http://schemas.microsoft.com/office/drawing/2014/main" id="{00000000-0008-0000-0600-0000F1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3</xdr:row>
      <xdr:rowOff>168927</xdr:rowOff>
    </xdr:from>
    <xdr:ext cx="467179" cy="259045"/>
    <xdr:sp macro="" textlink="">
      <xdr:nvSpPr>
        <xdr:cNvPr id="500" name="テキスト ボックス 499">
          <a:extLst>
            <a:ext uri="{FF2B5EF4-FFF2-40B4-BE49-F238E27FC236}">
              <a16:creationId xmlns:a16="http://schemas.microsoft.com/office/drawing/2014/main" id="{00000000-0008-0000-0600-0000F4010000}"/>
            </a:ext>
          </a:extLst>
        </xdr:cNvPr>
        <xdr:cNvSpPr txBox="1"/>
      </xdr:nvSpPr>
      <xdr:spPr>
        <a:xfrm>
          <a:off x="11978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1" name="直線コネクタ 500">
          <a:extLst>
            <a:ext uri="{FF2B5EF4-FFF2-40B4-BE49-F238E27FC236}">
              <a16:creationId xmlns:a16="http://schemas.microsoft.com/office/drawing/2014/main" id="{00000000-0008-0000-0600-0000F5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130827</xdr:rowOff>
    </xdr:from>
    <xdr:ext cx="467179" cy="259045"/>
    <xdr:sp macro="" textlink="">
      <xdr:nvSpPr>
        <xdr:cNvPr id="502" name="テキスト ボックス 501">
          <a:extLst>
            <a:ext uri="{FF2B5EF4-FFF2-40B4-BE49-F238E27FC236}">
              <a16:creationId xmlns:a16="http://schemas.microsoft.com/office/drawing/2014/main" id="{00000000-0008-0000-0600-0000F6010000}"/>
            </a:ext>
          </a:extLst>
        </xdr:cNvPr>
        <xdr:cNvSpPr txBox="1"/>
      </xdr:nvSpPr>
      <xdr:spPr>
        <a:xfrm>
          <a:off x="11978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3" name="直線コネクタ 502">
          <a:extLst>
            <a:ext uri="{FF2B5EF4-FFF2-40B4-BE49-F238E27FC236}">
              <a16:creationId xmlns:a16="http://schemas.microsoft.com/office/drawing/2014/main" id="{00000000-0008-0000-0600-0000F7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4" name="テキスト ボックス 503">
          <a:extLst>
            <a:ext uri="{FF2B5EF4-FFF2-40B4-BE49-F238E27FC236}">
              <a16:creationId xmlns:a16="http://schemas.microsoft.com/office/drawing/2014/main" id="{00000000-0008-0000-0600-0000F8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5" name="直線コネクタ 504">
          <a:extLst>
            <a:ext uri="{FF2B5EF4-FFF2-40B4-BE49-F238E27FC236}">
              <a16:creationId xmlns:a16="http://schemas.microsoft.com/office/drawing/2014/main" id="{00000000-0008-0000-0600-0000F9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6" name="テキスト ボックス 505">
          <a:extLst>
            <a:ext uri="{FF2B5EF4-FFF2-40B4-BE49-F238E27FC236}">
              <a16:creationId xmlns:a16="http://schemas.microsoft.com/office/drawing/2014/main" id="{00000000-0008-0000-0600-0000FA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7" name="災害復旧事業費グラフ枠">
          <a:extLst>
            <a:ext uri="{FF2B5EF4-FFF2-40B4-BE49-F238E27FC236}">
              <a16:creationId xmlns:a16="http://schemas.microsoft.com/office/drawing/2014/main" id="{00000000-0008-0000-0600-0000FB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27127</xdr:rowOff>
    </xdr:from>
    <xdr:to>
      <xdr:col>85</xdr:col>
      <xdr:colOff>126364</xdr:colOff>
      <xdr:row>39</xdr:row>
      <xdr:rowOff>44450</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flipV="1">
          <a:off x="16317595" y="5270627"/>
          <a:ext cx="1269" cy="1460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09" name="災害復旧事業費最小値テキスト">
          <a:extLst>
            <a:ext uri="{FF2B5EF4-FFF2-40B4-BE49-F238E27FC236}">
              <a16:creationId xmlns:a16="http://schemas.microsoft.com/office/drawing/2014/main" id="{00000000-0008-0000-0600-0000FD01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3804</xdr:rowOff>
    </xdr:from>
    <xdr:ext cx="534377" cy="259045"/>
    <xdr:sp macro="" textlink="">
      <xdr:nvSpPr>
        <xdr:cNvPr id="511" name="災害復旧事業費最大値テキスト">
          <a:extLst>
            <a:ext uri="{FF2B5EF4-FFF2-40B4-BE49-F238E27FC236}">
              <a16:creationId xmlns:a16="http://schemas.microsoft.com/office/drawing/2014/main" id="{00000000-0008-0000-0600-0000FF010000}"/>
            </a:ext>
          </a:extLst>
        </xdr:cNvPr>
        <xdr:cNvSpPr txBox="1"/>
      </xdr:nvSpPr>
      <xdr:spPr>
        <a:xfrm>
          <a:off x="16370300" y="5045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27127</xdr:rowOff>
    </xdr:from>
    <xdr:to>
      <xdr:col>86</xdr:col>
      <xdr:colOff>25400</xdr:colOff>
      <xdr:row>30</xdr:row>
      <xdr:rowOff>127127</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6230600" y="5270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15748</xdr:rowOff>
    </xdr:from>
    <xdr:to>
      <xdr:col>85</xdr:col>
      <xdr:colOff>127000</xdr:colOff>
      <xdr:row>39</xdr:row>
      <xdr:rowOff>3352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flipV="1">
          <a:off x="15481300" y="6702298"/>
          <a:ext cx="8382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98569</xdr:rowOff>
    </xdr:from>
    <xdr:ext cx="378565" cy="259045"/>
    <xdr:sp macro="" textlink="">
      <xdr:nvSpPr>
        <xdr:cNvPr id="514" name="災害復旧事業費平均値テキスト">
          <a:extLst>
            <a:ext uri="{FF2B5EF4-FFF2-40B4-BE49-F238E27FC236}">
              <a16:creationId xmlns:a16="http://schemas.microsoft.com/office/drawing/2014/main" id="{00000000-0008-0000-0600-000002020000}"/>
            </a:ext>
          </a:extLst>
        </xdr:cNvPr>
        <xdr:cNvSpPr txBox="1"/>
      </xdr:nvSpPr>
      <xdr:spPr>
        <a:xfrm>
          <a:off x="16370300" y="644221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75692</xdr:rowOff>
    </xdr:from>
    <xdr:to>
      <xdr:col>85</xdr:col>
      <xdr:colOff>177800</xdr:colOff>
      <xdr:row>39</xdr:row>
      <xdr:rowOff>5842</xdr:rowOff>
    </xdr:to>
    <xdr:sp macro="" textlink="">
      <xdr:nvSpPr>
        <xdr:cNvPr id="515" name="フローチャート: 判断 514">
          <a:extLst>
            <a:ext uri="{FF2B5EF4-FFF2-40B4-BE49-F238E27FC236}">
              <a16:creationId xmlns:a16="http://schemas.microsoft.com/office/drawing/2014/main" id="{00000000-0008-0000-0600-000003020000}"/>
            </a:ext>
          </a:extLst>
        </xdr:cNvPr>
        <xdr:cNvSpPr/>
      </xdr:nvSpPr>
      <xdr:spPr>
        <a:xfrm>
          <a:off x="16268700" y="6590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2258</xdr:rowOff>
    </xdr:from>
    <xdr:to>
      <xdr:col>81</xdr:col>
      <xdr:colOff>50800</xdr:colOff>
      <xdr:row>39</xdr:row>
      <xdr:rowOff>33528</xdr:rowOff>
    </xdr:to>
    <xdr:cxnSp macro="">
      <xdr:nvCxnSpPr>
        <xdr:cNvPr id="516" name="直線コネクタ 515">
          <a:extLst>
            <a:ext uri="{FF2B5EF4-FFF2-40B4-BE49-F238E27FC236}">
              <a16:creationId xmlns:a16="http://schemas.microsoft.com/office/drawing/2014/main" id="{00000000-0008-0000-0600-000004020000}"/>
            </a:ext>
          </a:extLst>
        </xdr:cNvPr>
        <xdr:cNvCxnSpPr/>
      </xdr:nvCxnSpPr>
      <xdr:spPr>
        <a:xfrm>
          <a:off x="14592300" y="6718808"/>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3528</xdr:rowOff>
    </xdr:from>
    <xdr:to>
      <xdr:col>81</xdr:col>
      <xdr:colOff>101600</xdr:colOff>
      <xdr:row>38</xdr:row>
      <xdr:rowOff>135128</xdr:rowOff>
    </xdr:to>
    <xdr:sp macro="" textlink="">
      <xdr:nvSpPr>
        <xdr:cNvPr id="517" name="フローチャート: 判断 516">
          <a:extLst>
            <a:ext uri="{FF2B5EF4-FFF2-40B4-BE49-F238E27FC236}">
              <a16:creationId xmlns:a16="http://schemas.microsoft.com/office/drawing/2014/main" id="{00000000-0008-0000-0600-000005020000}"/>
            </a:ext>
          </a:extLst>
        </xdr:cNvPr>
        <xdr:cNvSpPr/>
      </xdr:nvSpPr>
      <xdr:spPr>
        <a:xfrm>
          <a:off x="15430500" y="6548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51655</xdr:rowOff>
    </xdr:from>
    <xdr:ext cx="469744" cy="259045"/>
    <xdr:sp macro="" textlink="">
      <xdr:nvSpPr>
        <xdr:cNvPr id="518" name="テキスト ボックス 517">
          <a:extLst>
            <a:ext uri="{FF2B5EF4-FFF2-40B4-BE49-F238E27FC236}">
              <a16:creationId xmlns:a16="http://schemas.microsoft.com/office/drawing/2014/main" id="{00000000-0008-0000-0600-000006020000}"/>
            </a:ext>
          </a:extLst>
        </xdr:cNvPr>
        <xdr:cNvSpPr txBox="1"/>
      </xdr:nvSpPr>
      <xdr:spPr>
        <a:xfrm>
          <a:off x="15246428" y="6323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2258</xdr:rowOff>
    </xdr:from>
    <xdr:to>
      <xdr:col>76</xdr:col>
      <xdr:colOff>114300</xdr:colOff>
      <xdr:row>39</xdr:row>
      <xdr:rowOff>42545</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flipV="1">
          <a:off x="13703300" y="6718808"/>
          <a:ext cx="889000" cy="10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5715</xdr:rowOff>
    </xdr:from>
    <xdr:to>
      <xdr:col>76</xdr:col>
      <xdr:colOff>165100</xdr:colOff>
      <xdr:row>38</xdr:row>
      <xdr:rowOff>107315</xdr:rowOff>
    </xdr:to>
    <xdr:sp macro="" textlink="">
      <xdr:nvSpPr>
        <xdr:cNvPr id="520" name="フローチャート: 判断 519">
          <a:extLst>
            <a:ext uri="{FF2B5EF4-FFF2-40B4-BE49-F238E27FC236}">
              <a16:creationId xmlns:a16="http://schemas.microsoft.com/office/drawing/2014/main" id="{00000000-0008-0000-0600-000008020000}"/>
            </a:ext>
          </a:extLst>
        </xdr:cNvPr>
        <xdr:cNvSpPr/>
      </xdr:nvSpPr>
      <xdr:spPr>
        <a:xfrm>
          <a:off x="14541500" y="65208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23842</xdr:rowOff>
    </xdr:from>
    <xdr:ext cx="469744" cy="259045"/>
    <xdr:sp macro="" textlink="">
      <xdr:nvSpPr>
        <xdr:cNvPr id="521" name="テキスト ボックス 520">
          <a:extLst>
            <a:ext uri="{FF2B5EF4-FFF2-40B4-BE49-F238E27FC236}">
              <a16:creationId xmlns:a16="http://schemas.microsoft.com/office/drawing/2014/main" id="{00000000-0008-0000-0600-000009020000}"/>
            </a:ext>
          </a:extLst>
        </xdr:cNvPr>
        <xdr:cNvSpPr txBox="1"/>
      </xdr:nvSpPr>
      <xdr:spPr>
        <a:xfrm>
          <a:off x="14357428" y="629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31623</xdr:rowOff>
    </xdr:from>
    <xdr:to>
      <xdr:col>71</xdr:col>
      <xdr:colOff>177800</xdr:colOff>
      <xdr:row>39</xdr:row>
      <xdr:rowOff>42545</xdr:rowOff>
    </xdr:to>
    <xdr:cxnSp macro="">
      <xdr:nvCxnSpPr>
        <xdr:cNvPr id="522" name="直線コネクタ 521">
          <a:extLst>
            <a:ext uri="{FF2B5EF4-FFF2-40B4-BE49-F238E27FC236}">
              <a16:creationId xmlns:a16="http://schemas.microsoft.com/office/drawing/2014/main" id="{00000000-0008-0000-0600-00000A020000}"/>
            </a:ext>
          </a:extLst>
        </xdr:cNvPr>
        <xdr:cNvCxnSpPr/>
      </xdr:nvCxnSpPr>
      <xdr:spPr>
        <a:xfrm>
          <a:off x="12814300" y="6718173"/>
          <a:ext cx="889000" cy="10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57734</xdr:rowOff>
    </xdr:from>
    <xdr:to>
      <xdr:col>72</xdr:col>
      <xdr:colOff>38100</xdr:colOff>
      <xdr:row>38</xdr:row>
      <xdr:rowOff>87885</xdr:rowOff>
    </xdr:to>
    <xdr:sp macro="" textlink="">
      <xdr:nvSpPr>
        <xdr:cNvPr id="523" name="フローチャート: 判断 522">
          <a:extLst>
            <a:ext uri="{FF2B5EF4-FFF2-40B4-BE49-F238E27FC236}">
              <a16:creationId xmlns:a16="http://schemas.microsoft.com/office/drawing/2014/main" id="{00000000-0008-0000-0600-00000B020000}"/>
            </a:ext>
          </a:extLst>
        </xdr:cNvPr>
        <xdr:cNvSpPr/>
      </xdr:nvSpPr>
      <xdr:spPr>
        <a:xfrm>
          <a:off x="13652500" y="650138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6</xdr:row>
      <xdr:rowOff>104411</xdr:rowOff>
    </xdr:from>
    <xdr:ext cx="469744" cy="259045"/>
    <xdr:sp macro="" textlink="">
      <xdr:nvSpPr>
        <xdr:cNvPr id="524" name="テキスト ボックス 523">
          <a:extLst>
            <a:ext uri="{FF2B5EF4-FFF2-40B4-BE49-F238E27FC236}">
              <a16:creationId xmlns:a16="http://schemas.microsoft.com/office/drawing/2014/main" id="{00000000-0008-0000-0600-00000C020000}"/>
            </a:ext>
          </a:extLst>
        </xdr:cNvPr>
        <xdr:cNvSpPr txBox="1"/>
      </xdr:nvSpPr>
      <xdr:spPr>
        <a:xfrm>
          <a:off x="13468428" y="6276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03251</xdr:rowOff>
    </xdr:from>
    <xdr:to>
      <xdr:col>67</xdr:col>
      <xdr:colOff>101600</xdr:colOff>
      <xdr:row>39</xdr:row>
      <xdr:rowOff>33401</xdr:rowOff>
    </xdr:to>
    <xdr:sp macro="" textlink="">
      <xdr:nvSpPr>
        <xdr:cNvPr id="525" name="フローチャート: 判断 524">
          <a:extLst>
            <a:ext uri="{FF2B5EF4-FFF2-40B4-BE49-F238E27FC236}">
              <a16:creationId xmlns:a16="http://schemas.microsoft.com/office/drawing/2014/main" id="{00000000-0008-0000-0600-00000D020000}"/>
            </a:ext>
          </a:extLst>
        </xdr:cNvPr>
        <xdr:cNvSpPr/>
      </xdr:nvSpPr>
      <xdr:spPr>
        <a:xfrm>
          <a:off x="12763500" y="661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49928</xdr:rowOff>
    </xdr:from>
    <xdr:ext cx="378565" cy="259045"/>
    <xdr:sp macro="" textlink="">
      <xdr:nvSpPr>
        <xdr:cNvPr id="526" name="テキスト ボックス 525">
          <a:extLst>
            <a:ext uri="{FF2B5EF4-FFF2-40B4-BE49-F238E27FC236}">
              <a16:creationId xmlns:a16="http://schemas.microsoft.com/office/drawing/2014/main" id="{00000000-0008-0000-0600-00000E020000}"/>
            </a:ext>
          </a:extLst>
        </xdr:cNvPr>
        <xdr:cNvSpPr txBox="1"/>
      </xdr:nvSpPr>
      <xdr:spPr>
        <a:xfrm>
          <a:off x="12625017" y="6393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6398</xdr:rowOff>
    </xdr:from>
    <xdr:to>
      <xdr:col>85</xdr:col>
      <xdr:colOff>177800</xdr:colOff>
      <xdr:row>39</xdr:row>
      <xdr:rowOff>66548</xdr:rowOff>
    </xdr:to>
    <xdr:sp macro="" textlink="">
      <xdr:nvSpPr>
        <xdr:cNvPr id="532" name="楕円 531">
          <a:extLst>
            <a:ext uri="{FF2B5EF4-FFF2-40B4-BE49-F238E27FC236}">
              <a16:creationId xmlns:a16="http://schemas.microsoft.com/office/drawing/2014/main" id="{00000000-0008-0000-0600-000014020000}"/>
            </a:ext>
          </a:extLst>
        </xdr:cNvPr>
        <xdr:cNvSpPr/>
      </xdr:nvSpPr>
      <xdr:spPr>
        <a:xfrm>
          <a:off x="16268700" y="6651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54119</xdr:rowOff>
    </xdr:from>
    <xdr:ext cx="378565" cy="259045"/>
    <xdr:sp macro="" textlink="">
      <xdr:nvSpPr>
        <xdr:cNvPr id="533" name="災害復旧事業費該当値テキスト">
          <a:extLst>
            <a:ext uri="{FF2B5EF4-FFF2-40B4-BE49-F238E27FC236}">
              <a16:creationId xmlns:a16="http://schemas.microsoft.com/office/drawing/2014/main" id="{00000000-0008-0000-0600-000015020000}"/>
            </a:ext>
          </a:extLst>
        </xdr:cNvPr>
        <xdr:cNvSpPr txBox="1"/>
      </xdr:nvSpPr>
      <xdr:spPr>
        <a:xfrm>
          <a:off x="16370300" y="65692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4178</xdr:rowOff>
    </xdr:from>
    <xdr:to>
      <xdr:col>81</xdr:col>
      <xdr:colOff>101600</xdr:colOff>
      <xdr:row>39</xdr:row>
      <xdr:rowOff>84328</xdr:rowOff>
    </xdr:to>
    <xdr:sp macro="" textlink="">
      <xdr:nvSpPr>
        <xdr:cNvPr id="534" name="楕円 533">
          <a:extLst>
            <a:ext uri="{FF2B5EF4-FFF2-40B4-BE49-F238E27FC236}">
              <a16:creationId xmlns:a16="http://schemas.microsoft.com/office/drawing/2014/main" id="{00000000-0008-0000-0600-000016020000}"/>
            </a:ext>
          </a:extLst>
        </xdr:cNvPr>
        <xdr:cNvSpPr/>
      </xdr:nvSpPr>
      <xdr:spPr>
        <a:xfrm>
          <a:off x="15430500" y="6669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9</xdr:row>
      <xdr:rowOff>75455</xdr:rowOff>
    </xdr:from>
    <xdr:ext cx="313932"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5324333" y="67620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2908</xdr:rowOff>
    </xdr:from>
    <xdr:to>
      <xdr:col>76</xdr:col>
      <xdr:colOff>165100</xdr:colOff>
      <xdr:row>39</xdr:row>
      <xdr:rowOff>83058</xdr:rowOff>
    </xdr:to>
    <xdr:sp macro="" textlink="">
      <xdr:nvSpPr>
        <xdr:cNvPr id="536" name="楕円 535">
          <a:extLst>
            <a:ext uri="{FF2B5EF4-FFF2-40B4-BE49-F238E27FC236}">
              <a16:creationId xmlns:a16="http://schemas.microsoft.com/office/drawing/2014/main" id="{00000000-0008-0000-0600-000018020000}"/>
            </a:ext>
          </a:extLst>
        </xdr:cNvPr>
        <xdr:cNvSpPr/>
      </xdr:nvSpPr>
      <xdr:spPr>
        <a:xfrm>
          <a:off x="14541500" y="6668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39</xdr:row>
      <xdr:rowOff>74185</xdr:rowOff>
    </xdr:from>
    <xdr:ext cx="313932"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4435333" y="67607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3195</xdr:rowOff>
    </xdr:from>
    <xdr:to>
      <xdr:col>72</xdr:col>
      <xdr:colOff>38100</xdr:colOff>
      <xdr:row>39</xdr:row>
      <xdr:rowOff>93345</xdr:rowOff>
    </xdr:to>
    <xdr:sp macro="" textlink="">
      <xdr:nvSpPr>
        <xdr:cNvPr id="538" name="楕円 537">
          <a:extLst>
            <a:ext uri="{FF2B5EF4-FFF2-40B4-BE49-F238E27FC236}">
              <a16:creationId xmlns:a16="http://schemas.microsoft.com/office/drawing/2014/main" id="{00000000-0008-0000-0600-00001A020000}"/>
            </a:ext>
          </a:extLst>
        </xdr:cNvPr>
        <xdr:cNvSpPr/>
      </xdr:nvSpPr>
      <xdr:spPr>
        <a:xfrm>
          <a:off x="13652500" y="6678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84472</xdr:rowOff>
    </xdr:from>
    <xdr:ext cx="313932" cy="259045"/>
    <xdr:sp macro="" textlink="">
      <xdr:nvSpPr>
        <xdr:cNvPr id="539" name="テキスト ボックス 538">
          <a:extLst>
            <a:ext uri="{FF2B5EF4-FFF2-40B4-BE49-F238E27FC236}">
              <a16:creationId xmlns:a16="http://schemas.microsoft.com/office/drawing/2014/main" id="{00000000-0008-0000-0600-00001B020000}"/>
            </a:ext>
          </a:extLst>
        </xdr:cNvPr>
        <xdr:cNvSpPr txBox="1"/>
      </xdr:nvSpPr>
      <xdr:spPr>
        <a:xfrm>
          <a:off x="13546333" y="67710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52273</xdr:rowOff>
    </xdr:from>
    <xdr:to>
      <xdr:col>67</xdr:col>
      <xdr:colOff>101600</xdr:colOff>
      <xdr:row>39</xdr:row>
      <xdr:rowOff>82423</xdr:rowOff>
    </xdr:to>
    <xdr:sp macro="" textlink="">
      <xdr:nvSpPr>
        <xdr:cNvPr id="540" name="楕円 539">
          <a:extLst>
            <a:ext uri="{FF2B5EF4-FFF2-40B4-BE49-F238E27FC236}">
              <a16:creationId xmlns:a16="http://schemas.microsoft.com/office/drawing/2014/main" id="{00000000-0008-0000-0600-00001C020000}"/>
            </a:ext>
          </a:extLst>
        </xdr:cNvPr>
        <xdr:cNvSpPr/>
      </xdr:nvSpPr>
      <xdr:spPr>
        <a:xfrm>
          <a:off x="12763500" y="6667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9</xdr:row>
      <xdr:rowOff>73550</xdr:rowOff>
    </xdr:from>
    <xdr:ext cx="378565" cy="259045"/>
    <xdr:sp macro="" textlink="">
      <xdr:nvSpPr>
        <xdr:cNvPr id="541" name="テキスト ボックス 540">
          <a:extLst>
            <a:ext uri="{FF2B5EF4-FFF2-40B4-BE49-F238E27FC236}">
              <a16:creationId xmlns:a16="http://schemas.microsoft.com/office/drawing/2014/main" id="{00000000-0008-0000-0600-00001D020000}"/>
            </a:ext>
          </a:extLst>
        </xdr:cNvPr>
        <xdr:cNvSpPr txBox="1"/>
      </xdr:nvSpPr>
      <xdr:spPr>
        <a:xfrm>
          <a:off x="12625017" y="67601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2" name="正方形/長方形 541">
          <a:extLst>
            <a:ext uri="{FF2B5EF4-FFF2-40B4-BE49-F238E27FC236}">
              <a16:creationId xmlns:a16="http://schemas.microsoft.com/office/drawing/2014/main" id="{00000000-0008-0000-0600-00001E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0" name="テキスト ボックス 549">
          <a:extLst>
            <a:ext uri="{FF2B5EF4-FFF2-40B4-BE49-F238E27FC236}">
              <a16:creationId xmlns:a16="http://schemas.microsoft.com/office/drawing/2014/main" id="{00000000-0008-0000-0600-000026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1" name="直線コネクタ 550">
          <a:extLst>
            <a:ext uri="{FF2B5EF4-FFF2-40B4-BE49-F238E27FC236}">
              <a16:creationId xmlns:a16="http://schemas.microsoft.com/office/drawing/2014/main" id="{00000000-0008-0000-0600-000027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3" name="テキスト ボックス 552">
          <a:extLst>
            <a:ext uri="{FF2B5EF4-FFF2-40B4-BE49-F238E27FC236}">
              <a16:creationId xmlns:a16="http://schemas.microsoft.com/office/drawing/2014/main" id="{00000000-0008-0000-0600-000029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4" name="直線コネクタ 553">
          <a:extLst>
            <a:ext uri="{FF2B5EF4-FFF2-40B4-BE49-F238E27FC236}">
              <a16:creationId xmlns:a16="http://schemas.microsoft.com/office/drawing/2014/main" id="{00000000-0008-0000-0600-00002A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5" name="テキスト ボックス 554">
          <a:extLst>
            <a:ext uri="{FF2B5EF4-FFF2-40B4-BE49-F238E27FC236}">
              <a16:creationId xmlns:a16="http://schemas.microsoft.com/office/drawing/2014/main" id="{00000000-0008-0000-0600-00002B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6" name="失業対策事業費グラフ枠">
          <a:extLst>
            <a:ext uri="{FF2B5EF4-FFF2-40B4-BE49-F238E27FC236}">
              <a16:creationId xmlns:a16="http://schemas.microsoft.com/office/drawing/2014/main" id="{00000000-0008-0000-0600-00002C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7" name="直線コネクタ 556">
          <a:extLst>
            <a:ext uri="{FF2B5EF4-FFF2-40B4-BE49-F238E27FC236}">
              <a16:creationId xmlns:a16="http://schemas.microsoft.com/office/drawing/2014/main" id="{00000000-0008-0000-0600-00002D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8" name="失業対策事業費最小値テキスト">
          <a:extLst>
            <a:ext uri="{FF2B5EF4-FFF2-40B4-BE49-F238E27FC236}">
              <a16:creationId xmlns:a16="http://schemas.microsoft.com/office/drawing/2014/main" id="{00000000-0008-0000-0600-00002E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0" name="失業対策事業費最大値テキスト">
          <a:extLst>
            <a:ext uri="{FF2B5EF4-FFF2-40B4-BE49-F238E27FC236}">
              <a16:creationId xmlns:a16="http://schemas.microsoft.com/office/drawing/2014/main" id="{00000000-0008-0000-0600-000030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3" name="失業対策事業費平均値テキスト">
          <a:extLst>
            <a:ext uri="{FF2B5EF4-FFF2-40B4-BE49-F238E27FC236}">
              <a16:creationId xmlns:a16="http://schemas.microsoft.com/office/drawing/2014/main" id="{00000000-0008-0000-0600-000033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4" name="フローチャート: 判断 563">
          <a:extLst>
            <a:ext uri="{FF2B5EF4-FFF2-40B4-BE49-F238E27FC236}">
              <a16:creationId xmlns:a16="http://schemas.microsoft.com/office/drawing/2014/main" id="{00000000-0008-0000-0600-000034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5" name="直線コネクタ 564">
          <a:extLst>
            <a:ext uri="{FF2B5EF4-FFF2-40B4-BE49-F238E27FC236}">
              <a16:creationId xmlns:a16="http://schemas.microsoft.com/office/drawing/2014/main" id="{00000000-0008-0000-0600-000035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6" name="フローチャート: 判断 565">
          <a:extLst>
            <a:ext uri="{FF2B5EF4-FFF2-40B4-BE49-F238E27FC236}">
              <a16:creationId xmlns:a16="http://schemas.microsoft.com/office/drawing/2014/main" id="{00000000-0008-0000-0600-000036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7" name="テキスト ボックス 566">
          <a:extLst>
            <a:ext uri="{FF2B5EF4-FFF2-40B4-BE49-F238E27FC236}">
              <a16:creationId xmlns:a16="http://schemas.microsoft.com/office/drawing/2014/main" id="{00000000-0008-0000-0600-000037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69" name="フローチャート: 判断 568">
          <a:extLst>
            <a:ext uri="{FF2B5EF4-FFF2-40B4-BE49-F238E27FC236}">
              <a16:creationId xmlns:a16="http://schemas.microsoft.com/office/drawing/2014/main" id="{00000000-0008-0000-0600-000039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0" name="テキスト ボックス 569">
          <a:extLst>
            <a:ext uri="{FF2B5EF4-FFF2-40B4-BE49-F238E27FC236}">
              <a16:creationId xmlns:a16="http://schemas.microsoft.com/office/drawing/2014/main" id="{00000000-0008-0000-0600-00003A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1" name="直線コネクタ 570">
          <a:extLst>
            <a:ext uri="{FF2B5EF4-FFF2-40B4-BE49-F238E27FC236}">
              <a16:creationId xmlns:a16="http://schemas.microsoft.com/office/drawing/2014/main" id="{00000000-0008-0000-0600-00003B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2" name="フローチャート: 判断 571">
          <a:extLst>
            <a:ext uri="{FF2B5EF4-FFF2-40B4-BE49-F238E27FC236}">
              <a16:creationId xmlns:a16="http://schemas.microsoft.com/office/drawing/2014/main" id="{00000000-0008-0000-0600-00003C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3" name="テキスト ボックス 572">
          <a:extLst>
            <a:ext uri="{FF2B5EF4-FFF2-40B4-BE49-F238E27FC236}">
              <a16:creationId xmlns:a16="http://schemas.microsoft.com/office/drawing/2014/main" id="{00000000-0008-0000-0600-00003D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4" name="フローチャート: 判断 573">
          <a:extLst>
            <a:ext uri="{FF2B5EF4-FFF2-40B4-BE49-F238E27FC236}">
              <a16:creationId xmlns:a16="http://schemas.microsoft.com/office/drawing/2014/main" id="{00000000-0008-0000-0600-00003E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5" name="テキスト ボックス 574">
          <a:extLst>
            <a:ext uri="{FF2B5EF4-FFF2-40B4-BE49-F238E27FC236}">
              <a16:creationId xmlns:a16="http://schemas.microsoft.com/office/drawing/2014/main" id="{00000000-0008-0000-0600-00003F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1" name="楕円 580">
          <a:extLst>
            <a:ext uri="{FF2B5EF4-FFF2-40B4-BE49-F238E27FC236}">
              <a16:creationId xmlns:a16="http://schemas.microsoft.com/office/drawing/2014/main" id="{00000000-0008-0000-0600-000045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2" name="失業対策事業費該当値テキスト">
          <a:extLst>
            <a:ext uri="{FF2B5EF4-FFF2-40B4-BE49-F238E27FC236}">
              <a16:creationId xmlns:a16="http://schemas.microsoft.com/office/drawing/2014/main" id="{00000000-0008-0000-0600-000046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3" name="楕円 582">
          <a:extLst>
            <a:ext uri="{FF2B5EF4-FFF2-40B4-BE49-F238E27FC236}">
              <a16:creationId xmlns:a16="http://schemas.microsoft.com/office/drawing/2014/main" id="{00000000-0008-0000-0600-000047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5" name="楕円 584">
          <a:extLst>
            <a:ext uri="{FF2B5EF4-FFF2-40B4-BE49-F238E27FC236}">
              <a16:creationId xmlns:a16="http://schemas.microsoft.com/office/drawing/2014/main" id="{00000000-0008-0000-0600-000049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7" name="楕円 586">
          <a:extLst>
            <a:ext uri="{FF2B5EF4-FFF2-40B4-BE49-F238E27FC236}">
              <a16:creationId xmlns:a16="http://schemas.microsoft.com/office/drawing/2014/main" id="{00000000-0008-0000-0600-00004B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8" name="テキスト ボックス 587">
          <a:extLst>
            <a:ext uri="{FF2B5EF4-FFF2-40B4-BE49-F238E27FC236}">
              <a16:creationId xmlns:a16="http://schemas.microsoft.com/office/drawing/2014/main" id="{00000000-0008-0000-0600-00004C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9" name="楕円 588">
          <a:extLst>
            <a:ext uri="{FF2B5EF4-FFF2-40B4-BE49-F238E27FC236}">
              <a16:creationId xmlns:a16="http://schemas.microsoft.com/office/drawing/2014/main" id="{00000000-0008-0000-0600-00004D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0" name="テキスト ボックス 589">
          <a:extLst>
            <a:ext uri="{FF2B5EF4-FFF2-40B4-BE49-F238E27FC236}">
              <a16:creationId xmlns:a16="http://schemas.microsoft.com/office/drawing/2014/main" id="{00000000-0008-0000-0600-00004E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1" name="正方形/長方形 590">
          <a:extLst>
            <a:ext uri="{FF2B5EF4-FFF2-40B4-BE49-F238E27FC236}">
              <a16:creationId xmlns:a16="http://schemas.microsoft.com/office/drawing/2014/main" id="{00000000-0008-0000-0600-00004F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7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599" name="テキスト ボックス 598">
          <a:extLst>
            <a:ext uri="{FF2B5EF4-FFF2-40B4-BE49-F238E27FC236}">
              <a16:creationId xmlns:a16="http://schemas.microsoft.com/office/drawing/2014/main" id="{00000000-0008-0000-0600-000057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0" name="直線コネクタ 599">
          <a:extLst>
            <a:ext uri="{FF2B5EF4-FFF2-40B4-BE49-F238E27FC236}">
              <a16:creationId xmlns:a16="http://schemas.microsoft.com/office/drawing/2014/main" id="{00000000-0008-0000-0600-000058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2" name="テキスト ボックス 601">
          <a:extLst>
            <a:ext uri="{FF2B5EF4-FFF2-40B4-BE49-F238E27FC236}">
              <a16:creationId xmlns:a16="http://schemas.microsoft.com/office/drawing/2014/main" id="{00000000-0008-0000-0600-00005A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3" name="直線コネクタ 602">
          <a:extLst>
            <a:ext uri="{FF2B5EF4-FFF2-40B4-BE49-F238E27FC236}">
              <a16:creationId xmlns:a16="http://schemas.microsoft.com/office/drawing/2014/main" id="{00000000-0008-0000-0600-00005B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04" name="テキスト ボックス 603">
          <a:extLst>
            <a:ext uri="{FF2B5EF4-FFF2-40B4-BE49-F238E27FC236}">
              <a16:creationId xmlns:a16="http://schemas.microsoft.com/office/drawing/2014/main" id="{00000000-0008-0000-0600-00005C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5" name="直線コネクタ 604">
          <a:extLst>
            <a:ext uri="{FF2B5EF4-FFF2-40B4-BE49-F238E27FC236}">
              <a16:creationId xmlns:a16="http://schemas.microsoft.com/office/drawing/2014/main" id="{00000000-0008-0000-0600-00005D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08" name="テキスト ボックス 607">
          <a:extLst>
            <a:ext uri="{FF2B5EF4-FFF2-40B4-BE49-F238E27FC236}">
              <a16:creationId xmlns:a16="http://schemas.microsoft.com/office/drawing/2014/main" id="{00000000-0008-0000-0600-000060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09" name="直線コネクタ 608">
          <a:extLst>
            <a:ext uri="{FF2B5EF4-FFF2-40B4-BE49-F238E27FC236}">
              <a16:creationId xmlns:a16="http://schemas.microsoft.com/office/drawing/2014/main" id="{00000000-0008-0000-0600-000061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0" name="テキスト ボックス 609">
          <a:extLst>
            <a:ext uri="{FF2B5EF4-FFF2-40B4-BE49-F238E27FC236}">
              <a16:creationId xmlns:a16="http://schemas.microsoft.com/office/drawing/2014/main" id="{00000000-0008-0000-0600-000062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1" name="直線コネクタ 610">
          <a:extLst>
            <a:ext uri="{FF2B5EF4-FFF2-40B4-BE49-F238E27FC236}">
              <a16:creationId xmlns:a16="http://schemas.microsoft.com/office/drawing/2014/main" id="{00000000-0008-0000-0600-00006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2" name="テキスト ボックス 611">
          <a:extLst>
            <a:ext uri="{FF2B5EF4-FFF2-40B4-BE49-F238E27FC236}">
              <a16:creationId xmlns:a16="http://schemas.microsoft.com/office/drawing/2014/main" id="{00000000-0008-0000-0600-000064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3" name="公債費グラフ枠">
          <a:extLst>
            <a:ext uri="{FF2B5EF4-FFF2-40B4-BE49-F238E27FC236}">
              <a16:creationId xmlns:a16="http://schemas.microsoft.com/office/drawing/2014/main" id="{00000000-0008-0000-0600-00006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3590</xdr:rowOff>
    </xdr:from>
    <xdr:to>
      <xdr:col>85</xdr:col>
      <xdr:colOff>126364</xdr:colOff>
      <xdr:row>77</xdr:row>
      <xdr:rowOff>139567</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flipV="1">
          <a:off x="16317595" y="12025090"/>
          <a:ext cx="1269" cy="13161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43394</xdr:rowOff>
    </xdr:from>
    <xdr:ext cx="534377" cy="259045"/>
    <xdr:sp macro="" textlink="">
      <xdr:nvSpPr>
        <xdr:cNvPr id="615" name="公債費最小値テキスト">
          <a:extLst>
            <a:ext uri="{FF2B5EF4-FFF2-40B4-BE49-F238E27FC236}">
              <a16:creationId xmlns:a16="http://schemas.microsoft.com/office/drawing/2014/main" id="{00000000-0008-0000-0600-000067020000}"/>
            </a:ext>
          </a:extLst>
        </xdr:cNvPr>
        <xdr:cNvSpPr txBox="1"/>
      </xdr:nvSpPr>
      <xdr:spPr>
        <a:xfrm>
          <a:off x="16370300" y="13345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9567</xdr:rowOff>
    </xdr:from>
    <xdr:to>
      <xdr:col>86</xdr:col>
      <xdr:colOff>25400</xdr:colOff>
      <xdr:row>77</xdr:row>
      <xdr:rowOff>139567</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6230600" y="13341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1717</xdr:rowOff>
    </xdr:from>
    <xdr:ext cx="534377" cy="259045"/>
    <xdr:sp macro="" textlink="">
      <xdr:nvSpPr>
        <xdr:cNvPr id="617" name="公債費最大値テキスト">
          <a:extLst>
            <a:ext uri="{FF2B5EF4-FFF2-40B4-BE49-F238E27FC236}">
              <a16:creationId xmlns:a16="http://schemas.microsoft.com/office/drawing/2014/main" id="{00000000-0008-0000-0600-000069020000}"/>
            </a:ext>
          </a:extLst>
        </xdr:cNvPr>
        <xdr:cNvSpPr txBox="1"/>
      </xdr:nvSpPr>
      <xdr:spPr>
        <a:xfrm>
          <a:off x="16370300" y="11800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23590</xdr:rowOff>
    </xdr:from>
    <xdr:to>
      <xdr:col>86</xdr:col>
      <xdr:colOff>25400</xdr:colOff>
      <xdr:row>70</xdr:row>
      <xdr:rowOff>2359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6230600" y="12025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24315</xdr:rowOff>
    </xdr:from>
    <xdr:to>
      <xdr:col>85</xdr:col>
      <xdr:colOff>127000</xdr:colOff>
      <xdr:row>76</xdr:row>
      <xdr:rowOff>47192</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flipV="1">
          <a:off x="15481300" y="13054515"/>
          <a:ext cx="838200" cy="22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4</xdr:row>
      <xdr:rowOff>53674</xdr:rowOff>
    </xdr:from>
    <xdr:ext cx="534377" cy="259045"/>
    <xdr:sp macro="" textlink="">
      <xdr:nvSpPr>
        <xdr:cNvPr id="620" name="公債費平均値テキスト">
          <a:extLst>
            <a:ext uri="{FF2B5EF4-FFF2-40B4-BE49-F238E27FC236}">
              <a16:creationId xmlns:a16="http://schemas.microsoft.com/office/drawing/2014/main" id="{00000000-0008-0000-0600-00006C020000}"/>
            </a:ext>
          </a:extLst>
        </xdr:cNvPr>
        <xdr:cNvSpPr txBox="1"/>
      </xdr:nvSpPr>
      <xdr:spPr>
        <a:xfrm>
          <a:off x="16370300" y="1274097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30797</xdr:rowOff>
    </xdr:from>
    <xdr:to>
      <xdr:col>85</xdr:col>
      <xdr:colOff>177800</xdr:colOff>
      <xdr:row>75</xdr:row>
      <xdr:rowOff>132397</xdr:rowOff>
    </xdr:to>
    <xdr:sp macro="" textlink="">
      <xdr:nvSpPr>
        <xdr:cNvPr id="621" name="フローチャート: 判断 620">
          <a:extLst>
            <a:ext uri="{FF2B5EF4-FFF2-40B4-BE49-F238E27FC236}">
              <a16:creationId xmlns:a16="http://schemas.microsoft.com/office/drawing/2014/main" id="{00000000-0008-0000-0600-00006D020000}"/>
            </a:ext>
          </a:extLst>
        </xdr:cNvPr>
        <xdr:cNvSpPr/>
      </xdr:nvSpPr>
      <xdr:spPr>
        <a:xfrm>
          <a:off x="16268700" y="128895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28487</xdr:rowOff>
    </xdr:from>
    <xdr:to>
      <xdr:col>81</xdr:col>
      <xdr:colOff>50800</xdr:colOff>
      <xdr:row>76</xdr:row>
      <xdr:rowOff>47192</xdr:rowOff>
    </xdr:to>
    <xdr:cxnSp macro="">
      <xdr:nvCxnSpPr>
        <xdr:cNvPr id="622" name="直線コネクタ 621">
          <a:extLst>
            <a:ext uri="{FF2B5EF4-FFF2-40B4-BE49-F238E27FC236}">
              <a16:creationId xmlns:a16="http://schemas.microsoft.com/office/drawing/2014/main" id="{00000000-0008-0000-0600-00006E020000}"/>
            </a:ext>
          </a:extLst>
        </xdr:cNvPr>
        <xdr:cNvCxnSpPr/>
      </xdr:nvCxnSpPr>
      <xdr:spPr>
        <a:xfrm>
          <a:off x="14592300" y="13058687"/>
          <a:ext cx="889000" cy="18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67240</xdr:rowOff>
    </xdr:from>
    <xdr:to>
      <xdr:col>81</xdr:col>
      <xdr:colOff>101600</xdr:colOff>
      <xdr:row>75</xdr:row>
      <xdr:rowOff>168839</xdr:rowOff>
    </xdr:to>
    <xdr:sp macro="" textlink="">
      <xdr:nvSpPr>
        <xdr:cNvPr id="623" name="フローチャート: 判断 622">
          <a:extLst>
            <a:ext uri="{FF2B5EF4-FFF2-40B4-BE49-F238E27FC236}">
              <a16:creationId xmlns:a16="http://schemas.microsoft.com/office/drawing/2014/main" id="{00000000-0008-0000-0600-00006F020000}"/>
            </a:ext>
          </a:extLst>
        </xdr:cNvPr>
        <xdr:cNvSpPr/>
      </xdr:nvSpPr>
      <xdr:spPr>
        <a:xfrm>
          <a:off x="15430500" y="12925990"/>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3917</xdr:rowOff>
    </xdr:from>
    <xdr:ext cx="534377" cy="259045"/>
    <xdr:sp macro="" textlink="">
      <xdr:nvSpPr>
        <xdr:cNvPr id="624" name="テキスト ボックス 623">
          <a:extLst>
            <a:ext uri="{FF2B5EF4-FFF2-40B4-BE49-F238E27FC236}">
              <a16:creationId xmlns:a16="http://schemas.microsoft.com/office/drawing/2014/main" id="{00000000-0008-0000-0600-000070020000}"/>
            </a:ext>
          </a:extLst>
        </xdr:cNvPr>
        <xdr:cNvSpPr txBox="1"/>
      </xdr:nvSpPr>
      <xdr:spPr>
        <a:xfrm>
          <a:off x="15214111" y="12701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28487</xdr:rowOff>
    </xdr:from>
    <xdr:to>
      <xdr:col>76</xdr:col>
      <xdr:colOff>114300</xdr:colOff>
      <xdr:row>76</xdr:row>
      <xdr:rowOff>29801</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flipV="1">
          <a:off x="13703300" y="13058687"/>
          <a:ext cx="889000" cy="1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5</xdr:row>
      <xdr:rowOff>74308</xdr:rowOff>
    </xdr:from>
    <xdr:to>
      <xdr:col>76</xdr:col>
      <xdr:colOff>165100</xdr:colOff>
      <xdr:row>76</xdr:row>
      <xdr:rowOff>4459</xdr:rowOff>
    </xdr:to>
    <xdr:sp macro="" textlink="">
      <xdr:nvSpPr>
        <xdr:cNvPr id="626" name="フローチャート: 判断 625">
          <a:extLst>
            <a:ext uri="{FF2B5EF4-FFF2-40B4-BE49-F238E27FC236}">
              <a16:creationId xmlns:a16="http://schemas.microsoft.com/office/drawing/2014/main" id="{00000000-0008-0000-0600-000072020000}"/>
            </a:ext>
          </a:extLst>
        </xdr:cNvPr>
        <xdr:cNvSpPr/>
      </xdr:nvSpPr>
      <xdr:spPr>
        <a:xfrm>
          <a:off x="14541500" y="129330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20985</xdr:rowOff>
    </xdr:from>
    <xdr:ext cx="534377" cy="259045"/>
    <xdr:sp macro="" textlink="">
      <xdr:nvSpPr>
        <xdr:cNvPr id="627" name="テキスト ボックス 626">
          <a:extLst>
            <a:ext uri="{FF2B5EF4-FFF2-40B4-BE49-F238E27FC236}">
              <a16:creationId xmlns:a16="http://schemas.microsoft.com/office/drawing/2014/main" id="{00000000-0008-0000-0600-000073020000}"/>
            </a:ext>
          </a:extLst>
        </xdr:cNvPr>
        <xdr:cNvSpPr txBox="1"/>
      </xdr:nvSpPr>
      <xdr:spPr>
        <a:xfrm>
          <a:off x="14325111" y="127082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25115</xdr:rowOff>
    </xdr:from>
    <xdr:to>
      <xdr:col>71</xdr:col>
      <xdr:colOff>177800</xdr:colOff>
      <xdr:row>76</xdr:row>
      <xdr:rowOff>29801</xdr:rowOff>
    </xdr:to>
    <xdr:cxnSp macro="">
      <xdr:nvCxnSpPr>
        <xdr:cNvPr id="628" name="直線コネクタ 627">
          <a:extLst>
            <a:ext uri="{FF2B5EF4-FFF2-40B4-BE49-F238E27FC236}">
              <a16:creationId xmlns:a16="http://schemas.microsoft.com/office/drawing/2014/main" id="{00000000-0008-0000-0600-000074020000}"/>
            </a:ext>
          </a:extLst>
        </xdr:cNvPr>
        <xdr:cNvCxnSpPr/>
      </xdr:nvCxnSpPr>
      <xdr:spPr>
        <a:xfrm>
          <a:off x="12814300" y="13055315"/>
          <a:ext cx="889000" cy="4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55525</xdr:rowOff>
    </xdr:from>
    <xdr:to>
      <xdr:col>72</xdr:col>
      <xdr:colOff>38100</xdr:colOff>
      <xdr:row>75</xdr:row>
      <xdr:rowOff>157125</xdr:rowOff>
    </xdr:to>
    <xdr:sp macro="" textlink="">
      <xdr:nvSpPr>
        <xdr:cNvPr id="629" name="フローチャート: 判断 628">
          <a:extLst>
            <a:ext uri="{FF2B5EF4-FFF2-40B4-BE49-F238E27FC236}">
              <a16:creationId xmlns:a16="http://schemas.microsoft.com/office/drawing/2014/main" id="{00000000-0008-0000-0600-000075020000}"/>
            </a:ext>
          </a:extLst>
        </xdr:cNvPr>
        <xdr:cNvSpPr/>
      </xdr:nvSpPr>
      <xdr:spPr>
        <a:xfrm>
          <a:off x="13652500" y="12914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2202</xdr:rowOff>
    </xdr:from>
    <xdr:ext cx="534377" cy="259045"/>
    <xdr:sp macro="" textlink="">
      <xdr:nvSpPr>
        <xdr:cNvPr id="630" name="テキスト ボックス 629">
          <a:extLst>
            <a:ext uri="{FF2B5EF4-FFF2-40B4-BE49-F238E27FC236}">
              <a16:creationId xmlns:a16="http://schemas.microsoft.com/office/drawing/2014/main" id="{00000000-0008-0000-0600-000076020000}"/>
            </a:ext>
          </a:extLst>
        </xdr:cNvPr>
        <xdr:cNvSpPr txBox="1"/>
      </xdr:nvSpPr>
      <xdr:spPr>
        <a:xfrm>
          <a:off x="13436111" y="12689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41370</xdr:rowOff>
    </xdr:from>
    <xdr:to>
      <xdr:col>67</xdr:col>
      <xdr:colOff>101600</xdr:colOff>
      <xdr:row>75</xdr:row>
      <xdr:rowOff>142970</xdr:rowOff>
    </xdr:to>
    <xdr:sp macro="" textlink="">
      <xdr:nvSpPr>
        <xdr:cNvPr id="631" name="フローチャート: 判断 630">
          <a:extLst>
            <a:ext uri="{FF2B5EF4-FFF2-40B4-BE49-F238E27FC236}">
              <a16:creationId xmlns:a16="http://schemas.microsoft.com/office/drawing/2014/main" id="{00000000-0008-0000-0600-000077020000}"/>
            </a:ext>
          </a:extLst>
        </xdr:cNvPr>
        <xdr:cNvSpPr/>
      </xdr:nvSpPr>
      <xdr:spPr>
        <a:xfrm>
          <a:off x="12763500" y="1290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3</xdr:row>
      <xdr:rowOff>159497</xdr:rowOff>
    </xdr:from>
    <xdr:ext cx="534377" cy="259045"/>
    <xdr:sp macro="" textlink="">
      <xdr:nvSpPr>
        <xdr:cNvPr id="632" name="テキスト ボックス 631">
          <a:extLst>
            <a:ext uri="{FF2B5EF4-FFF2-40B4-BE49-F238E27FC236}">
              <a16:creationId xmlns:a16="http://schemas.microsoft.com/office/drawing/2014/main" id="{00000000-0008-0000-0600-000078020000}"/>
            </a:ext>
          </a:extLst>
        </xdr:cNvPr>
        <xdr:cNvSpPr txBox="1"/>
      </xdr:nvSpPr>
      <xdr:spPr>
        <a:xfrm>
          <a:off x="12547111" y="1267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5</xdr:row>
      <xdr:rowOff>144964</xdr:rowOff>
    </xdr:from>
    <xdr:to>
      <xdr:col>85</xdr:col>
      <xdr:colOff>177800</xdr:colOff>
      <xdr:row>76</xdr:row>
      <xdr:rowOff>75115</xdr:rowOff>
    </xdr:to>
    <xdr:sp macro="" textlink="">
      <xdr:nvSpPr>
        <xdr:cNvPr id="638" name="楕円 637">
          <a:extLst>
            <a:ext uri="{FF2B5EF4-FFF2-40B4-BE49-F238E27FC236}">
              <a16:creationId xmlns:a16="http://schemas.microsoft.com/office/drawing/2014/main" id="{00000000-0008-0000-0600-00007E020000}"/>
            </a:ext>
          </a:extLst>
        </xdr:cNvPr>
        <xdr:cNvSpPr/>
      </xdr:nvSpPr>
      <xdr:spPr>
        <a:xfrm>
          <a:off x="16268700" y="1300371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5</xdr:row>
      <xdr:rowOff>123392</xdr:rowOff>
    </xdr:from>
    <xdr:ext cx="534377" cy="259045"/>
    <xdr:sp macro="" textlink="">
      <xdr:nvSpPr>
        <xdr:cNvPr id="639" name="公債費該当値テキスト">
          <a:extLst>
            <a:ext uri="{FF2B5EF4-FFF2-40B4-BE49-F238E27FC236}">
              <a16:creationId xmlns:a16="http://schemas.microsoft.com/office/drawing/2014/main" id="{00000000-0008-0000-0600-00007F020000}"/>
            </a:ext>
          </a:extLst>
        </xdr:cNvPr>
        <xdr:cNvSpPr txBox="1"/>
      </xdr:nvSpPr>
      <xdr:spPr>
        <a:xfrm>
          <a:off x="16370300" y="12982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167842</xdr:rowOff>
    </xdr:from>
    <xdr:to>
      <xdr:col>81</xdr:col>
      <xdr:colOff>101600</xdr:colOff>
      <xdr:row>76</xdr:row>
      <xdr:rowOff>97992</xdr:rowOff>
    </xdr:to>
    <xdr:sp macro="" textlink="">
      <xdr:nvSpPr>
        <xdr:cNvPr id="640" name="楕円 639">
          <a:extLst>
            <a:ext uri="{FF2B5EF4-FFF2-40B4-BE49-F238E27FC236}">
              <a16:creationId xmlns:a16="http://schemas.microsoft.com/office/drawing/2014/main" id="{00000000-0008-0000-0600-000080020000}"/>
            </a:ext>
          </a:extLst>
        </xdr:cNvPr>
        <xdr:cNvSpPr/>
      </xdr:nvSpPr>
      <xdr:spPr>
        <a:xfrm>
          <a:off x="15430500" y="13026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89119</xdr:rowOff>
    </xdr:from>
    <xdr:ext cx="534377"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5214111" y="13119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5</xdr:row>
      <xdr:rowOff>149137</xdr:rowOff>
    </xdr:from>
    <xdr:to>
      <xdr:col>76</xdr:col>
      <xdr:colOff>165100</xdr:colOff>
      <xdr:row>76</xdr:row>
      <xdr:rowOff>79287</xdr:rowOff>
    </xdr:to>
    <xdr:sp macro="" textlink="">
      <xdr:nvSpPr>
        <xdr:cNvPr id="642" name="楕円 641">
          <a:extLst>
            <a:ext uri="{FF2B5EF4-FFF2-40B4-BE49-F238E27FC236}">
              <a16:creationId xmlns:a16="http://schemas.microsoft.com/office/drawing/2014/main" id="{00000000-0008-0000-0600-000082020000}"/>
            </a:ext>
          </a:extLst>
        </xdr:cNvPr>
        <xdr:cNvSpPr/>
      </xdr:nvSpPr>
      <xdr:spPr>
        <a:xfrm>
          <a:off x="14541500" y="13007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70414</xdr:rowOff>
    </xdr:from>
    <xdr:ext cx="534377"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4325111" y="13100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50451</xdr:rowOff>
    </xdr:from>
    <xdr:to>
      <xdr:col>72</xdr:col>
      <xdr:colOff>38100</xdr:colOff>
      <xdr:row>76</xdr:row>
      <xdr:rowOff>80601</xdr:rowOff>
    </xdr:to>
    <xdr:sp macro="" textlink="">
      <xdr:nvSpPr>
        <xdr:cNvPr id="644" name="楕円 643">
          <a:extLst>
            <a:ext uri="{FF2B5EF4-FFF2-40B4-BE49-F238E27FC236}">
              <a16:creationId xmlns:a16="http://schemas.microsoft.com/office/drawing/2014/main" id="{00000000-0008-0000-0600-000084020000}"/>
            </a:ext>
          </a:extLst>
        </xdr:cNvPr>
        <xdr:cNvSpPr/>
      </xdr:nvSpPr>
      <xdr:spPr>
        <a:xfrm>
          <a:off x="13652500" y="13009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71728</xdr:rowOff>
    </xdr:from>
    <xdr:ext cx="534377" cy="259045"/>
    <xdr:sp macro="" textlink="">
      <xdr:nvSpPr>
        <xdr:cNvPr id="645" name="テキスト ボックス 644">
          <a:extLst>
            <a:ext uri="{FF2B5EF4-FFF2-40B4-BE49-F238E27FC236}">
              <a16:creationId xmlns:a16="http://schemas.microsoft.com/office/drawing/2014/main" id="{00000000-0008-0000-0600-000085020000}"/>
            </a:ext>
          </a:extLst>
        </xdr:cNvPr>
        <xdr:cNvSpPr txBox="1"/>
      </xdr:nvSpPr>
      <xdr:spPr>
        <a:xfrm>
          <a:off x="13436111" y="13101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45764</xdr:rowOff>
    </xdr:from>
    <xdr:to>
      <xdr:col>67</xdr:col>
      <xdr:colOff>101600</xdr:colOff>
      <xdr:row>76</xdr:row>
      <xdr:rowOff>75915</xdr:rowOff>
    </xdr:to>
    <xdr:sp macro="" textlink="">
      <xdr:nvSpPr>
        <xdr:cNvPr id="646" name="楕円 645">
          <a:extLst>
            <a:ext uri="{FF2B5EF4-FFF2-40B4-BE49-F238E27FC236}">
              <a16:creationId xmlns:a16="http://schemas.microsoft.com/office/drawing/2014/main" id="{00000000-0008-0000-0600-000086020000}"/>
            </a:ext>
          </a:extLst>
        </xdr:cNvPr>
        <xdr:cNvSpPr/>
      </xdr:nvSpPr>
      <xdr:spPr>
        <a:xfrm>
          <a:off x="12763500" y="1300451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67042</xdr:rowOff>
    </xdr:from>
    <xdr:ext cx="534377" cy="259045"/>
    <xdr:sp macro="" textlink="">
      <xdr:nvSpPr>
        <xdr:cNvPr id="647" name="テキスト ボックス 646">
          <a:extLst>
            <a:ext uri="{FF2B5EF4-FFF2-40B4-BE49-F238E27FC236}">
              <a16:creationId xmlns:a16="http://schemas.microsoft.com/office/drawing/2014/main" id="{00000000-0008-0000-0600-000087020000}"/>
            </a:ext>
          </a:extLst>
        </xdr:cNvPr>
        <xdr:cNvSpPr txBox="1"/>
      </xdr:nvSpPr>
      <xdr:spPr>
        <a:xfrm>
          <a:off x="12547111" y="13097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8" name="正方形/長方形 647">
          <a:extLst>
            <a:ext uri="{FF2B5EF4-FFF2-40B4-BE49-F238E27FC236}">
              <a16:creationId xmlns:a16="http://schemas.microsoft.com/office/drawing/2014/main" id="{00000000-0008-0000-0600-00008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6" name="テキスト ボックス 655">
          <a:extLst>
            <a:ext uri="{FF2B5EF4-FFF2-40B4-BE49-F238E27FC236}">
              <a16:creationId xmlns:a16="http://schemas.microsoft.com/office/drawing/2014/main" id="{00000000-0008-0000-0600-00009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7" name="直線コネクタ 656">
          <a:extLst>
            <a:ext uri="{FF2B5EF4-FFF2-40B4-BE49-F238E27FC236}">
              <a16:creationId xmlns:a16="http://schemas.microsoft.com/office/drawing/2014/main" id="{00000000-0008-0000-0600-00009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59" name="テキスト ボックス 658">
          <a:extLst>
            <a:ext uri="{FF2B5EF4-FFF2-40B4-BE49-F238E27FC236}">
              <a16:creationId xmlns:a16="http://schemas.microsoft.com/office/drawing/2014/main" id="{00000000-0008-0000-0600-000093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0" name="直線コネクタ 659">
          <a:extLst>
            <a:ext uri="{FF2B5EF4-FFF2-40B4-BE49-F238E27FC236}">
              <a16:creationId xmlns:a16="http://schemas.microsoft.com/office/drawing/2014/main" id="{00000000-0008-0000-0600-000094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1" name="テキスト ボックス 660">
          <a:extLst>
            <a:ext uri="{FF2B5EF4-FFF2-40B4-BE49-F238E27FC236}">
              <a16:creationId xmlns:a16="http://schemas.microsoft.com/office/drawing/2014/main" id="{00000000-0008-0000-0600-000095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2" name="直線コネクタ 661">
          <a:extLst>
            <a:ext uri="{FF2B5EF4-FFF2-40B4-BE49-F238E27FC236}">
              <a16:creationId xmlns:a16="http://schemas.microsoft.com/office/drawing/2014/main" id="{00000000-0008-0000-0600-000096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65" name="テキスト ボックス 664">
          <a:extLst>
            <a:ext uri="{FF2B5EF4-FFF2-40B4-BE49-F238E27FC236}">
              <a16:creationId xmlns:a16="http://schemas.microsoft.com/office/drawing/2014/main" id="{00000000-0008-0000-0600-000099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66" name="直線コネクタ 665">
          <a:extLst>
            <a:ext uri="{FF2B5EF4-FFF2-40B4-BE49-F238E27FC236}">
              <a16:creationId xmlns:a16="http://schemas.microsoft.com/office/drawing/2014/main" id="{00000000-0008-0000-0600-00009A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67" name="テキスト ボックス 666">
          <a:extLst>
            <a:ext uri="{FF2B5EF4-FFF2-40B4-BE49-F238E27FC236}">
              <a16:creationId xmlns:a16="http://schemas.microsoft.com/office/drawing/2014/main" id="{00000000-0008-0000-0600-00009B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8" name="直線コネクタ 667">
          <a:extLst>
            <a:ext uri="{FF2B5EF4-FFF2-40B4-BE49-F238E27FC236}">
              <a16:creationId xmlns:a16="http://schemas.microsoft.com/office/drawing/2014/main" id="{00000000-0008-0000-0600-00009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69" name="テキスト ボックス 668">
          <a:extLst>
            <a:ext uri="{FF2B5EF4-FFF2-40B4-BE49-F238E27FC236}">
              <a16:creationId xmlns:a16="http://schemas.microsoft.com/office/drawing/2014/main" id="{00000000-0008-0000-0600-00009D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0" name="積立金グラフ枠">
          <a:extLst>
            <a:ext uri="{FF2B5EF4-FFF2-40B4-BE49-F238E27FC236}">
              <a16:creationId xmlns:a16="http://schemas.microsoft.com/office/drawing/2014/main" id="{00000000-0008-0000-0600-00009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49720</xdr:rowOff>
    </xdr:from>
    <xdr:to>
      <xdr:col>85</xdr:col>
      <xdr:colOff>126364</xdr:colOff>
      <xdr:row>99</xdr:row>
      <xdr:rowOff>31128</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flipV="1">
          <a:off x="16317595" y="15408770"/>
          <a:ext cx="1269" cy="15959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34955</xdr:rowOff>
    </xdr:from>
    <xdr:ext cx="469744" cy="259045"/>
    <xdr:sp macro="" textlink="">
      <xdr:nvSpPr>
        <xdr:cNvPr id="672" name="積立金最小値テキスト">
          <a:extLst>
            <a:ext uri="{FF2B5EF4-FFF2-40B4-BE49-F238E27FC236}">
              <a16:creationId xmlns:a16="http://schemas.microsoft.com/office/drawing/2014/main" id="{00000000-0008-0000-0600-0000A0020000}"/>
            </a:ext>
          </a:extLst>
        </xdr:cNvPr>
        <xdr:cNvSpPr txBox="1"/>
      </xdr:nvSpPr>
      <xdr:spPr>
        <a:xfrm>
          <a:off x="16370300" y="170085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1128</xdr:rowOff>
    </xdr:from>
    <xdr:to>
      <xdr:col>86</xdr:col>
      <xdr:colOff>25400</xdr:colOff>
      <xdr:row>99</xdr:row>
      <xdr:rowOff>31128</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6230600" y="170046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6397</xdr:rowOff>
    </xdr:from>
    <xdr:ext cx="599010" cy="259045"/>
    <xdr:sp macro="" textlink="">
      <xdr:nvSpPr>
        <xdr:cNvPr id="674" name="積立金最大値テキスト">
          <a:extLst>
            <a:ext uri="{FF2B5EF4-FFF2-40B4-BE49-F238E27FC236}">
              <a16:creationId xmlns:a16="http://schemas.microsoft.com/office/drawing/2014/main" id="{00000000-0008-0000-0600-0000A2020000}"/>
            </a:ext>
          </a:extLst>
        </xdr:cNvPr>
        <xdr:cNvSpPr txBox="1"/>
      </xdr:nvSpPr>
      <xdr:spPr>
        <a:xfrm>
          <a:off x="16370300" y="151839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49720</xdr:rowOff>
    </xdr:from>
    <xdr:to>
      <xdr:col>86</xdr:col>
      <xdr:colOff>25400</xdr:colOff>
      <xdr:row>89</xdr:row>
      <xdr:rowOff>14972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6230600" y="154087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34175</xdr:rowOff>
    </xdr:from>
    <xdr:to>
      <xdr:col>85</xdr:col>
      <xdr:colOff>127000</xdr:colOff>
      <xdr:row>99</xdr:row>
      <xdr:rowOff>11252</xdr:rowOff>
    </xdr:to>
    <xdr:cxnSp macro="">
      <xdr:nvCxnSpPr>
        <xdr:cNvPr id="676" name="直線コネクタ 675">
          <a:extLst>
            <a:ext uri="{FF2B5EF4-FFF2-40B4-BE49-F238E27FC236}">
              <a16:creationId xmlns:a16="http://schemas.microsoft.com/office/drawing/2014/main" id="{00000000-0008-0000-0600-0000A4020000}"/>
            </a:ext>
          </a:extLst>
        </xdr:cNvPr>
        <xdr:cNvCxnSpPr/>
      </xdr:nvCxnSpPr>
      <xdr:spPr>
        <a:xfrm flipV="1">
          <a:off x="15481300" y="16936275"/>
          <a:ext cx="838200" cy="485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84625</xdr:rowOff>
    </xdr:from>
    <xdr:ext cx="534377" cy="259045"/>
    <xdr:sp macro="" textlink="">
      <xdr:nvSpPr>
        <xdr:cNvPr id="677" name="積立金平均値テキスト">
          <a:extLst>
            <a:ext uri="{FF2B5EF4-FFF2-40B4-BE49-F238E27FC236}">
              <a16:creationId xmlns:a16="http://schemas.microsoft.com/office/drawing/2014/main" id="{00000000-0008-0000-0600-0000A5020000}"/>
            </a:ext>
          </a:extLst>
        </xdr:cNvPr>
        <xdr:cNvSpPr txBox="1"/>
      </xdr:nvSpPr>
      <xdr:spPr>
        <a:xfrm>
          <a:off x="16370300" y="165438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1748</xdr:rowOff>
    </xdr:from>
    <xdr:to>
      <xdr:col>85</xdr:col>
      <xdr:colOff>177800</xdr:colOff>
      <xdr:row>97</xdr:row>
      <xdr:rowOff>163348</xdr:rowOff>
    </xdr:to>
    <xdr:sp macro="" textlink="">
      <xdr:nvSpPr>
        <xdr:cNvPr id="678" name="フローチャート: 判断 677">
          <a:extLst>
            <a:ext uri="{FF2B5EF4-FFF2-40B4-BE49-F238E27FC236}">
              <a16:creationId xmlns:a16="http://schemas.microsoft.com/office/drawing/2014/main" id="{00000000-0008-0000-0600-0000A6020000}"/>
            </a:ext>
          </a:extLst>
        </xdr:cNvPr>
        <xdr:cNvSpPr/>
      </xdr:nvSpPr>
      <xdr:spPr>
        <a:xfrm>
          <a:off x="16268700" y="16692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11252</xdr:rowOff>
    </xdr:from>
    <xdr:to>
      <xdr:col>81</xdr:col>
      <xdr:colOff>50800</xdr:colOff>
      <xdr:row>99</xdr:row>
      <xdr:rowOff>36285</xdr:rowOff>
    </xdr:to>
    <xdr:cxnSp macro="">
      <xdr:nvCxnSpPr>
        <xdr:cNvPr id="679" name="直線コネクタ 678">
          <a:extLst>
            <a:ext uri="{FF2B5EF4-FFF2-40B4-BE49-F238E27FC236}">
              <a16:creationId xmlns:a16="http://schemas.microsoft.com/office/drawing/2014/main" id="{00000000-0008-0000-0600-0000A7020000}"/>
            </a:ext>
          </a:extLst>
        </xdr:cNvPr>
        <xdr:cNvCxnSpPr/>
      </xdr:nvCxnSpPr>
      <xdr:spPr>
        <a:xfrm flipV="1">
          <a:off x="14592300" y="16984802"/>
          <a:ext cx="889000" cy="250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5836</xdr:rowOff>
    </xdr:from>
    <xdr:to>
      <xdr:col>81</xdr:col>
      <xdr:colOff>101600</xdr:colOff>
      <xdr:row>98</xdr:row>
      <xdr:rowOff>95986</xdr:rowOff>
    </xdr:to>
    <xdr:sp macro="" textlink="">
      <xdr:nvSpPr>
        <xdr:cNvPr id="680" name="フローチャート: 判断 679">
          <a:extLst>
            <a:ext uri="{FF2B5EF4-FFF2-40B4-BE49-F238E27FC236}">
              <a16:creationId xmlns:a16="http://schemas.microsoft.com/office/drawing/2014/main" id="{00000000-0008-0000-0600-0000A8020000}"/>
            </a:ext>
          </a:extLst>
        </xdr:cNvPr>
        <xdr:cNvSpPr/>
      </xdr:nvSpPr>
      <xdr:spPr>
        <a:xfrm>
          <a:off x="15430500" y="16796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12513</xdr:rowOff>
    </xdr:from>
    <xdr:ext cx="534377" cy="259045"/>
    <xdr:sp macro="" textlink="">
      <xdr:nvSpPr>
        <xdr:cNvPr id="681" name="テキスト ボックス 680">
          <a:extLst>
            <a:ext uri="{FF2B5EF4-FFF2-40B4-BE49-F238E27FC236}">
              <a16:creationId xmlns:a16="http://schemas.microsoft.com/office/drawing/2014/main" id="{00000000-0008-0000-0600-0000A9020000}"/>
            </a:ext>
          </a:extLst>
        </xdr:cNvPr>
        <xdr:cNvSpPr txBox="1"/>
      </xdr:nvSpPr>
      <xdr:spPr>
        <a:xfrm>
          <a:off x="15214111" y="1657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5538</xdr:rowOff>
    </xdr:from>
    <xdr:to>
      <xdr:col>76</xdr:col>
      <xdr:colOff>114300</xdr:colOff>
      <xdr:row>99</xdr:row>
      <xdr:rowOff>36285</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3703300" y="16979088"/>
          <a:ext cx="889000" cy="30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4833</xdr:rowOff>
    </xdr:from>
    <xdr:to>
      <xdr:col>76</xdr:col>
      <xdr:colOff>165100</xdr:colOff>
      <xdr:row>98</xdr:row>
      <xdr:rowOff>94983</xdr:rowOff>
    </xdr:to>
    <xdr:sp macro="" textlink="">
      <xdr:nvSpPr>
        <xdr:cNvPr id="683" name="フローチャート: 判断 682">
          <a:extLst>
            <a:ext uri="{FF2B5EF4-FFF2-40B4-BE49-F238E27FC236}">
              <a16:creationId xmlns:a16="http://schemas.microsoft.com/office/drawing/2014/main" id="{00000000-0008-0000-0600-0000AB020000}"/>
            </a:ext>
          </a:extLst>
        </xdr:cNvPr>
        <xdr:cNvSpPr/>
      </xdr:nvSpPr>
      <xdr:spPr>
        <a:xfrm>
          <a:off x="14541500" y="16795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11510</xdr:rowOff>
    </xdr:from>
    <xdr:ext cx="534377" cy="259045"/>
    <xdr:sp macro="" textlink="">
      <xdr:nvSpPr>
        <xdr:cNvPr id="684" name="テキスト ボックス 683">
          <a:extLst>
            <a:ext uri="{FF2B5EF4-FFF2-40B4-BE49-F238E27FC236}">
              <a16:creationId xmlns:a16="http://schemas.microsoft.com/office/drawing/2014/main" id="{00000000-0008-0000-0600-0000AC020000}"/>
            </a:ext>
          </a:extLst>
        </xdr:cNvPr>
        <xdr:cNvSpPr txBox="1"/>
      </xdr:nvSpPr>
      <xdr:spPr>
        <a:xfrm>
          <a:off x="14325111" y="165707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61404</xdr:rowOff>
    </xdr:from>
    <xdr:to>
      <xdr:col>71</xdr:col>
      <xdr:colOff>177800</xdr:colOff>
      <xdr:row>99</xdr:row>
      <xdr:rowOff>5538</xdr:rowOff>
    </xdr:to>
    <xdr:cxnSp macro="">
      <xdr:nvCxnSpPr>
        <xdr:cNvPr id="685" name="直線コネクタ 684">
          <a:extLst>
            <a:ext uri="{FF2B5EF4-FFF2-40B4-BE49-F238E27FC236}">
              <a16:creationId xmlns:a16="http://schemas.microsoft.com/office/drawing/2014/main" id="{00000000-0008-0000-0600-0000AD020000}"/>
            </a:ext>
          </a:extLst>
        </xdr:cNvPr>
        <xdr:cNvCxnSpPr/>
      </xdr:nvCxnSpPr>
      <xdr:spPr>
        <a:xfrm>
          <a:off x="12814300" y="16963504"/>
          <a:ext cx="889000" cy="15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90830</xdr:rowOff>
    </xdr:from>
    <xdr:to>
      <xdr:col>72</xdr:col>
      <xdr:colOff>38100</xdr:colOff>
      <xdr:row>98</xdr:row>
      <xdr:rowOff>20980</xdr:rowOff>
    </xdr:to>
    <xdr:sp macro="" textlink="">
      <xdr:nvSpPr>
        <xdr:cNvPr id="686" name="フローチャート: 判断 685">
          <a:extLst>
            <a:ext uri="{FF2B5EF4-FFF2-40B4-BE49-F238E27FC236}">
              <a16:creationId xmlns:a16="http://schemas.microsoft.com/office/drawing/2014/main" id="{00000000-0008-0000-0600-0000AE020000}"/>
            </a:ext>
          </a:extLst>
        </xdr:cNvPr>
        <xdr:cNvSpPr/>
      </xdr:nvSpPr>
      <xdr:spPr>
        <a:xfrm>
          <a:off x="13652500" y="16721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37507</xdr:rowOff>
    </xdr:from>
    <xdr:ext cx="534377" cy="259045"/>
    <xdr:sp macro="" textlink="">
      <xdr:nvSpPr>
        <xdr:cNvPr id="687" name="テキスト ボックス 686">
          <a:extLst>
            <a:ext uri="{FF2B5EF4-FFF2-40B4-BE49-F238E27FC236}">
              <a16:creationId xmlns:a16="http://schemas.microsoft.com/office/drawing/2014/main" id="{00000000-0008-0000-0600-0000AF020000}"/>
            </a:ext>
          </a:extLst>
        </xdr:cNvPr>
        <xdr:cNvSpPr txBox="1"/>
      </xdr:nvSpPr>
      <xdr:spPr>
        <a:xfrm>
          <a:off x="13436111" y="16496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67450</xdr:rowOff>
    </xdr:from>
    <xdr:to>
      <xdr:col>67</xdr:col>
      <xdr:colOff>101600</xdr:colOff>
      <xdr:row>98</xdr:row>
      <xdr:rowOff>97600</xdr:rowOff>
    </xdr:to>
    <xdr:sp macro="" textlink="">
      <xdr:nvSpPr>
        <xdr:cNvPr id="688" name="フローチャート: 判断 687">
          <a:extLst>
            <a:ext uri="{FF2B5EF4-FFF2-40B4-BE49-F238E27FC236}">
              <a16:creationId xmlns:a16="http://schemas.microsoft.com/office/drawing/2014/main" id="{00000000-0008-0000-0600-0000B0020000}"/>
            </a:ext>
          </a:extLst>
        </xdr:cNvPr>
        <xdr:cNvSpPr/>
      </xdr:nvSpPr>
      <xdr:spPr>
        <a:xfrm>
          <a:off x="12763500" y="1679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14127</xdr:rowOff>
    </xdr:from>
    <xdr:ext cx="534377"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2547111" y="16573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83375</xdr:rowOff>
    </xdr:from>
    <xdr:to>
      <xdr:col>85</xdr:col>
      <xdr:colOff>177800</xdr:colOff>
      <xdr:row>99</xdr:row>
      <xdr:rowOff>13525</xdr:rowOff>
    </xdr:to>
    <xdr:sp macro="" textlink="">
      <xdr:nvSpPr>
        <xdr:cNvPr id="695" name="楕円 694">
          <a:extLst>
            <a:ext uri="{FF2B5EF4-FFF2-40B4-BE49-F238E27FC236}">
              <a16:creationId xmlns:a16="http://schemas.microsoft.com/office/drawing/2014/main" id="{00000000-0008-0000-0600-0000B7020000}"/>
            </a:ext>
          </a:extLst>
        </xdr:cNvPr>
        <xdr:cNvSpPr/>
      </xdr:nvSpPr>
      <xdr:spPr>
        <a:xfrm>
          <a:off x="16268700" y="16885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69752</xdr:rowOff>
    </xdr:from>
    <xdr:ext cx="469744" cy="259045"/>
    <xdr:sp macro="" textlink="">
      <xdr:nvSpPr>
        <xdr:cNvPr id="696" name="積立金該当値テキスト">
          <a:extLst>
            <a:ext uri="{FF2B5EF4-FFF2-40B4-BE49-F238E27FC236}">
              <a16:creationId xmlns:a16="http://schemas.microsoft.com/office/drawing/2014/main" id="{00000000-0008-0000-0600-0000B8020000}"/>
            </a:ext>
          </a:extLst>
        </xdr:cNvPr>
        <xdr:cNvSpPr txBox="1"/>
      </xdr:nvSpPr>
      <xdr:spPr>
        <a:xfrm>
          <a:off x="16370300" y="168004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31902</xdr:rowOff>
    </xdr:from>
    <xdr:to>
      <xdr:col>81</xdr:col>
      <xdr:colOff>101600</xdr:colOff>
      <xdr:row>99</xdr:row>
      <xdr:rowOff>62052</xdr:rowOff>
    </xdr:to>
    <xdr:sp macro="" textlink="">
      <xdr:nvSpPr>
        <xdr:cNvPr id="697" name="楕円 696">
          <a:extLst>
            <a:ext uri="{FF2B5EF4-FFF2-40B4-BE49-F238E27FC236}">
              <a16:creationId xmlns:a16="http://schemas.microsoft.com/office/drawing/2014/main" id="{00000000-0008-0000-0600-0000B9020000}"/>
            </a:ext>
          </a:extLst>
        </xdr:cNvPr>
        <xdr:cNvSpPr/>
      </xdr:nvSpPr>
      <xdr:spPr>
        <a:xfrm>
          <a:off x="15430500" y="16934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9</xdr:row>
      <xdr:rowOff>53179</xdr:rowOff>
    </xdr:from>
    <xdr:ext cx="469744"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5246428" y="17026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56935</xdr:rowOff>
    </xdr:from>
    <xdr:to>
      <xdr:col>76</xdr:col>
      <xdr:colOff>165100</xdr:colOff>
      <xdr:row>99</xdr:row>
      <xdr:rowOff>87085</xdr:rowOff>
    </xdr:to>
    <xdr:sp macro="" textlink="">
      <xdr:nvSpPr>
        <xdr:cNvPr id="699" name="楕円 698">
          <a:extLst>
            <a:ext uri="{FF2B5EF4-FFF2-40B4-BE49-F238E27FC236}">
              <a16:creationId xmlns:a16="http://schemas.microsoft.com/office/drawing/2014/main" id="{00000000-0008-0000-0600-0000BB020000}"/>
            </a:ext>
          </a:extLst>
        </xdr:cNvPr>
        <xdr:cNvSpPr/>
      </xdr:nvSpPr>
      <xdr:spPr>
        <a:xfrm>
          <a:off x="14541500" y="16959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99</xdr:row>
      <xdr:rowOff>78212</xdr:rowOff>
    </xdr:from>
    <xdr:ext cx="378565"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4403017" y="170517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26188</xdr:rowOff>
    </xdr:from>
    <xdr:to>
      <xdr:col>72</xdr:col>
      <xdr:colOff>38100</xdr:colOff>
      <xdr:row>99</xdr:row>
      <xdr:rowOff>56338</xdr:rowOff>
    </xdr:to>
    <xdr:sp macro="" textlink="">
      <xdr:nvSpPr>
        <xdr:cNvPr id="701" name="楕円 700">
          <a:extLst>
            <a:ext uri="{FF2B5EF4-FFF2-40B4-BE49-F238E27FC236}">
              <a16:creationId xmlns:a16="http://schemas.microsoft.com/office/drawing/2014/main" id="{00000000-0008-0000-0600-0000BD020000}"/>
            </a:ext>
          </a:extLst>
        </xdr:cNvPr>
        <xdr:cNvSpPr/>
      </xdr:nvSpPr>
      <xdr:spPr>
        <a:xfrm>
          <a:off x="13652500" y="16928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47465</xdr:rowOff>
    </xdr:from>
    <xdr:ext cx="469744" cy="259045"/>
    <xdr:sp macro="" textlink="">
      <xdr:nvSpPr>
        <xdr:cNvPr id="702" name="テキスト ボックス 701">
          <a:extLst>
            <a:ext uri="{FF2B5EF4-FFF2-40B4-BE49-F238E27FC236}">
              <a16:creationId xmlns:a16="http://schemas.microsoft.com/office/drawing/2014/main" id="{00000000-0008-0000-0600-0000BE020000}"/>
            </a:ext>
          </a:extLst>
        </xdr:cNvPr>
        <xdr:cNvSpPr txBox="1"/>
      </xdr:nvSpPr>
      <xdr:spPr>
        <a:xfrm>
          <a:off x="13468428" y="17021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10604</xdr:rowOff>
    </xdr:from>
    <xdr:to>
      <xdr:col>67</xdr:col>
      <xdr:colOff>101600</xdr:colOff>
      <xdr:row>99</xdr:row>
      <xdr:rowOff>40754</xdr:rowOff>
    </xdr:to>
    <xdr:sp macro="" textlink="">
      <xdr:nvSpPr>
        <xdr:cNvPr id="703" name="楕円 702">
          <a:extLst>
            <a:ext uri="{FF2B5EF4-FFF2-40B4-BE49-F238E27FC236}">
              <a16:creationId xmlns:a16="http://schemas.microsoft.com/office/drawing/2014/main" id="{00000000-0008-0000-0600-0000BF020000}"/>
            </a:ext>
          </a:extLst>
        </xdr:cNvPr>
        <xdr:cNvSpPr/>
      </xdr:nvSpPr>
      <xdr:spPr>
        <a:xfrm>
          <a:off x="12763500" y="16912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31881</xdr:rowOff>
    </xdr:from>
    <xdr:ext cx="469744" cy="259045"/>
    <xdr:sp macro="" textlink="">
      <xdr:nvSpPr>
        <xdr:cNvPr id="704" name="テキスト ボックス 703">
          <a:extLst>
            <a:ext uri="{FF2B5EF4-FFF2-40B4-BE49-F238E27FC236}">
              <a16:creationId xmlns:a16="http://schemas.microsoft.com/office/drawing/2014/main" id="{00000000-0008-0000-0600-0000C0020000}"/>
            </a:ext>
          </a:extLst>
        </xdr:cNvPr>
        <xdr:cNvSpPr txBox="1"/>
      </xdr:nvSpPr>
      <xdr:spPr>
        <a:xfrm>
          <a:off x="12579428" y="170054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3" name="テキスト ボックス 712">
          <a:extLst>
            <a:ext uri="{FF2B5EF4-FFF2-40B4-BE49-F238E27FC236}">
              <a16:creationId xmlns:a16="http://schemas.microsoft.com/office/drawing/2014/main" id="{00000000-0008-0000-0600-0000C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15" name="直線コネクタ 714">
          <a:extLst>
            <a:ext uri="{FF2B5EF4-FFF2-40B4-BE49-F238E27FC236}">
              <a16:creationId xmlns:a16="http://schemas.microsoft.com/office/drawing/2014/main" id="{00000000-0008-0000-0600-0000CB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16" name="テキスト ボックス 715">
          <a:extLst>
            <a:ext uri="{FF2B5EF4-FFF2-40B4-BE49-F238E27FC236}">
              <a16:creationId xmlns:a16="http://schemas.microsoft.com/office/drawing/2014/main" id="{00000000-0008-0000-0600-0000CC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17" name="直線コネクタ 716">
          <a:extLst>
            <a:ext uri="{FF2B5EF4-FFF2-40B4-BE49-F238E27FC236}">
              <a16:creationId xmlns:a16="http://schemas.microsoft.com/office/drawing/2014/main" id="{00000000-0008-0000-0600-0000CD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18" name="テキスト ボックス 717">
          <a:extLst>
            <a:ext uri="{FF2B5EF4-FFF2-40B4-BE49-F238E27FC236}">
              <a16:creationId xmlns:a16="http://schemas.microsoft.com/office/drawing/2014/main" id="{00000000-0008-0000-0600-0000CE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19" name="直線コネクタ 718">
          <a:extLst>
            <a:ext uri="{FF2B5EF4-FFF2-40B4-BE49-F238E27FC236}">
              <a16:creationId xmlns:a16="http://schemas.microsoft.com/office/drawing/2014/main" id="{00000000-0008-0000-0600-0000CF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2" name="テキスト ボックス 721">
          <a:extLst>
            <a:ext uri="{FF2B5EF4-FFF2-40B4-BE49-F238E27FC236}">
              <a16:creationId xmlns:a16="http://schemas.microsoft.com/office/drawing/2014/main" id="{00000000-0008-0000-0600-0000D2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23" name="直線コネクタ 722">
          <a:extLst>
            <a:ext uri="{FF2B5EF4-FFF2-40B4-BE49-F238E27FC236}">
              <a16:creationId xmlns:a16="http://schemas.microsoft.com/office/drawing/2014/main" id="{00000000-0008-0000-0600-0000D3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24" name="テキスト ボックス 723">
          <a:extLst>
            <a:ext uri="{FF2B5EF4-FFF2-40B4-BE49-F238E27FC236}">
              <a16:creationId xmlns:a16="http://schemas.microsoft.com/office/drawing/2014/main" id="{00000000-0008-0000-0600-0000D4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6" name="テキスト ボックス 725">
          <a:extLst>
            <a:ext uri="{FF2B5EF4-FFF2-40B4-BE49-F238E27FC236}">
              <a16:creationId xmlns:a16="http://schemas.microsoft.com/office/drawing/2014/main" id="{00000000-0008-0000-0600-0000D6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7" name="投資及び出資金グラフ枠">
          <a:extLst>
            <a:ext uri="{FF2B5EF4-FFF2-40B4-BE49-F238E27FC236}">
              <a16:creationId xmlns:a16="http://schemas.microsoft.com/office/drawing/2014/main" id="{00000000-0008-0000-0600-0000D7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0734</xdr:rowOff>
    </xdr:from>
    <xdr:to>
      <xdr:col>116</xdr:col>
      <xdr:colOff>62864</xdr:colOff>
      <xdr:row>39</xdr:row>
      <xdr:rowOff>4445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flipV="1">
          <a:off x="22159595" y="5174234"/>
          <a:ext cx="1269" cy="15567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29" name="投資及び出資金最小値テキスト">
          <a:extLst>
            <a:ext uri="{FF2B5EF4-FFF2-40B4-BE49-F238E27FC236}">
              <a16:creationId xmlns:a16="http://schemas.microsoft.com/office/drawing/2014/main" id="{00000000-0008-0000-0600-0000D9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8861</xdr:rowOff>
    </xdr:from>
    <xdr:ext cx="469744" cy="259045"/>
    <xdr:sp macro="" textlink="">
      <xdr:nvSpPr>
        <xdr:cNvPr id="731" name="投資及び出資金最大値テキスト">
          <a:extLst>
            <a:ext uri="{FF2B5EF4-FFF2-40B4-BE49-F238E27FC236}">
              <a16:creationId xmlns:a16="http://schemas.microsoft.com/office/drawing/2014/main" id="{00000000-0008-0000-0600-0000DB020000}"/>
            </a:ext>
          </a:extLst>
        </xdr:cNvPr>
        <xdr:cNvSpPr txBox="1"/>
      </xdr:nvSpPr>
      <xdr:spPr>
        <a:xfrm>
          <a:off x="22212300" y="49494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0734</xdr:rowOff>
    </xdr:from>
    <xdr:to>
      <xdr:col>116</xdr:col>
      <xdr:colOff>152400</xdr:colOff>
      <xdr:row>30</xdr:row>
      <xdr:rowOff>30734</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22072600" y="5174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7</xdr:row>
      <xdr:rowOff>84265</xdr:rowOff>
    </xdr:from>
    <xdr:to>
      <xdr:col>116</xdr:col>
      <xdr:colOff>63500</xdr:colOff>
      <xdr:row>37</xdr:row>
      <xdr:rowOff>102362</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1323300" y="6427915"/>
          <a:ext cx="838200" cy="18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32859</xdr:rowOff>
    </xdr:from>
    <xdr:ext cx="378565" cy="259045"/>
    <xdr:sp macro="" textlink="">
      <xdr:nvSpPr>
        <xdr:cNvPr id="734" name="投資及び出資金平均値テキスト">
          <a:extLst>
            <a:ext uri="{FF2B5EF4-FFF2-40B4-BE49-F238E27FC236}">
              <a16:creationId xmlns:a16="http://schemas.microsoft.com/office/drawing/2014/main" id="{00000000-0008-0000-0600-0000DE020000}"/>
            </a:ext>
          </a:extLst>
        </xdr:cNvPr>
        <xdr:cNvSpPr txBox="1"/>
      </xdr:nvSpPr>
      <xdr:spPr>
        <a:xfrm>
          <a:off x="22212300" y="647650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4432</xdr:rowOff>
    </xdr:from>
    <xdr:to>
      <xdr:col>116</xdr:col>
      <xdr:colOff>114300</xdr:colOff>
      <xdr:row>38</xdr:row>
      <xdr:rowOff>84582</xdr:rowOff>
    </xdr:to>
    <xdr:sp macro="" textlink="">
      <xdr:nvSpPr>
        <xdr:cNvPr id="735" name="フローチャート: 判断 734">
          <a:extLst>
            <a:ext uri="{FF2B5EF4-FFF2-40B4-BE49-F238E27FC236}">
              <a16:creationId xmlns:a16="http://schemas.microsoft.com/office/drawing/2014/main" id="{00000000-0008-0000-0600-0000DF020000}"/>
            </a:ext>
          </a:extLst>
        </xdr:cNvPr>
        <xdr:cNvSpPr/>
      </xdr:nvSpPr>
      <xdr:spPr>
        <a:xfrm>
          <a:off x="22110700" y="649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7</xdr:row>
      <xdr:rowOff>33591</xdr:rowOff>
    </xdr:from>
    <xdr:to>
      <xdr:col>111</xdr:col>
      <xdr:colOff>177800</xdr:colOff>
      <xdr:row>37</xdr:row>
      <xdr:rowOff>84265</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20434300" y="6377241"/>
          <a:ext cx="889000" cy="506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7287</xdr:rowOff>
    </xdr:from>
    <xdr:to>
      <xdr:col>112</xdr:col>
      <xdr:colOff>38100</xdr:colOff>
      <xdr:row>38</xdr:row>
      <xdr:rowOff>67437</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1272500" y="6480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8</xdr:row>
      <xdr:rowOff>58564</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1088428" y="657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7</xdr:row>
      <xdr:rowOff>33591</xdr:rowOff>
    </xdr:from>
    <xdr:to>
      <xdr:col>107</xdr:col>
      <xdr:colOff>50800</xdr:colOff>
      <xdr:row>39</xdr:row>
      <xdr:rowOff>4445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flipV="1">
          <a:off x="19545300" y="6377241"/>
          <a:ext cx="889000" cy="353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2319</xdr:rowOff>
    </xdr:from>
    <xdr:to>
      <xdr:col>107</xdr:col>
      <xdr:colOff>101600</xdr:colOff>
      <xdr:row>38</xdr:row>
      <xdr:rowOff>113919</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20383500" y="6527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105046</xdr:rowOff>
    </xdr:from>
    <xdr:ext cx="378565"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20245017" y="662014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2" name="直線コネクタ 741">
          <a:extLst>
            <a:ext uri="{FF2B5EF4-FFF2-40B4-BE49-F238E27FC236}">
              <a16:creationId xmlns:a16="http://schemas.microsoft.com/office/drawing/2014/main" id="{00000000-0008-0000-0600-0000E6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8146</xdr:rowOff>
    </xdr:from>
    <xdr:to>
      <xdr:col>102</xdr:col>
      <xdr:colOff>165100</xdr:colOff>
      <xdr:row>38</xdr:row>
      <xdr:rowOff>78296</xdr:rowOff>
    </xdr:to>
    <xdr:sp macro="" textlink="">
      <xdr:nvSpPr>
        <xdr:cNvPr id="743" name="フローチャート: 判断 742">
          <a:extLst>
            <a:ext uri="{FF2B5EF4-FFF2-40B4-BE49-F238E27FC236}">
              <a16:creationId xmlns:a16="http://schemas.microsoft.com/office/drawing/2014/main" id="{00000000-0008-0000-0600-0000E7020000}"/>
            </a:ext>
          </a:extLst>
        </xdr:cNvPr>
        <xdr:cNvSpPr/>
      </xdr:nvSpPr>
      <xdr:spPr>
        <a:xfrm>
          <a:off x="19494500" y="649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94823</xdr:rowOff>
    </xdr:from>
    <xdr:ext cx="378565"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19356017" y="62670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xdr:rowOff>
    </xdr:from>
    <xdr:to>
      <xdr:col>98</xdr:col>
      <xdr:colOff>38100</xdr:colOff>
      <xdr:row>38</xdr:row>
      <xdr:rowOff>102489</xdr:rowOff>
    </xdr:to>
    <xdr:sp macro="" textlink="">
      <xdr:nvSpPr>
        <xdr:cNvPr id="745" name="フローチャート: 判断 744">
          <a:extLst>
            <a:ext uri="{FF2B5EF4-FFF2-40B4-BE49-F238E27FC236}">
              <a16:creationId xmlns:a16="http://schemas.microsoft.com/office/drawing/2014/main" id="{00000000-0008-0000-0600-0000E9020000}"/>
            </a:ext>
          </a:extLst>
        </xdr:cNvPr>
        <xdr:cNvSpPr/>
      </xdr:nvSpPr>
      <xdr:spPr>
        <a:xfrm>
          <a:off x="18605500" y="6515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119016</xdr:rowOff>
    </xdr:from>
    <xdr:ext cx="378565"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18467017" y="62912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9" name="テキスト ボックス 748">
          <a:extLst>
            <a:ext uri="{FF2B5EF4-FFF2-40B4-BE49-F238E27FC236}">
              <a16:creationId xmlns:a16="http://schemas.microsoft.com/office/drawing/2014/main" id="{00000000-0008-0000-0600-0000ED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0" name="テキスト ボックス 749">
          <a:extLst>
            <a:ext uri="{FF2B5EF4-FFF2-40B4-BE49-F238E27FC236}">
              <a16:creationId xmlns:a16="http://schemas.microsoft.com/office/drawing/2014/main" id="{00000000-0008-0000-0600-0000EE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51562</xdr:rowOff>
    </xdr:from>
    <xdr:to>
      <xdr:col>116</xdr:col>
      <xdr:colOff>114300</xdr:colOff>
      <xdr:row>37</xdr:row>
      <xdr:rowOff>153162</xdr:rowOff>
    </xdr:to>
    <xdr:sp macro="" textlink="">
      <xdr:nvSpPr>
        <xdr:cNvPr id="752" name="楕円 751">
          <a:extLst>
            <a:ext uri="{FF2B5EF4-FFF2-40B4-BE49-F238E27FC236}">
              <a16:creationId xmlns:a16="http://schemas.microsoft.com/office/drawing/2014/main" id="{00000000-0008-0000-0600-0000F0020000}"/>
            </a:ext>
          </a:extLst>
        </xdr:cNvPr>
        <xdr:cNvSpPr/>
      </xdr:nvSpPr>
      <xdr:spPr>
        <a:xfrm>
          <a:off x="22110700" y="6395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6</xdr:row>
      <xdr:rowOff>74439</xdr:rowOff>
    </xdr:from>
    <xdr:ext cx="469744" cy="259045"/>
    <xdr:sp macro="" textlink="">
      <xdr:nvSpPr>
        <xdr:cNvPr id="753" name="投資及び出資金該当値テキスト">
          <a:extLst>
            <a:ext uri="{FF2B5EF4-FFF2-40B4-BE49-F238E27FC236}">
              <a16:creationId xmlns:a16="http://schemas.microsoft.com/office/drawing/2014/main" id="{00000000-0008-0000-0600-0000F1020000}"/>
            </a:ext>
          </a:extLst>
        </xdr:cNvPr>
        <xdr:cNvSpPr txBox="1"/>
      </xdr:nvSpPr>
      <xdr:spPr>
        <a:xfrm>
          <a:off x="22212300" y="62466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33465</xdr:rowOff>
    </xdr:from>
    <xdr:to>
      <xdr:col>112</xdr:col>
      <xdr:colOff>38100</xdr:colOff>
      <xdr:row>37</xdr:row>
      <xdr:rowOff>135065</xdr:rowOff>
    </xdr:to>
    <xdr:sp macro="" textlink="">
      <xdr:nvSpPr>
        <xdr:cNvPr id="754" name="楕円 753">
          <a:extLst>
            <a:ext uri="{FF2B5EF4-FFF2-40B4-BE49-F238E27FC236}">
              <a16:creationId xmlns:a16="http://schemas.microsoft.com/office/drawing/2014/main" id="{00000000-0008-0000-0600-0000F2020000}"/>
            </a:ext>
          </a:extLst>
        </xdr:cNvPr>
        <xdr:cNvSpPr/>
      </xdr:nvSpPr>
      <xdr:spPr>
        <a:xfrm>
          <a:off x="21272500" y="6377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151592</xdr:rowOff>
    </xdr:from>
    <xdr:ext cx="469744"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088428" y="6152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154241</xdr:rowOff>
    </xdr:from>
    <xdr:to>
      <xdr:col>107</xdr:col>
      <xdr:colOff>101600</xdr:colOff>
      <xdr:row>37</xdr:row>
      <xdr:rowOff>84391</xdr:rowOff>
    </xdr:to>
    <xdr:sp macro="" textlink="">
      <xdr:nvSpPr>
        <xdr:cNvPr id="756" name="楕円 755">
          <a:extLst>
            <a:ext uri="{FF2B5EF4-FFF2-40B4-BE49-F238E27FC236}">
              <a16:creationId xmlns:a16="http://schemas.microsoft.com/office/drawing/2014/main" id="{00000000-0008-0000-0600-0000F4020000}"/>
            </a:ext>
          </a:extLst>
        </xdr:cNvPr>
        <xdr:cNvSpPr/>
      </xdr:nvSpPr>
      <xdr:spPr>
        <a:xfrm>
          <a:off x="20383500" y="63264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100918</xdr:rowOff>
    </xdr:from>
    <xdr:ext cx="469744"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20199428" y="61016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58" name="楕円 757">
          <a:extLst>
            <a:ext uri="{FF2B5EF4-FFF2-40B4-BE49-F238E27FC236}">
              <a16:creationId xmlns:a16="http://schemas.microsoft.com/office/drawing/2014/main" id="{00000000-0008-0000-0600-0000F602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59" name="テキスト ボックス 758">
          <a:extLst>
            <a:ext uri="{FF2B5EF4-FFF2-40B4-BE49-F238E27FC236}">
              <a16:creationId xmlns:a16="http://schemas.microsoft.com/office/drawing/2014/main" id="{00000000-0008-0000-0600-0000F702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0" name="楕円 759">
          <a:extLst>
            <a:ext uri="{FF2B5EF4-FFF2-40B4-BE49-F238E27FC236}">
              <a16:creationId xmlns:a16="http://schemas.microsoft.com/office/drawing/2014/main" id="{00000000-0008-0000-0600-0000F8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1" name="テキスト ボックス 760">
          <a:extLst>
            <a:ext uri="{FF2B5EF4-FFF2-40B4-BE49-F238E27FC236}">
              <a16:creationId xmlns:a16="http://schemas.microsoft.com/office/drawing/2014/main" id="{00000000-0008-0000-0600-0000F902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7" name="正方形/長方形 766">
          <a:extLst>
            <a:ext uri="{FF2B5EF4-FFF2-40B4-BE49-F238E27FC236}">
              <a16:creationId xmlns:a16="http://schemas.microsoft.com/office/drawing/2014/main" id="{00000000-0008-0000-0600-0000FF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8" name="正方形/長方形 767">
          <a:extLst>
            <a:ext uri="{FF2B5EF4-FFF2-40B4-BE49-F238E27FC236}">
              <a16:creationId xmlns:a16="http://schemas.microsoft.com/office/drawing/2014/main" id="{00000000-0008-0000-0600-000000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2" name="直線コネクタ 771">
          <a:extLst>
            <a:ext uri="{FF2B5EF4-FFF2-40B4-BE49-F238E27FC236}">
              <a16:creationId xmlns:a16="http://schemas.microsoft.com/office/drawing/2014/main" id="{00000000-0008-0000-0600-000004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3" name="テキスト ボックス 772">
          <a:extLst>
            <a:ext uri="{FF2B5EF4-FFF2-40B4-BE49-F238E27FC236}">
              <a16:creationId xmlns:a16="http://schemas.microsoft.com/office/drawing/2014/main" id="{00000000-0008-0000-0600-000005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4" name="直線コネクタ 773">
          <a:extLst>
            <a:ext uri="{FF2B5EF4-FFF2-40B4-BE49-F238E27FC236}">
              <a16:creationId xmlns:a16="http://schemas.microsoft.com/office/drawing/2014/main" id="{00000000-0008-0000-0600-000006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75" name="テキスト ボックス 774">
          <a:extLst>
            <a:ext uri="{FF2B5EF4-FFF2-40B4-BE49-F238E27FC236}">
              <a16:creationId xmlns:a16="http://schemas.microsoft.com/office/drawing/2014/main" id="{00000000-0008-0000-0600-000007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76" name="直線コネクタ 775">
          <a:extLst>
            <a:ext uri="{FF2B5EF4-FFF2-40B4-BE49-F238E27FC236}">
              <a16:creationId xmlns:a16="http://schemas.microsoft.com/office/drawing/2014/main" id="{00000000-0008-0000-0600-000008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79" name="テキスト ボックス 778">
          <a:extLst>
            <a:ext uri="{FF2B5EF4-FFF2-40B4-BE49-F238E27FC236}">
              <a16:creationId xmlns:a16="http://schemas.microsoft.com/office/drawing/2014/main" id="{00000000-0008-0000-0600-00000B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0" name="直線コネクタ 779">
          <a:extLst>
            <a:ext uri="{FF2B5EF4-FFF2-40B4-BE49-F238E27FC236}">
              <a16:creationId xmlns:a16="http://schemas.microsoft.com/office/drawing/2014/main" id="{00000000-0008-0000-0600-00000C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1" name="テキスト ボックス 780">
          <a:extLst>
            <a:ext uri="{FF2B5EF4-FFF2-40B4-BE49-F238E27FC236}">
              <a16:creationId xmlns:a16="http://schemas.microsoft.com/office/drawing/2014/main" id="{00000000-0008-0000-0600-00000D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2" name="直線コネクタ 781">
          <a:extLst>
            <a:ext uri="{FF2B5EF4-FFF2-40B4-BE49-F238E27FC236}">
              <a16:creationId xmlns:a16="http://schemas.microsoft.com/office/drawing/2014/main" id="{00000000-0008-0000-0600-00000E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3" name="テキスト ボックス 782">
          <a:extLst>
            <a:ext uri="{FF2B5EF4-FFF2-40B4-BE49-F238E27FC236}">
              <a16:creationId xmlns:a16="http://schemas.microsoft.com/office/drawing/2014/main" id="{00000000-0008-0000-0600-00000F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4" name="貸付金グラフ枠">
          <a:extLst>
            <a:ext uri="{FF2B5EF4-FFF2-40B4-BE49-F238E27FC236}">
              <a16:creationId xmlns:a16="http://schemas.microsoft.com/office/drawing/2014/main" id="{00000000-0008-0000-0600-000010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85941</xdr:rowOff>
    </xdr:from>
    <xdr:to>
      <xdr:col>116</xdr:col>
      <xdr:colOff>62864</xdr:colOff>
      <xdr:row>59</xdr:row>
      <xdr:rowOff>4445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flipV="1">
          <a:off x="22159595" y="8658441"/>
          <a:ext cx="1269" cy="1501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86" name="貸付金最小値テキスト">
          <a:extLst>
            <a:ext uri="{FF2B5EF4-FFF2-40B4-BE49-F238E27FC236}">
              <a16:creationId xmlns:a16="http://schemas.microsoft.com/office/drawing/2014/main" id="{00000000-0008-0000-0600-000012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32618</xdr:rowOff>
    </xdr:from>
    <xdr:ext cx="534377" cy="259045"/>
    <xdr:sp macro="" textlink="">
      <xdr:nvSpPr>
        <xdr:cNvPr id="788" name="貸付金最大値テキスト">
          <a:extLst>
            <a:ext uri="{FF2B5EF4-FFF2-40B4-BE49-F238E27FC236}">
              <a16:creationId xmlns:a16="http://schemas.microsoft.com/office/drawing/2014/main" id="{00000000-0008-0000-0600-000014030000}"/>
            </a:ext>
          </a:extLst>
        </xdr:cNvPr>
        <xdr:cNvSpPr txBox="1"/>
      </xdr:nvSpPr>
      <xdr:spPr>
        <a:xfrm>
          <a:off x="22212300" y="843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8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85941</xdr:rowOff>
    </xdr:from>
    <xdr:to>
      <xdr:col>116</xdr:col>
      <xdr:colOff>152400</xdr:colOff>
      <xdr:row>50</xdr:row>
      <xdr:rowOff>85941</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2072600" y="86584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160769</xdr:rowOff>
    </xdr:from>
    <xdr:to>
      <xdr:col>116</xdr:col>
      <xdr:colOff>63500</xdr:colOff>
      <xdr:row>58</xdr:row>
      <xdr:rowOff>164350</xdr:rowOff>
    </xdr:to>
    <xdr:cxnSp macro="">
      <xdr:nvCxnSpPr>
        <xdr:cNvPr id="790" name="直線コネクタ 789">
          <a:extLst>
            <a:ext uri="{FF2B5EF4-FFF2-40B4-BE49-F238E27FC236}">
              <a16:creationId xmlns:a16="http://schemas.microsoft.com/office/drawing/2014/main" id="{00000000-0008-0000-0600-000016030000}"/>
            </a:ext>
          </a:extLst>
        </xdr:cNvPr>
        <xdr:cNvCxnSpPr/>
      </xdr:nvCxnSpPr>
      <xdr:spPr>
        <a:xfrm>
          <a:off x="21323300" y="10104869"/>
          <a:ext cx="838200" cy="3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3681</xdr:rowOff>
    </xdr:from>
    <xdr:ext cx="469744" cy="259045"/>
    <xdr:sp macro="" textlink="">
      <xdr:nvSpPr>
        <xdr:cNvPr id="791" name="貸付金平均値テキスト">
          <a:extLst>
            <a:ext uri="{FF2B5EF4-FFF2-40B4-BE49-F238E27FC236}">
              <a16:creationId xmlns:a16="http://schemas.microsoft.com/office/drawing/2014/main" id="{00000000-0008-0000-0600-000017030000}"/>
            </a:ext>
          </a:extLst>
        </xdr:cNvPr>
        <xdr:cNvSpPr txBox="1"/>
      </xdr:nvSpPr>
      <xdr:spPr>
        <a:xfrm>
          <a:off x="22212300" y="987633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4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0804</xdr:rowOff>
    </xdr:from>
    <xdr:to>
      <xdr:col>116</xdr:col>
      <xdr:colOff>114300</xdr:colOff>
      <xdr:row>59</xdr:row>
      <xdr:rowOff>10954</xdr:rowOff>
    </xdr:to>
    <xdr:sp macro="" textlink="">
      <xdr:nvSpPr>
        <xdr:cNvPr id="792" name="フローチャート: 判断 791">
          <a:extLst>
            <a:ext uri="{FF2B5EF4-FFF2-40B4-BE49-F238E27FC236}">
              <a16:creationId xmlns:a16="http://schemas.microsoft.com/office/drawing/2014/main" id="{00000000-0008-0000-0600-000018030000}"/>
            </a:ext>
          </a:extLst>
        </xdr:cNvPr>
        <xdr:cNvSpPr/>
      </xdr:nvSpPr>
      <xdr:spPr>
        <a:xfrm>
          <a:off x="22110700" y="100249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57702</xdr:rowOff>
    </xdr:from>
    <xdr:to>
      <xdr:col>111</xdr:col>
      <xdr:colOff>177800</xdr:colOff>
      <xdr:row>58</xdr:row>
      <xdr:rowOff>160769</xdr:rowOff>
    </xdr:to>
    <xdr:cxnSp macro="">
      <xdr:nvCxnSpPr>
        <xdr:cNvPr id="793" name="直線コネクタ 792">
          <a:extLst>
            <a:ext uri="{FF2B5EF4-FFF2-40B4-BE49-F238E27FC236}">
              <a16:creationId xmlns:a16="http://schemas.microsoft.com/office/drawing/2014/main" id="{00000000-0008-0000-0600-000019030000}"/>
            </a:ext>
          </a:extLst>
        </xdr:cNvPr>
        <xdr:cNvCxnSpPr/>
      </xdr:nvCxnSpPr>
      <xdr:spPr>
        <a:xfrm>
          <a:off x="20434300" y="10101802"/>
          <a:ext cx="889000" cy="3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61525</xdr:rowOff>
    </xdr:from>
    <xdr:to>
      <xdr:col>112</xdr:col>
      <xdr:colOff>38100</xdr:colOff>
      <xdr:row>58</xdr:row>
      <xdr:rowOff>163125</xdr:rowOff>
    </xdr:to>
    <xdr:sp macro="" textlink="">
      <xdr:nvSpPr>
        <xdr:cNvPr id="794" name="フローチャート: 判断 793">
          <a:extLst>
            <a:ext uri="{FF2B5EF4-FFF2-40B4-BE49-F238E27FC236}">
              <a16:creationId xmlns:a16="http://schemas.microsoft.com/office/drawing/2014/main" id="{00000000-0008-0000-0600-00001A030000}"/>
            </a:ext>
          </a:extLst>
        </xdr:cNvPr>
        <xdr:cNvSpPr/>
      </xdr:nvSpPr>
      <xdr:spPr>
        <a:xfrm>
          <a:off x="21272500" y="10005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8202</xdr:rowOff>
    </xdr:from>
    <xdr:ext cx="469744" cy="259045"/>
    <xdr:sp macro="" textlink="">
      <xdr:nvSpPr>
        <xdr:cNvPr id="795" name="テキスト ボックス 794">
          <a:extLst>
            <a:ext uri="{FF2B5EF4-FFF2-40B4-BE49-F238E27FC236}">
              <a16:creationId xmlns:a16="http://schemas.microsoft.com/office/drawing/2014/main" id="{00000000-0008-0000-0600-00001B030000}"/>
            </a:ext>
          </a:extLst>
        </xdr:cNvPr>
        <xdr:cNvSpPr txBox="1"/>
      </xdr:nvSpPr>
      <xdr:spPr>
        <a:xfrm>
          <a:off x="21088428" y="9780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53606</xdr:rowOff>
    </xdr:from>
    <xdr:to>
      <xdr:col>107</xdr:col>
      <xdr:colOff>50800</xdr:colOff>
      <xdr:row>58</xdr:row>
      <xdr:rowOff>157702</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19545300" y="10097706"/>
          <a:ext cx="889000" cy="4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82499</xdr:rowOff>
    </xdr:from>
    <xdr:to>
      <xdr:col>107</xdr:col>
      <xdr:colOff>101600</xdr:colOff>
      <xdr:row>59</xdr:row>
      <xdr:rowOff>12649</xdr:rowOff>
    </xdr:to>
    <xdr:sp macro="" textlink="">
      <xdr:nvSpPr>
        <xdr:cNvPr id="797" name="フローチャート: 判断 796">
          <a:extLst>
            <a:ext uri="{FF2B5EF4-FFF2-40B4-BE49-F238E27FC236}">
              <a16:creationId xmlns:a16="http://schemas.microsoft.com/office/drawing/2014/main" id="{00000000-0008-0000-0600-00001D030000}"/>
            </a:ext>
          </a:extLst>
        </xdr:cNvPr>
        <xdr:cNvSpPr/>
      </xdr:nvSpPr>
      <xdr:spPr>
        <a:xfrm>
          <a:off x="20383500" y="10026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29176</xdr:rowOff>
    </xdr:from>
    <xdr:ext cx="469744" cy="259045"/>
    <xdr:sp macro="" textlink="">
      <xdr:nvSpPr>
        <xdr:cNvPr id="798" name="テキスト ボックス 797">
          <a:extLst>
            <a:ext uri="{FF2B5EF4-FFF2-40B4-BE49-F238E27FC236}">
              <a16:creationId xmlns:a16="http://schemas.microsoft.com/office/drawing/2014/main" id="{00000000-0008-0000-0600-00001E030000}"/>
            </a:ext>
          </a:extLst>
        </xdr:cNvPr>
        <xdr:cNvSpPr txBox="1"/>
      </xdr:nvSpPr>
      <xdr:spPr>
        <a:xfrm>
          <a:off x="20199428" y="9801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46824</xdr:rowOff>
    </xdr:from>
    <xdr:to>
      <xdr:col>102</xdr:col>
      <xdr:colOff>114300</xdr:colOff>
      <xdr:row>58</xdr:row>
      <xdr:rowOff>153606</xdr:rowOff>
    </xdr:to>
    <xdr:cxnSp macro="">
      <xdr:nvCxnSpPr>
        <xdr:cNvPr id="799" name="直線コネクタ 798">
          <a:extLst>
            <a:ext uri="{FF2B5EF4-FFF2-40B4-BE49-F238E27FC236}">
              <a16:creationId xmlns:a16="http://schemas.microsoft.com/office/drawing/2014/main" id="{00000000-0008-0000-0600-00001F030000}"/>
            </a:ext>
          </a:extLst>
        </xdr:cNvPr>
        <xdr:cNvCxnSpPr/>
      </xdr:nvCxnSpPr>
      <xdr:spPr>
        <a:xfrm>
          <a:off x="18656300" y="10090924"/>
          <a:ext cx="889000" cy="6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92539</xdr:rowOff>
    </xdr:from>
    <xdr:to>
      <xdr:col>102</xdr:col>
      <xdr:colOff>165100</xdr:colOff>
      <xdr:row>59</xdr:row>
      <xdr:rowOff>22689</xdr:rowOff>
    </xdr:to>
    <xdr:sp macro="" textlink="">
      <xdr:nvSpPr>
        <xdr:cNvPr id="800" name="フローチャート: 判断 799">
          <a:extLst>
            <a:ext uri="{FF2B5EF4-FFF2-40B4-BE49-F238E27FC236}">
              <a16:creationId xmlns:a16="http://schemas.microsoft.com/office/drawing/2014/main" id="{00000000-0008-0000-0600-000020030000}"/>
            </a:ext>
          </a:extLst>
        </xdr:cNvPr>
        <xdr:cNvSpPr/>
      </xdr:nvSpPr>
      <xdr:spPr>
        <a:xfrm>
          <a:off x="19494500" y="10036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39216</xdr:rowOff>
    </xdr:from>
    <xdr:ext cx="469744" cy="259045"/>
    <xdr:sp macro="" textlink="">
      <xdr:nvSpPr>
        <xdr:cNvPr id="801" name="テキスト ボックス 800">
          <a:extLst>
            <a:ext uri="{FF2B5EF4-FFF2-40B4-BE49-F238E27FC236}">
              <a16:creationId xmlns:a16="http://schemas.microsoft.com/office/drawing/2014/main" id="{00000000-0008-0000-0600-000021030000}"/>
            </a:ext>
          </a:extLst>
        </xdr:cNvPr>
        <xdr:cNvSpPr txBox="1"/>
      </xdr:nvSpPr>
      <xdr:spPr>
        <a:xfrm>
          <a:off x="19310428" y="9811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87414</xdr:rowOff>
    </xdr:from>
    <xdr:to>
      <xdr:col>98</xdr:col>
      <xdr:colOff>38100</xdr:colOff>
      <xdr:row>59</xdr:row>
      <xdr:rowOff>17564</xdr:rowOff>
    </xdr:to>
    <xdr:sp macro="" textlink="">
      <xdr:nvSpPr>
        <xdr:cNvPr id="802" name="フローチャート: 判断 801">
          <a:extLst>
            <a:ext uri="{FF2B5EF4-FFF2-40B4-BE49-F238E27FC236}">
              <a16:creationId xmlns:a16="http://schemas.microsoft.com/office/drawing/2014/main" id="{00000000-0008-0000-0600-000022030000}"/>
            </a:ext>
          </a:extLst>
        </xdr:cNvPr>
        <xdr:cNvSpPr/>
      </xdr:nvSpPr>
      <xdr:spPr>
        <a:xfrm>
          <a:off x="18605500" y="1003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34091</xdr:rowOff>
    </xdr:from>
    <xdr:ext cx="469744"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18421428" y="9806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13550</xdr:rowOff>
    </xdr:from>
    <xdr:to>
      <xdr:col>116</xdr:col>
      <xdr:colOff>114300</xdr:colOff>
      <xdr:row>59</xdr:row>
      <xdr:rowOff>43700</xdr:rowOff>
    </xdr:to>
    <xdr:sp macro="" textlink="">
      <xdr:nvSpPr>
        <xdr:cNvPr id="809" name="楕円 808">
          <a:extLst>
            <a:ext uri="{FF2B5EF4-FFF2-40B4-BE49-F238E27FC236}">
              <a16:creationId xmlns:a16="http://schemas.microsoft.com/office/drawing/2014/main" id="{00000000-0008-0000-0600-000029030000}"/>
            </a:ext>
          </a:extLst>
        </xdr:cNvPr>
        <xdr:cNvSpPr/>
      </xdr:nvSpPr>
      <xdr:spPr>
        <a:xfrm>
          <a:off x="22110700" y="1005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9230</xdr:rowOff>
    </xdr:from>
    <xdr:ext cx="469744" cy="259045"/>
    <xdr:sp macro="" textlink="">
      <xdr:nvSpPr>
        <xdr:cNvPr id="810" name="貸付金該当値テキスト">
          <a:extLst>
            <a:ext uri="{FF2B5EF4-FFF2-40B4-BE49-F238E27FC236}">
              <a16:creationId xmlns:a16="http://schemas.microsoft.com/office/drawing/2014/main" id="{00000000-0008-0000-0600-00002A030000}"/>
            </a:ext>
          </a:extLst>
        </xdr:cNvPr>
        <xdr:cNvSpPr txBox="1"/>
      </xdr:nvSpPr>
      <xdr:spPr>
        <a:xfrm>
          <a:off x="22212300" y="100033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09969</xdr:rowOff>
    </xdr:from>
    <xdr:to>
      <xdr:col>112</xdr:col>
      <xdr:colOff>38100</xdr:colOff>
      <xdr:row>59</xdr:row>
      <xdr:rowOff>40119</xdr:rowOff>
    </xdr:to>
    <xdr:sp macro="" textlink="">
      <xdr:nvSpPr>
        <xdr:cNvPr id="811" name="楕円 810">
          <a:extLst>
            <a:ext uri="{FF2B5EF4-FFF2-40B4-BE49-F238E27FC236}">
              <a16:creationId xmlns:a16="http://schemas.microsoft.com/office/drawing/2014/main" id="{00000000-0008-0000-0600-00002B030000}"/>
            </a:ext>
          </a:extLst>
        </xdr:cNvPr>
        <xdr:cNvSpPr/>
      </xdr:nvSpPr>
      <xdr:spPr>
        <a:xfrm>
          <a:off x="21272500" y="100540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31246</xdr:rowOff>
    </xdr:from>
    <xdr:ext cx="469744"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1088428" y="101467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06902</xdr:rowOff>
    </xdr:from>
    <xdr:to>
      <xdr:col>107</xdr:col>
      <xdr:colOff>101600</xdr:colOff>
      <xdr:row>59</xdr:row>
      <xdr:rowOff>37052</xdr:rowOff>
    </xdr:to>
    <xdr:sp macro="" textlink="">
      <xdr:nvSpPr>
        <xdr:cNvPr id="813" name="楕円 812">
          <a:extLst>
            <a:ext uri="{FF2B5EF4-FFF2-40B4-BE49-F238E27FC236}">
              <a16:creationId xmlns:a16="http://schemas.microsoft.com/office/drawing/2014/main" id="{00000000-0008-0000-0600-00002D030000}"/>
            </a:ext>
          </a:extLst>
        </xdr:cNvPr>
        <xdr:cNvSpPr/>
      </xdr:nvSpPr>
      <xdr:spPr>
        <a:xfrm>
          <a:off x="20383500" y="10051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28179</xdr:rowOff>
    </xdr:from>
    <xdr:ext cx="469744"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20199428" y="101437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02806</xdr:rowOff>
    </xdr:from>
    <xdr:to>
      <xdr:col>102</xdr:col>
      <xdr:colOff>165100</xdr:colOff>
      <xdr:row>59</xdr:row>
      <xdr:rowOff>32956</xdr:rowOff>
    </xdr:to>
    <xdr:sp macro="" textlink="">
      <xdr:nvSpPr>
        <xdr:cNvPr id="815" name="楕円 814">
          <a:extLst>
            <a:ext uri="{FF2B5EF4-FFF2-40B4-BE49-F238E27FC236}">
              <a16:creationId xmlns:a16="http://schemas.microsoft.com/office/drawing/2014/main" id="{00000000-0008-0000-0600-00002F030000}"/>
            </a:ext>
          </a:extLst>
        </xdr:cNvPr>
        <xdr:cNvSpPr/>
      </xdr:nvSpPr>
      <xdr:spPr>
        <a:xfrm>
          <a:off x="19494500" y="100469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24083</xdr:rowOff>
    </xdr:from>
    <xdr:ext cx="469744" cy="259045"/>
    <xdr:sp macro="" textlink="">
      <xdr:nvSpPr>
        <xdr:cNvPr id="816" name="テキスト ボックス 815">
          <a:extLst>
            <a:ext uri="{FF2B5EF4-FFF2-40B4-BE49-F238E27FC236}">
              <a16:creationId xmlns:a16="http://schemas.microsoft.com/office/drawing/2014/main" id="{00000000-0008-0000-0600-000030030000}"/>
            </a:ext>
          </a:extLst>
        </xdr:cNvPr>
        <xdr:cNvSpPr txBox="1"/>
      </xdr:nvSpPr>
      <xdr:spPr>
        <a:xfrm>
          <a:off x="19310428" y="101396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96024</xdr:rowOff>
    </xdr:from>
    <xdr:to>
      <xdr:col>98</xdr:col>
      <xdr:colOff>38100</xdr:colOff>
      <xdr:row>59</xdr:row>
      <xdr:rowOff>26174</xdr:rowOff>
    </xdr:to>
    <xdr:sp macro="" textlink="">
      <xdr:nvSpPr>
        <xdr:cNvPr id="817" name="楕円 816">
          <a:extLst>
            <a:ext uri="{FF2B5EF4-FFF2-40B4-BE49-F238E27FC236}">
              <a16:creationId xmlns:a16="http://schemas.microsoft.com/office/drawing/2014/main" id="{00000000-0008-0000-0600-000031030000}"/>
            </a:ext>
          </a:extLst>
        </xdr:cNvPr>
        <xdr:cNvSpPr/>
      </xdr:nvSpPr>
      <xdr:spPr>
        <a:xfrm>
          <a:off x="18605500" y="100401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17301</xdr:rowOff>
    </xdr:from>
    <xdr:ext cx="469744" cy="259045"/>
    <xdr:sp macro="" textlink="">
      <xdr:nvSpPr>
        <xdr:cNvPr id="818" name="テキスト ボックス 817">
          <a:extLst>
            <a:ext uri="{FF2B5EF4-FFF2-40B4-BE49-F238E27FC236}">
              <a16:creationId xmlns:a16="http://schemas.microsoft.com/office/drawing/2014/main" id="{00000000-0008-0000-0600-000032030000}"/>
            </a:ext>
          </a:extLst>
        </xdr:cNvPr>
        <xdr:cNvSpPr txBox="1"/>
      </xdr:nvSpPr>
      <xdr:spPr>
        <a:xfrm>
          <a:off x="18421428" y="10132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7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7" name="テキスト ボックス 826">
          <a:extLst>
            <a:ext uri="{FF2B5EF4-FFF2-40B4-BE49-F238E27FC236}">
              <a16:creationId xmlns:a16="http://schemas.microsoft.com/office/drawing/2014/main" id="{00000000-0008-0000-0600-00003B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8047</xdr:rowOff>
    </xdr:from>
    <xdr:to>
      <xdr:col>116</xdr:col>
      <xdr:colOff>62864</xdr:colOff>
      <xdr:row>79</xdr:row>
      <xdr:rowOff>31572</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190997"/>
          <a:ext cx="1269" cy="13851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9</xdr:row>
      <xdr:rowOff>35399</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579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31572</xdr:rowOff>
    </xdr:from>
    <xdr:to>
      <xdr:col>116</xdr:col>
      <xdr:colOff>152400</xdr:colOff>
      <xdr:row>79</xdr:row>
      <xdr:rowOff>31572</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5761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136174</xdr:rowOff>
    </xdr:from>
    <xdr:ext cx="534377"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9662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8047</xdr:rowOff>
    </xdr:from>
    <xdr:to>
      <xdr:col>116</xdr:col>
      <xdr:colOff>152400</xdr:colOff>
      <xdr:row>71</xdr:row>
      <xdr:rowOff>18047</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1909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66942</xdr:rowOff>
    </xdr:from>
    <xdr:to>
      <xdr:col>116</xdr:col>
      <xdr:colOff>63500</xdr:colOff>
      <xdr:row>77</xdr:row>
      <xdr:rowOff>50012</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1323300" y="13197142"/>
          <a:ext cx="838200" cy="54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90479</xdr:rowOff>
    </xdr:from>
    <xdr:ext cx="534377"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277777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7602</xdr:rowOff>
    </xdr:from>
    <xdr:to>
      <xdr:col>116</xdr:col>
      <xdr:colOff>114300</xdr:colOff>
      <xdr:row>75</xdr:row>
      <xdr:rowOff>169202</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2926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50012</xdr:rowOff>
    </xdr:from>
    <xdr:to>
      <xdr:col>111</xdr:col>
      <xdr:colOff>177800</xdr:colOff>
      <xdr:row>77</xdr:row>
      <xdr:rowOff>63385</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flipV="1">
          <a:off x="20434300" y="13251662"/>
          <a:ext cx="889000" cy="13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69850</xdr:rowOff>
    </xdr:from>
    <xdr:to>
      <xdr:col>112</xdr:col>
      <xdr:colOff>38100</xdr:colOff>
      <xdr:row>76</xdr:row>
      <xdr:rowOff>0</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292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527</xdr:rowOff>
    </xdr:from>
    <xdr:ext cx="534377"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56111" y="12703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84836</xdr:rowOff>
    </xdr:from>
    <xdr:to>
      <xdr:col>107</xdr:col>
      <xdr:colOff>50800</xdr:colOff>
      <xdr:row>77</xdr:row>
      <xdr:rowOff>63385</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a:off x="19545300" y="12943586"/>
          <a:ext cx="889000" cy="3214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49975</xdr:rowOff>
    </xdr:from>
    <xdr:to>
      <xdr:col>107</xdr:col>
      <xdr:colOff>101600</xdr:colOff>
      <xdr:row>75</xdr:row>
      <xdr:rowOff>80125</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2837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96652</xdr:rowOff>
    </xdr:from>
    <xdr:ext cx="534377"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67111" y="126125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68720</xdr:rowOff>
    </xdr:from>
    <xdr:to>
      <xdr:col>102</xdr:col>
      <xdr:colOff>114300</xdr:colOff>
      <xdr:row>75</xdr:row>
      <xdr:rowOff>84836</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a:off x="18656300" y="12927470"/>
          <a:ext cx="889000" cy="16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64338</xdr:rowOff>
    </xdr:from>
    <xdr:to>
      <xdr:col>102</xdr:col>
      <xdr:colOff>165100</xdr:colOff>
      <xdr:row>75</xdr:row>
      <xdr:rowOff>94488</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28516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111015</xdr:rowOff>
    </xdr:from>
    <xdr:ext cx="534377"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78111" y="12626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46926</xdr:rowOff>
    </xdr:from>
    <xdr:to>
      <xdr:col>98</xdr:col>
      <xdr:colOff>38100</xdr:colOff>
      <xdr:row>75</xdr:row>
      <xdr:rowOff>77076</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28342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93603</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89111" y="126094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16142</xdr:rowOff>
    </xdr:from>
    <xdr:to>
      <xdr:col>116</xdr:col>
      <xdr:colOff>114300</xdr:colOff>
      <xdr:row>77</xdr:row>
      <xdr:rowOff>46292</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31463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94569</xdr:rowOff>
    </xdr:from>
    <xdr:ext cx="534377"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3124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170662</xdr:rowOff>
    </xdr:from>
    <xdr:to>
      <xdr:col>112</xdr:col>
      <xdr:colOff>38100</xdr:colOff>
      <xdr:row>77</xdr:row>
      <xdr:rowOff>100812</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3200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7</xdr:row>
      <xdr:rowOff>91939</xdr:rowOff>
    </xdr:from>
    <xdr:ext cx="534377"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56111" y="13293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2585</xdr:rowOff>
    </xdr:from>
    <xdr:to>
      <xdr:col>107</xdr:col>
      <xdr:colOff>101600</xdr:colOff>
      <xdr:row>77</xdr:row>
      <xdr:rowOff>114185</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214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7</xdr:row>
      <xdr:rowOff>105312</xdr:rowOff>
    </xdr:from>
    <xdr:ext cx="534377"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67111" y="133069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34036</xdr:rowOff>
    </xdr:from>
    <xdr:to>
      <xdr:col>102</xdr:col>
      <xdr:colOff>165100</xdr:colOff>
      <xdr:row>75</xdr:row>
      <xdr:rowOff>135636</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2892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126764</xdr:rowOff>
    </xdr:from>
    <xdr:ext cx="534377"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78111" y="12985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7920</xdr:rowOff>
    </xdr:from>
    <xdr:to>
      <xdr:col>98</xdr:col>
      <xdr:colOff>38100</xdr:colOff>
      <xdr:row>75</xdr:row>
      <xdr:rowOff>119520</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28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110647</xdr:rowOff>
    </xdr:from>
    <xdr:ext cx="534377"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89111" y="12969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歳出決算総額は、住民一人あたり３６１，７５６円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主な構成項目である人件費は、平成３０年以降増加傾向が続いていたが、令和３年度は減少に転じたものの、依然として類似団体の平均値を上回っている。令和３年度は退職手当組合負担金の減により数値が減となったが、事務事業の見直しや</a:t>
          </a:r>
          <a:r>
            <a:rPr kumimoji="1" lang="en-US" altLang="ja-JP" sz="1300">
              <a:latin typeface="ＭＳ Ｐゴシック" panose="020B0600070205080204" pitchFamily="50" charset="-128"/>
              <a:ea typeface="ＭＳ Ｐゴシック" panose="020B0600070205080204" pitchFamily="50" charset="-128"/>
            </a:rPr>
            <a:t>RPA</a:t>
          </a:r>
          <a:r>
            <a:rPr kumimoji="1" lang="ja-JP" altLang="en-US" sz="1300">
              <a:latin typeface="ＭＳ Ｐゴシック" panose="020B0600070205080204" pitchFamily="50" charset="-128"/>
              <a:ea typeface="ＭＳ Ｐゴシック" panose="020B0600070205080204" pitchFamily="50" charset="-128"/>
            </a:rPr>
            <a:t>の活用等により、同水準の引き下げに努め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令和３年度は子育て世帯への臨時特別給付金給付事業の増等により、扶助費が増となったものの、類似団体の平均値よりは低い水準に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普通建設事業費については、都市計画道路田中笠窪線整備の進捗や中学校における給食配膳室の整備完了等により減となったことにより、令和２年度に引き続き減となった。今後、老朽化した施設の改修等により普通建設事業費の増が見込まれるが、事業内容の精査等により影響が最小限になるよう努め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伊勢原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3</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99,795
97,298
55.56
38,593,373
36,101,492
2,440,297
20,871,660
22,402,60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4.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7.5
42.4</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9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Ⅲ</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5692</xdr:rowOff>
    </xdr:from>
    <xdr:to>
      <xdr:col>24</xdr:col>
      <xdr:colOff>62865</xdr:colOff>
      <xdr:row>39</xdr:row>
      <xdr:rowOff>24943</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219192"/>
          <a:ext cx="1270" cy="14923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28770</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7153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24943</xdr:rowOff>
    </xdr:from>
    <xdr:to>
      <xdr:col>24</xdr:col>
      <xdr:colOff>152400</xdr:colOff>
      <xdr:row>39</xdr:row>
      <xdr:rowOff>24943</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7114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22369</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4994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5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5692</xdr:rowOff>
    </xdr:from>
    <xdr:to>
      <xdr:col>24</xdr:col>
      <xdr:colOff>152400</xdr:colOff>
      <xdr:row>30</xdr:row>
      <xdr:rowOff>75692</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2191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72492</xdr:rowOff>
    </xdr:from>
    <xdr:to>
      <xdr:col>24</xdr:col>
      <xdr:colOff>63500</xdr:colOff>
      <xdr:row>35</xdr:row>
      <xdr:rowOff>93523</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3797300" y="6073242"/>
          <a:ext cx="838200" cy="210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63212</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06396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84785</xdr:rowOff>
    </xdr:from>
    <xdr:to>
      <xdr:col>24</xdr:col>
      <xdr:colOff>114300</xdr:colOff>
      <xdr:row>36</xdr:row>
      <xdr:rowOff>14935</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085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72492</xdr:rowOff>
    </xdr:from>
    <xdr:to>
      <xdr:col>19</xdr:col>
      <xdr:colOff>177800</xdr:colOff>
      <xdr:row>35</xdr:row>
      <xdr:rowOff>74320</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flipV="1">
          <a:off x="2908300" y="6073242"/>
          <a:ext cx="889000" cy="1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93015</xdr:rowOff>
    </xdr:from>
    <xdr:to>
      <xdr:col>20</xdr:col>
      <xdr:colOff>38100</xdr:colOff>
      <xdr:row>36</xdr:row>
      <xdr:rowOff>23165</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093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14292</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186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27686</xdr:rowOff>
    </xdr:from>
    <xdr:to>
      <xdr:col>15</xdr:col>
      <xdr:colOff>50800</xdr:colOff>
      <xdr:row>35</xdr:row>
      <xdr:rowOff>74320</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6028436"/>
          <a:ext cx="889000" cy="46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40894</xdr:rowOff>
    </xdr:from>
    <xdr:to>
      <xdr:col>15</xdr:col>
      <xdr:colOff>101600</xdr:colOff>
      <xdr:row>35</xdr:row>
      <xdr:rowOff>142494</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04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5</xdr:row>
      <xdr:rowOff>133621</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1343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3</xdr:row>
      <xdr:rowOff>154787</xdr:rowOff>
    </xdr:from>
    <xdr:to>
      <xdr:col>10</xdr:col>
      <xdr:colOff>114300</xdr:colOff>
      <xdr:row>35</xdr:row>
      <xdr:rowOff>27686</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a:off x="1130300" y="5812637"/>
          <a:ext cx="889000" cy="2157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6147</xdr:rowOff>
    </xdr:from>
    <xdr:to>
      <xdr:col>10</xdr:col>
      <xdr:colOff>165100</xdr:colOff>
      <xdr:row>35</xdr:row>
      <xdr:rowOff>107747</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0068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5</xdr:row>
      <xdr:rowOff>98874</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0996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63881</xdr:rowOff>
    </xdr:from>
    <xdr:to>
      <xdr:col>6</xdr:col>
      <xdr:colOff>38100</xdr:colOff>
      <xdr:row>35</xdr:row>
      <xdr:rowOff>94031</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5993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5</xdr:row>
      <xdr:rowOff>85158</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085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42723</xdr:rowOff>
    </xdr:from>
    <xdr:to>
      <xdr:col>24</xdr:col>
      <xdr:colOff>114300</xdr:colOff>
      <xdr:row>35</xdr:row>
      <xdr:rowOff>144323</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60434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65600</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8949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21692</xdr:rowOff>
    </xdr:from>
    <xdr:to>
      <xdr:col>20</xdr:col>
      <xdr:colOff>38100</xdr:colOff>
      <xdr:row>35</xdr:row>
      <xdr:rowOff>123292</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6022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39819</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797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3520</xdr:rowOff>
    </xdr:from>
    <xdr:to>
      <xdr:col>15</xdr:col>
      <xdr:colOff>101600</xdr:colOff>
      <xdr:row>35</xdr:row>
      <xdr:rowOff>125120</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60242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41647</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799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48336</xdr:rowOff>
    </xdr:from>
    <xdr:to>
      <xdr:col>10</xdr:col>
      <xdr:colOff>165100</xdr:colOff>
      <xdr:row>35</xdr:row>
      <xdr:rowOff>78486</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9776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95013</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7528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3</xdr:row>
      <xdr:rowOff>103987</xdr:rowOff>
    </xdr:from>
    <xdr:to>
      <xdr:col>6</xdr:col>
      <xdr:colOff>38100</xdr:colOff>
      <xdr:row>34</xdr:row>
      <xdr:rowOff>34137</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761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50664</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537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9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5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8</xdr:row>
      <xdr:rowOff>139700</xdr:rowOff>
    </xdr:from>
    <xdr:to>
      <xdr:col>28</xdr:col>
      <xdr:colOff>114300</xdr:colOff>
      <xdr:row>58</xdr:row>
      <xdr:rowOff>139700</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7</xdr:row>
      <xdr:rowOff>168927</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5</xdr:row>
      <xdr:rowOff>54627</xdr:rowOff>
    </xdr:from>
    <xdr:ext cx="59541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166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2</xdr:row>
      <xdr:rowOff>111777</xdr:rowOff>
    </xdr:from>
    <xdr:ext cx="59541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166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168927</xdr:rowOff>
    </xdr:from>
    <xdr:ext cx="59541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166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08" name="総務費グラフ枠">
          <a:extLst>
            <a:ext uri="{FF2B5EF4-FFF2-40B4-BE49-F238E27FC236}">
              <a16:creationId xmlns:a16="http://schemas.microsoft.com/office/drawing/2014/main" id="{00000000-0008-0000-0700-00006C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2</xdr:row>
      <xdr:rowOff>71801</xdr:rowOff>
    </xdr:from>
    <xdr:to>
      <xdr:col>24</xdr:col>
      <xdr:colOff>62865</xdr:colOff>
      <xdr:row>57</xdr:row>
      <xdr:rowOff>151285</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flipV="1">
          <a:off x="4633595" y="8987201"/>
          <a:ext cx="1270" cy="9367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55112</xdr:rowOff>
    </xdr:from>
    <xdr:ext cx="534377" cy="259045"/>
    <xdr:sp macro="" textlink="">
      <xdr:nvSpPr>
        <xdr:cNvPr id="110" name="総務費最小値テキスト">
          <a:extLst>
            <a:ext uri="{FF2B5EF4-FFF2-40B4-BE49-F238E27FC236}">
              <a16:creationId xmlns:a16="http://schemas.microsoft.com/office/drawing/2014/main" id="{00000000-0008-0000-0700-00006E000000}"/>
            </a:ext>
          </a:extLst>
        </xdr:cNvPr>
        <xdr:cNvSpPr txBox="1"/>
      </xdr:nvSpPr>
      <xdr:spPr>
        <a:xfrm>
          <a:off x="4686300" y="9927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1285</xdr:rowOff>
    </xdr:from>
    <xdr:to>
      <xdr:col>24</xdr:col>
      <xdr:colOff>152400</xdr:colOff>
      <xdr:row>57</xdr:row>
      <xdr:rowOff>151285</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4546600" y="99239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8478</xdr:rowOff>
    </xdr:from>
    <xdr:ext cx="599010" cy="259045"/>
    <xdr:sp macro="" textlink="">
      <xdr:nvSpPr>
        <xdr:cNvPr id="112" name="総務費最大値テキスト">
          <a:extLst>
            <a:ext uri="{FF2B5EF4-FFF2-40B4-BE49-F238E27FC236}">
              <a16:creationId xmlns:a16="http://schemas.microsoft.com/office/drawing/2014/main" id="{00000000-0008-0000-0700-000070000000}"/>
            </a:ext>
          </a:extLst>
        </xdr:cNvPr>
        <xdr:cNvSpPr txBox="1"/>
      </xdr:nvSpPr>
      <xdr:spPr>
        <a:xfrm>
          <a:off x="4686300" y="87624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39,85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2</xdr:row>
      <xdr:rowOff>71801</xdr:rowOff>
    </xdr:from>
    <xdr:to>
      <xdr:col>24</xdr:col>
      <xdr:colOff>152400</xdr:colOff>
      <xdr:row>52</xdr:row>
      <xdr:rowOff>71801</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4546600" y="89872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23695</xdr:rowOff>
    </xdr:from>
    <xdr:to>
      <xdr:col>24</xdr:col>
      <xdr:colOff>63500</xdr:colOff>
      <xdr:row>57</xdr:row>
      <xdr:rowOff>134017</xdr:rowOff>
    </xdr:to>
    <xdr:cxnSp macro="">
      <xdr:nvCxnSpPr>
        <xdr:cNvPr id="114" name="直線コネクタ 113">
          <a:extLst>
            <a:ext uri="{FF2B5EF4-FFF2-40B4-BE49-F238E27FC236}">
              <a16:creationId xmlns:a16="http://schemas.microsoft.com/office/drawing/2014/main" id="{00000000-0008-0000-0700-000072000000}"/>
            </a:ext>
          </a:extLst>
        </xdr:cNvPr>
        <xdr:cNvCxnSpPr/>
      </xdr:nvCxnSpPr>
      <xdr:spPr>
        <a:xfrm>
          <a:off x="3797300" y="9453445"/>
          <a:ext cx="838200" cy="4532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442</xdr:rowOff>
    </xdr:from>
    <xdr:ext cx="534377" cy="259045"/>
    <xdr:sp macro="" textlink="">
      <xdr:nvSpPr>
        <xdr:cNvPr id="115" name="総務費平均値テキスト">
          <a:extLst>
            <a:ext uri="{FF2B5EF4-FFF2-40B4-BE49-F238E27FC236}">
              <a16:creationId xmlns:a16="http://schemas.microsoft.com/office/drawing/2014/main" id="{00000000-0008-0000-0700-000073000000}"/>
            </a:ext>
          </a:extLst>
        </xdr:cNvPr>
        <xdr:cNvSpPr txBox="1"/>
      </xdr:nvSpPr>
      <xdr:spPr>
        <a:xfrm>
          <a:off x="4686300" y="961064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58015</xdr:rowOff>
    </xdr:from>
    <xdr:to>
      <xdr:col>24</xdr:col>
      <xdr:colOff>114300</xdr:colOff>
      <xdr:row>57</xdr:row>
      <xdr:rowOff>88165</xdr:rowOff>
    </xdr:to>
    <xdr:sp macro="" textlink="">
      <xdr:nvSpPr>
        <xdr:cNvPr id="116" name="フローチャート: 判断 115">
          <a:extLst>
            <a:ext uri="{FF2B5EF4-FFF2-40B4-BE49-F238E27FC236}">
              <a16:creationId xmlns:a16="http://schemas.microsoft.com/office/drawing/2014/main" id="{00000000-0008-0000-0700-000074000000}"/>
            </a:ext>
          </a:extLst>
        </xdr:cNvPr>
        <xdr:cNvSpPr/>
      </xdr:nvSpPr>
      <xdr:spPr>
        <a:xfrm>
          <a:off x="4584700" y="9759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23695</xdr:rowOff>
    </xdr:from>
    <xdr:to>
      <xdr:col>19</xdr:col>
      <xdr:colOff>177800</xdr:colOff>
      <xdr:row>57</xdr:row>
      <xdr:rowOff>155720</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flipV="1">
          <a:off x="2908300" y="9453445"/>
          <a:ext cx="889000" cy="474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4</xdr:row>
      <xdr:rowOff>89856</xdr:rowOff>
    </xdr:from>
    <xdr:to>
      <xdr:col>20</xdr:col>
      <xdr:colOff>38100</xdr:colOff>
      <xdr:row>55</xdr:row>
      <xdr:rowOff>20006</xdr:rowOff>
    </xdr:to>
    <xdr:sp macro="" textlink="">
      <xdr:nvSpPr>
        <xdr:cNvPr id="118" name="フローチャート: 判断 117">
          <a:extLst>
            <a:ext uri="{FF2B5EF4-FFF2-40B4-BE49-F238E27FC236}">
              <a16:creationId xmlns:a16="http://schemas.microsoft.com/office/drawing/2014/main" id="{00000000-0008-0000-0700-000076000000}"/>
            </a:ext>
          </a:extLst>
        </xdr:cNvPr>
        <xdr:cNvSpPr/>
      </xdr:nvSpPr>
      <xdr:spPr>
        <a:xfrm>
          <a:off x="3746500" y="93481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3</xdr:row>
      <xdr:rowOff>36533</xdr:rowOff>
    </xdr:from>
    <xdr:ext cx="599010" cy="259045"/>
    <xdr:sp macro="" textlink="">
      <xdr:nvSpPr>
        <xdr:cNvPr id="119" name="テキスト ボックス 118">
          <a:extLst>
            <a:ext uri="{FF2B5EF4-FFF2-40B4-BE49-F238E27FC236}">
              <a16:creationId xmlns:a16="http://schemas.microsoft.com/office/drawing/2014/main" id="{00000000-0008-0000-0700-000077000000}"/>
            </a:ext>
          </a:extLst>
        </xdr:cNvPr>
        <xdr:cNvSpPr txBox="1"/>
      </xdr:nvSpPr>
      <xdr:spPr>
        <a:xfrm>
          <a:off x="3497795" y="91233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50389</xdr:rowOff>
    </xdr:from>
    <xdr:to>
      <xdr:col>15</xdr:col>
      <xdr:colOff>50800</xdr:colOff>
      <xdr:row>57</xdr:row>
      <xdr:rowOff>155720</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2019300" y="9923039"/>
          <a:ext cx="889000" cy="53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22670</xdr:rowOff>
    </xdr:from>
    <xdr:to>
      <xdr:col>15</xdr:col>
      <xdr:colOff>101600</xdr:colOff>
      <xdr:row>57</xdr:row>
      <xdr:rowOff>124270</xdr:rowOff>
    </xdr:to>
    <xdr:sp macro="" textlink="">
      <xdr:nvSpPr>
        <xdr:cNvPr id="121" name="フローチャート: 判断 120">
          <a:extLst>
            <a:ext uri="{FF2B5EF4-FFF2-40B4-BE49-F238E27FC236}">
              <a16:creationId xmlns:a16="http://schemas.microsoft.com/office/drawing/2014/main" id="{00000000-0008-0000-0700-000079000000}"/>
            </a:ext>
          </a:extLst>
        </xdr:cNvPr>
        <xdr:cNvSpPr/>
      </xdr:nvSpPr>
      <xdr:spPr>
        <a:xfrm>
          <a:off x="2857500" y="9795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40797</xdr:rowOff>
    </xdr:from>
    <xdr:ext cx="534377" cy="259045"/>
    <xdr:sp macro="" textlink="">
      <xdr:nvSpPr>
        <xdr:cNvPr id="122" name="テキスト ボックス 121">
          <a:extLst>
            <a:ext uri="{FF2B5EF4-FFF2-40B4-BE49-F238E27FC236}">
              <a16:creationId xmlns:a16="http://schemas.microsoft.com/office/drawing/2014/main" id="{00000000-0008-0000-0700-00007A000000}"/>
            </a:ext>
          </a:extLst>
        </xdr:cNvPr>
        <xdr:cNvSpPr txBox="1"/>
      </xdr:nvSpPr>
      <xdr:spPr>
        <a:xfrm>
          <a:off x="2641111" y="95705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44208</xdr:rowOff>
    </xdr:from>
    <xdr:to>
      <xdr:col>10</xdr:col>
      <xdr:colOff>114300</xdr:colOff>
      <xdr:row>57</xdr:row>
      <xdr:rowOff>150389</xdr:rowOff>
    </xdr:to>
    <xdr:cxnSp macro="">
      <xdr:nvCxnSpPr>
        <xdr:cNvPr id="123" name="直線コネクタ 122">
          <a:extLst>
            <a:ext uri="{FF2B5EF4-FFF2-40B4-BE49-F238E27FC236}">
              <a16:creationId xmlns:a16="http://schemas.microsoft.com/office/drawing/2014/main" id="{00000000-0008-0000-0700-00007B000000}"/>
            </a:ext>
          </a:extLst>
        </xdr:cNvPr>
        <xdr:cNvCxnSpPr/>
      </xdr:nvCxnSpPr>
      <xdr:spPr>
        <a:xfrm>
          <a:off x="1130300" y="9916858"/>
          <a:ext cx="889000" cy="61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5187</xdr:rowOff>
    </xdr:from>
    <xdr:to>
      <xdr:col>10</xdr:col>
      <xdr:colOff>165100</xdr:colOff>
      <xdr:row>57</xdr:row>
      <xdr:rowOff>106787</xdr:rowOff>
    </xdr:to>
    <xdr:sp macro="" textlink="">
      <xdr:nvSpPr>
        <xdr:cNvPr id="124" name="フローチャート: 判断 123">
          <a:extLst>
            <a:ext uri="{FF2B5EF4-FFF2-40B4-BE49-F238E27FC236}">
              <a16:creationId xmlns:a16="http://schemas.microsoft.com/office/drawing/2014/main" id="{00000000-0008-0000-0700-00007C000000}"/>
            </a:ext>
          </a:extLst>
        </xdr:cNvPr>
        <xdr:cNvSpPr/>
      </xdr:nvSpPr>
      <xdr:spPr>
        <a:xfrm>
          <a:off x="1968500" y="9777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23314</xdr:rowOff>
    </xdr:from>
    <xdr:ext cx="534377" cy="259045"/>
    <xdr:sp macro="" textlink="">
      <xdr:nvSpPr>
        <xdr:cNvPr id="125" name="テキスト ボックス 124">
          <a:extLst>
            <a:ext uri="{FF2B5EF4-FFF2-40B4-BE49-F238E27FC236}">
              <a16:creationId xmlns:a16="http://schemas.microsoft.com/office/drawing/2014/main" id="{00000000-0008-0000-0700-00007D000000}"/>
            </a:ext>
          </a:extLst>
        </xdr:cNvPr>
        <xdr:cNvSpPr txBox="1"/>
      </xdr:nvSpPr>
      <xdr:spPr>
        <a:xfrm>
          <a:off x="1752111" y="9553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43587</xdr:rowOff>
    </xdr:from>
    <xdr:to>
      <xdr:col>6</xdr:col>
      <xdr:colOff>38100</xdr:colOff>
      <xdr:row>57</xdr:row>
      <xdr:rowOff>145187</xdr:rowOff>
    </xdr:to>
    <xdr:sp macro="" textlink="">
      <xdr:nvSpPr>
        <xdr:cNvPr id="126" name="フローチャート: 判断 125">
          <a:extLst>
            <a:ext uri="{FF2B5EF4-FFF2-40B4-BE49-F238E27FC236}">
              <a16:creationId xmlns:a16="http://schemas.microsoft.com/office/drawing/2014/main" id="{00000000-0008-0000-0700-00007E000000}"/>
            </a:ext>
          </a:extLst>
        </xdr:cNvPr>
        <xdr:cNvSpPr/>
      </xdr:nvSpPr>
      <xdr:spPr>
        <a:xfrm>
          <a:off x="1079500" y="9816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61714</xdr:rowOff>
    </xdr:from>
    <xdr:ext cx="534377" cy="259045"/>
    <xdr:sp macro="" textlink="">
      <xdr:nvSpPr>
        <xdr:cNvPr id="127" name="テキスト ボックス 126">
          <a:extLst>
            <a:ext uri="{FF2B5EF4-FFF2-40B4-BE49-F238E27FC236}">
              <a16:creationId xmlns:a16="http://schemas.microsoft.com/office/drawing/2014/main" id="{00000000-0008-0000-0700-00007F000000}"/>
            </a:ext>
          </a:extLst>
        </xdr:cNvPr>
        <xdr:cNvSpPr txBox="1"/>
      </xdr:nvSpPr>
      <xdr:spPr>
        <a:xfrm>
          <a:off x="863111" y="9591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28" name="テキスト ボックス 127">
          <a:extLst>
            <a:ext uri="{FF2B5EF4-FFF2-40B4-BE49-F238E27FC236}">
              <a16:creationId xmlns:a16="http://schemas.microsoft.com/office/drawing/2014/main" id="{00000000-0008-0000-0700-000080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0" name="テキスト ボックス 129">
          <a:extLst>
            <a:ext uri="{FF2B5EF4-FFF2-40B4-BE49-F238E27FC236}">
              <a16:creationId xmlns:a16="http://schemas.microsoft.com/office/drawing/2014/main" id="{00000000-0008-0000-0700-000082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83217</xdr:rowOff>
    </xdr:from>
    <xdr:to>
      <xdr:col>24</xdr:col>
      <xdr:colOff>114300</xdr:colOff>
      <xdr:row>58</xdr:row>
      <xdr:rowOff>13367</xdr:rowOff>
    </xdr:to>
    <xdr:sp macro="" textlink="">
      <xdr:nvSpPr>
        <xdr:cNvPr id="133" name="楕円 132">
          <a:extLst>
            <a:ext uri="{FF2B5EF4-FFF2-40B4-BE49-F238E27FC236}">
              <a16:creationId xmlns:a16="http://schemas.microsoft.com/office/drawing/2014/main" id="{00000000-0008-0000-0700-000085000000}"/>
            </a:ext>
          </a:extLst>
        </xdr:cNvPr>
        <xdr:cNvSpPr/>
      </xdr:nvSpPr>
      <xdr:spPr>
        <a:xfrm>
          <a:off x="4584700" y="9855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69594</xdr:rowOff>
    </xdr:from>
    <xdr:ext cx="534377" cy="259045"/>
    <xdr:sp macro="" textlink="">
      <xdr:nvSpPr>
        <xdr:cNvPr id="134" name="総務費該当値テキスト">
          <a:extLst>
            <a:ext uri="{FF2B5EF4-FFF2-40B4-BE49-F238E27FC236}">
              <a16:creationId xmlns:a16="http://schemas.microsoft.com/office/drawing/2014/main" id="{00000000-0008-0000-0700-000086000000}"/>
            </a:ext>
          </a:extLst>
        </xdr:cNvPr>
        <xdr:cNvSpPr txBox="1"/>
      </xdr:nvSpPr>
      <xdr:spPr>
        <a:xfrm>
          <a:off x="4686300" y="9770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4</xdr:row>
      <xdr:rowOff>144345</xdr:rowOff>
    </xdr:from>
    <xdr:to>
      <xdr:col>20</xdr:col>
      <xdr:colOff>38100</xdr:colOff>
      <xdr:row>55</xdr:row>
      <xdr:rowOff>74495</xdr:rowOff>
    </xdr:to>
    <xdr:sp macro="" textlink="">
      <xdr:nvSpPr>
        <xdr:cNvPr id="135" name="楕円 134">
          <a:extLst>
            <a:ext uri="{FF2B5EF4-FFF2-40B4-BE49-F238E27FC236}">
              <a16:creationId xmlns:a16="http://schemas.microsoft.com/office/drawing/2014/main" id="{00000000-0008-0000-0700-000087000000}"/>
            </a:ext>
          </a:extLst>
        </xdr:cNvPr>
        <xdr:cNvSpPr/>
      </xdr:nvSpPr>
      <xdr:spPr>
        <a:xfrm>
          <a:off x="3746500" y="9402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5</xdr:row>
      <xdr:rowOff>65622</xdr:rowOff>
    </xdr:from>
    <xdr:ext cx="59901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497795" y="94953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04920</xdr:rowOff>
    </xdr:from>
    <xdr:to>
      <xdr:col>15</xdr:col>
      <xdr:colOff>101600</xdr:colOff>
      <xdr:row>58</xdr:row>
      <xdr:rowOff>35070</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2857500" y="9877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26197</xdr:rowOff>
    </xdr:from>
    <xdr:ext cx="534377"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2641111" y="99702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99589</xdr:rowOff>
    </xdr:from>
    <xdr:to>
      <xdr:col>10</xdr:col>
      <xdr:colOff>165100</xdr:colOff>
      <xdr:row>58</xdr:row>
      <xdr:rowOff>29739</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1968500" y="9872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20866</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1752111" y="99649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3408</xdr:rowOff>
    </xdr:from>
    <xdr:to>
      <xdr:col>6</xdr:col>
      <xdr:colOff>38100</xdr:colOff>
      <xdr:row>58</xdr:row>
      <xdr:rowOff>23558</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1079500" y="98660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4685</xdr:rowOff>
    </xdr:from>
    <xdr:ext cx="534377"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863111" y="995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3" name="正方形/長方形 142">
          <a:extLst>
            <a:ext uri="{FF2B5EF4-FFF2-40B4-BE49-F238E27FC236}">
              <a16:creationId xmlns:a16="http://schemas.microsoft.com/office/drawing/2014/main" id="{00000000-0008-0000-0700-00008F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4" name="正方形/長方形 143">
          <a:extLst>
            <a:ext uri="{FF2B5EF4-FFF2-40B4-BE49-F238E27FC236}">
              <a16:creationId xmlns:a16="http://schemas.microsoft.com/office/drawing/2014/main" id="{00000000-0008-0000-0700-000090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5" name="正方形/長方形 144">
          <a:extLst>
            <a:ext uri="{FF2B5EF4-FFF2-40B4-BE49-F238E27FC236}">
              <a16:creationId xmlns:a16="http://schemas.microsoft.com/office/drawing/2014/main" id="{00000000-0008-0000-0700-000091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6" name="正方形/長方形 145">
          <a:extLst>
            <a:ext uri="{FF2B5EF4-FFF2-40B4-BE49-F238E27FC236}">
              <a16:creationId xmlns:a16="http://schemas.microsoft.com/office/drawing/2014/main" id="{00000000-0008-0000-0700-000092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8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9,7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1" name="テキスト ボックス 150">
          <a:extLst>
            <a:ext uri="{FF2B5EF4-FFF2-40B4-BE49-F238E27FC236}">
              <a16:creationId xmlns:a16="http://schemas.microsoft.com/office/drawing/2014/main" id="{00000000-0008-0000-0700-000097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2" name="直線コネクタ 151">
          <a:extLst>
            <a:ext uri="{FF2B5EF4-FFF2-40B4-BE49-F238E27FC236}">
              <a16:creationId xmlns:a16="http://schemas.microsoft.com/office/drawing/2014/main" id="{00000000-0008-0000-0700-000098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3" name="テキスト ボックス 152">
          <a:extLst>
            <a:ext uri="{FF2B5EF4-FFF2-40B4-BE49-F238E27FC236}">
              <a16:creationId xmlns:a16="http://schemas.microsoft.com/office/drawing/2014/main" id="{00000000-0008-0000-0700-000099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4" name="直線コネクタ 153">
          <a:extLst>
            <a:ext uri="{FF2B5EF4-FFF2-40B4-BE49-F238E27FC236}">
              <a16:creationId xmlns:a16="http://schemas.microsoft.com/office/drawing/2014/main" id="{00000000-0008-0000-0700-00009A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8" name="民生費グラフ枠">
          <a:extLst>
            <a:ext uri="{FF2B5EF4-FFF2-40B4-BE49-F238E27FC236}">
              <a16:creationId xmlns:a16="http://schemas.microsoft.com/office/drawing/2014/main" id="{00000000-0008-0000-0700-0000A8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1552</xdr:rowOff>
    </xdr:from>
    <xdr:to>
      <xdr:col>24</xdr:col>
      <xdr:colOff>62865</xdr:colOff>
      <xdr:row>78</xdr:row>
      <xdr:rowOff>10516</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flipV="1">
          <a:off x="4633595" y="12224502"/>
          <a:ext cx="1270" cy="1159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4343</xdr:rowOff>
    </xdr:from>
    <xdr:ext cx="599010" cy="259045"/>
    <xdr:sp macro="" textlink="">
      <xdr:nvSpPr>
        <xdr:cNvPr id="170" name="民生費最小値テキスト">
          <a:extLst>
            <a:ext uri="{FF2B5EF4-FFF2-40B4-BE49-F238E27FC236}">
              <a16:creationId xmlns:a16="http://schemas.microsoft.com/office/drawing/2014/main" id="{00000000-0008-0000-0700-0000AA000000}"/>
            </a:ext>
          </a:extLst>
        </xdr:cNvPr>
        <xdr:cNvSpPr txBox="1"/>
      </xdr:nvSpPr>
      <xdr:spPr>
        <a:xfrm>
          <a:off x="4686300" y="133874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516</xdr:rowOff>
    </xdr:from>
    <xdr:to>
      <xdr:col>24</xdr:col>
      <xdr:colOff>152400</xdr:colOff>
      <xdr:row>78</xdr:row>
      <xdr:rowOff>10516</xdr:rowOff>
    </xdr:to>
    <xdr:cxnSp macro="">
      <xdr:nvCxnSpPr>
        <xdr:cNvPr id="171" name="直線コネクタ 170">
          <a:extLst>
            <a:ext uri="{FF2B5EF4-FFF2-40B4-BE49-F238E27FC236}">
              <a16:creationId xmlns:a16="http://schemas.microsoft.com/office/drawing/2014/main" id="{00000000-0008-0000-0700-0000AB000000}"/>
            </a:ext>
          </a:extLst>
        </xdr:cNvPr>
        <xdr:cNvCxnSpPr/>
      </xdr:nvCxnSpPr>
      <xdr:spPr>
        <a:xfrm>
          <a:off x="4546600" y="13383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9679</xdr:rowOff>
    </xdr:from>
    <xdr:ext cx="599010" cy="259045"/>
    <xdr:sp macro="" textlink="">
      <xdr:nvSpPr>
        <xdr:cNvPr id="172" name="民生費最大値テキスト">
          <a:extLst>
            <a:ext uri="{FF2B5EF4-FFF2-40B4-BE49-F238E27FC236}">
              <a16:creationId xmlns:a16="http://schemas.microsoft.com/office/drawing/2014/main" id="{00000000-0008-0000-0700-0000AC000000}"/>
            </a:ext>
          </a:extLst>
        </xdr:cNvPr>
        <xdr:cNvSpPr txBox="1"/>
      </xdr:nvSpPr>
      <xdr:spPr>
        <a:xfrm>
          <a:off x="4686300" y="119997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7,24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51552</xdr:rowOff>
    </xdr:from>
    <xdr:to>
      <xdr:col>24</xdr:col>
      <xdr:colOff>152400</xdr:colOff>
      <xdr:row>71</xdr:row>
      <xdr:rowOff>51552</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a:off x="4546600" y="122245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24276</xdr:rowOff>
    </xdr:from>
    <xdr:to>
      <xdr:col>24</xdr:col>
      <xdr:colOff>63500</xdr:colOff>
      <xdr:row>78</xdr:row>
      <xdr:rowOff>12402</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flipV="1">
          <a:off x="3797300" y="13225926"/>
          <a:ext cx="838200" cy="159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99524</xdr:rowOff>
    </xdr:from>
    <xdr:ext cx="599010" cy="259045"/>
    <xdr:sp macro="" textlink="">
      <xdr:nvSpPr>
        <xdr:cNvPr id="175" name="民生費平均値テキスト">
          <a:extLst>
            <a:ext uri="{FF2B5EF4-FFF2-40B4-BE49-F238E27FC236}">
              <a16:creationId xmlns:a16="http://schemas.microsoft.com/office/drawing/2014/main" id="{00000000-0008-0000-0700-0000AF000000}"/>
            </a:ext>
          </a:extLst>
        </xdr:cNvPr>
        <xdr:cNvSpPr txBox="1"/>
      </xdr:nvSpPr>
      <xdr:spPr>
        <a:xfrm>
          <a:off x="4686300" y="1278682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0,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76647</xdr:rowOff>
    </xdr:from>
    <xdr:to>
      <xdr:col>24</xdr:col>
      <xdr:colOff>114300</xdr:colOff>
      <xdr:row>76</xdr:row>
      <xdr:rowOff>6796</xdr:rowOff>
    </xdr:to>
    <xdr:sp macro="" textlink="">
      <xdr:nvSpPr>
        <xdr:cNvPr id="176" name="フローチャート: 判断 175">
          <a:extLst>
            <a:ext uri="{FF2B5EF4-FFF2-40B4-BE49-F238E27FC236}">
              <a16:creationId xmlns:a16="http://schemas.microsoft.com/office/drawing/2014/main" id="{00000000-0008-0000-0700-0000B0000000}"/>
            </a:ext>
          </a:extLst>
        </xdr:cNvPr>
        <xdr:cNvSpPr/>
      </xdr:nvSpPr>
      <xdr:spPr>
        <a:xfrm>
          <a:off x="4584700" y="1293539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2402</xdr:rowOff>
    </xdr:from>
    <xdr:to>
      <xdr:col>19</xdr:col>
      <xdr:colOff>177800</xdr:colOff>
      <xdr:row>78</xdr:row>
      <xdr:rowOff>34243</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2908300" y="13385502"/>
          <a:ext cx="889000" cy="218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16959</xdr:rowOff>
    </xdr:from>
    <xdr:to>
      <xdr:col>20</xdr:col>
      <xdr:colOff>38100</xdr:colOff>
      <xdr:row>77</xdr:row>
      <xdr:rowOff>47109</xdr:rowOff>
    </xdr:to>
    <xdr:sp macro="" textlink="">
      <xdr:nvSpPr>
        <xdr:cNvPr id="178" name="フローチャート: 判断 177">
          <a:extLst>
            <a:ext uri="{FF2B5EF4-FFF2-40B4-BE49-F238E27FC236}">
              <a16:creationId xmlns:a16="http://schemas.microsoft.com/office/drawing/2014/main" id="{00000000-0008-0000-0700-0000B2000000}"/>
            </a:ext>
          </a:extLst>
        </xdr:cNvPr>
        <xdr:cNvSpPr/>
      </xdr:nvSpPr>
      <xdr:spPr>
        <a:xfrm>
          <a:off x="3746500" y="13147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63636</xdr:rowOff>
    </xdr:from>
    <xdr:ext cx="599010" cy="259045"/>
    <xdr:sp macro="" textlink="">
      <xdr:nvSpPr>
        <xdr:cNvPr id="179" name="テキスト ボックス 178">
          <a:extLst>
            <a:ext uri="{FF2B5EF4-FFF2-40B4-BE49-F238E27FC236}">
              <a16:creationId xmlns:a16="http://schemas.microsoft.com/office/drawing/2014/main" id="{00000000-0008-0000-0700-0000B3000000}"/>
            </a:ext>
          </a:extLst>
        </xdr:cNvPr>
        <xdr:cNvSpPr txBox="1"/>
      </xdr:nvSpPr>
      <xdr:spPr>
        <a:xfrm>
          <a:off x="3497795" y="12922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2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34243</xdr:rowOff>
    </xdr:from>
    <xdr:to>
      <xdr:col>15</xdr:col>
      <xdr:colOff>50800</xdr:colOff>
      <xdr:row>78</xdr:row>
      <xdr:rowOff>66926</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flipV="1">
          <a:off x="2019300" y="13407343"/>
          <a:ext cx="889000" cy="32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30460</xdr:rowOff>
    </xdr:from>
    <xdr:to>
      <xdr:col>15</xdr:col>
      <xdr:colOff>101600</xdr:colOff>
      <xdr:row>77</xdr:row>
      <xdr:rowOff>60610</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2857500" y="13160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77136</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2608795" y="129358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6926</xdr:rowOff>
    </xdr:from>
    <xdr:to>
      <xdr:col>10</xdr:col>
      <xdr:colOff>114300</xdr:colOff>
      <xdr:row>78</xdr:row>
      <xdr:rowOff>66973</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1130300" y="13440026"/>
          <a:ext cx="889000" cy="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4632</xdr:rowOff>
    </xdr:from>
    <xdr:to>
      <xdr:col>10</xdr:col>
      <xdr:colOff>165100</xdr:colOff>
      <xdr:row>77</xdr:row>
      <xdr:rowOff>106232</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1968500" y="13206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122759</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1719795" y="129815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6336</xdr:rowOff>
    </xdr:from>
    <xdr:to>
      <xdr:col>6</xdr:col>
      <xdr:colOff>38100</xdr:colOff>
      <xdr:row>77</xdr:row>
      <xdr:rowOff>107936</xdr:rowOff>
    </xdr:to>
    <xdr:sp macro="" textlink="">
      <xdr:nvSpPr>
        <xdr:cNvPr id="186" name="フローチャート: 判断 185">
          <a:extLst>
            <a:ext uri="{FF2B5EF4-FFF2-40B4-BE49-F238E27FC236}">
              <a16:creationId xmlns:a16="http://schemas.microsoft.com/office/drawing/2014/main" id="{00000000-0008-0000-0700-0000BA000000}"/>
            </a:ext>
          </a:extLst>
        </xdr:cNvPr>
        <xdr:cNvSpPr/>
      </xdr:nvSpPr>
      <xdr:spPr>
        <a:xfrm>
          <a:off x="1079500" y="132079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124463</xdr:rowOff>
    </xdr:from>
    <xdr:ext cx="599010" cy="259045"/>
    <xdr:sp macro="" textlink="">
      <xdr:nvSpPr>
        <xdr:cNvPr id="187" name="テキスト ボックス 186">
          <a:extLst>
            <a:ext uri="{FF2B5EF4-FFF2-40B4-BE49-F238E27FC236}">
              <a16:creationId xmlns:a16="http://schemas.microsoft.com/office/drawing/2014/main" id="{00000000-0008-0000-0700-0000BB000000}"/>
            </a:ext>
          </a:extLst>
        </xdr:cNvPr>
        <xdr:cNvSpPr txBox="1"/>
      </xdr:nvSpPr>
      <xdr:spPr>
        <a:xfrm>
          <a:off x="830795" y="129832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44926</xdr:rowOff>
    </xdr:from>
    <xdr:to>
      <xdr:col>24</xdr:col>
      <xdr:colOff>114300</xdr:colOff>
      <xdr:row>77</xdr:row>
      <xdr:rowOff>75076</xdr:rowOff>
    </xdr:to>
    <xdr:sp macro="" textlink="">
      <xdr:nvSpPr>
        <xdr:cNvPr id="193" name="楕円 192">
          <a:extLst>
            <a:ext uri="{FF2B5EF4-FFF2-40B4-BE49-F238E27FC236}">
              <a16:creationId xmlns:a16="http://schemas.microsoft.com/office/drawing/2014/main" id="{00000000-0008-0000-0700-0000C1000000}"/>
            </a:ext>
          </a:extLst>
        </xdr:cNvPr>
        <xdr:cNvSpPr/>
      </xdr:nvSpPr>
      <xdr:spPr>
        <a:xfrm>
          <a:off x="4584700" y="13175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23353</xdr:rowOff>
    </xdr:from>
    <xdr:ext cx="599010" cy="259045"/>
    <xdr:sp macro="" textlink="">
      <xdr:nvSpPr>
        <xdr:cNvPr id="194" name="民生費該当値テキスト">
          <a:extLst>
            <a:ext uri="{FF2B5EF4-FFF2-40B4-BE49-F238E27FC236}">
              <a16:creationId xmlns:a16="http://schemas.microsoft.com/office/drawing/2014/main" id="{00000000-0008-0000-0700-0000C2000000}"/>
            </a:ext>
          </a:extLst>
        </xdr:cNvPr>
        <xdr:cNvSpPr txBox="1"/>
      </xdr:nvSpPr>
      <xdr:spPr>
        <a:xfrm>
          <a:off x="4686300" y="131535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9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33052</xdr:rowOff>
    </xdr:from>
    <xdr:to>
      <xdr:col>20</xdr:col>
      <xdr:colOff>38100</xdr:colOff>
      <xdr:row>78</xdr:row>
      <xdr:rowOff>63202</xdr:rowOff>
    </xdr:to>
    <xdr:sp macro="" textlink="">
      <xdr:nvSpPr>
        <xdr:cNvPr id="195" name="楕円 194">
          <a:extLst>
            <a:ext uri="{FF2B5EF4-FFF2-40B4-BE49-F238E27FC236}">
              <a16:creationId xmlns:a16="http://schemas.microsoft.com/office/drawing/2014/main" id="{00000000-0008-0000-0700-0000C3000000}"/>
            </a:ext>
          </a:extLst>
        </xdr:cNvPr>
        <xdr:cNvSpPr/>
      </xdr:nvSpPr>
      <xdr:spPr>
        <a:xfrm>
          <a:off x="3746500" y="133347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54329</xdr:rowOff>
    </xdr:from>
    <xdr:ext cx="59901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3497795" y="134274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54893</xdr:rowOff>
    </xdr:from>
    <xdr:to>
      <xdr:col>15</xdr:col>
      <xdr:colOff>101600</xdr:colOff>
      <xdr:row>78</xdr:row>
      <xdr:rowOff>85043</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2857500" y="133565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6170</xdr:rowOff>
    </xdr:from>
    <xdr:ext cx="599010" cy="259045"/>
    <xdr:sp macro="" textlink="">
      <xdr:nvSpPr>
        <xdr:cNvPr id="198" name="テキスト ボックス 197">
          <a:extLst>
            <a:ext uri="{FF2B5EF4-FFF2-40B4-BE49-F238E27FC236}">
              <a16:creationId xmlns:a16="http://schemas.microsoft.com/office/drawing/2014/main" id="{00000000-0008-0000-0700-0000C6000000}"/>
            </a:ext>
          </a:extLst>
        </xdr:cNvPr>
        <xdr:cNvSpPr txBox="1"/>
      </xdr:nvSpPr>
      <xdr:spPr>
        <a:xfrm>
          <a:off x="2608795" y="134492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6126</xdr:rowOff>
    </xdr:from>
    <xdr:to>
      <xdr:col>10</xdr:col>
      <xdr:colOff>165100</xdr:colOff>
      <xdr:row>78</xdr:row>
      <xdr:rowOff>117726</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1968500" y="133892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8853</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1719795" y="134819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6173</xdr:rowOff>
    </xdr:from>
    <xdr:to>
      <xdr:col>6</xdr:col>
      <xdr:colOff>38100</xdr:colOff>
      <xdr:row>78</xdr:row>
      <xdr:rowOff>117773</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1079500" y="133892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08900</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830795" y="134820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3" name="正方形/長方形 202">
          <a:extLst>
            <a:ext uri="{FF2B5EF4-FFF2-40B4-BE49-F238E27FC236}">
              <a16:creationId xmlns:a16="http://schemas.microsoft.com/office/drawing/2014/main" id="{00000000-0008-0000-0700-0000CB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4" name="正方形/長方形 203">
          <a:extLst>
            <a:ext uri="{FF2B5EF4-FFF2-40B4-BE49-F238E27FC236}">
              <a16:creationId xmlns:a16="http://schemas.microsoft.com/office/drawing/2014/main" id="{00000000-0008-0000-0700-0000CC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5" name="正方形/長方形 204">
          <a:extLst>
            <a:ext uri="{FF2B5EF4-FFF2-40B4-BE49-F238E27FC236}">
              <a16:creationId xmlns:a16="http://schemas.microsoft.com/office/drawing/2014/main" id="{00000000-0008-0000-0700-0000CD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1" name="テキスト ボックス 210">
          <a:extLst>
            <a:ext uri="{FF2B5EF4-FFF2-40B4-BE49-F238E27FC236}">
              <a16:creationId xmlns:a16="http://schemas.microsoft.com/office/drawing/2014/main" id="{00000000-0008-0000-0700-0000D3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2" name="直線コネクタ 211">
          <a:extLst>
            <a:ext uri="{FF2B5EF4-FFF2-40B4-BE49-F238E27FC236}">
              <a16:creationId xmlns:a16="http://schemas.microsoft.com/office/drawing/2014/main" id="{00000000-0008-0000-0700-0000D4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3" name="テキスト ボックス 212">
          <a:extLst>
            <a:ext uri="{FF2B5EF4-FFF2-40B4-BE49-F238E27FC236}">
              <a16:creationId xmlns:a16="http://schemas.microsoft.com/office/drawing/2014/main" id="{00000000-0008-0000-0700-0000D5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8</xdr:row>
      <xdr:rowOff>139700</xdr:rowOff>
    </xdr:from>
    <xdr:to>
      <xdr:col>28</xdr:col>
      <xdr:colOff>114300</xdr:colOff>
      <xdr:row>98</xdr:row>
      <xdr:rowOff>139700</xdr:rowOff>
    </xdr:to>
    <xdr:cxnSp macro="">
      <xdr:nvCxnSpPr>
        <xdr:cNvPr id="214" name="直線コネクタ 213">
          <a:extLst>
            <a:ext uri="{FF2B5EF4-FFF2-40B4-BE49-F238E27FC236}">
              <a16:creationId xmlns:a16="http://schemas.microsoft.com/office/drawing/2014/main" id="{00000000-0008-0000-0700-0000D6000000}"/>
            </a:ext>
          </a:extLst>
        </xdr:cNvPr>
        <xdr:cNvCxnSpPr/>
      </xdr:nvCxnSpPr>
      <xdr:spPr>
        <a:xfrm>
          <a:off x="762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7</xdr:row>
      <xdr:rowOff>168927</xdr:rowOff>
    </xdr:from>
    <xdr:ext cx="531299" cy="259045"/>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230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6</xdr:row>
      <xdr:rowOff>25400</xdr:rowOff>
    </xdr:from>
    <xdr:to>
      <xdr:col>28</xdr:col>
      <xdr:colOff>114300</xdr:colOff>
      <xdr:row>96</xdr:row>
      <xdr:rowOff>2540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5</xdr:row>
      <xdr:rowOff>54627</xdr:rowOff>
    </xdr:from>
    <xdr:ext cx="531299"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230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82550</xdr:rowOff>
    </xdr:from>
    <xdr:to>
      <xdr:col>28</xdr:col>
      <xdr:colOff>114300</xdr:colOff>
      <xdr:row>93</xdr:row>
      <xdr:rowOff>825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2</xdr:row>
      <xdr:rowOff>11177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139700</xdr:rowOff>
    </xdr:from>
    <xdr:to>
      <xdr:col>28</xdr:col>
      <xdr:colOff>114300</xdr:colOff>
      <xdr:row>90</xdr:row>
      <xdr:rowOff>1397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16892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4" name="衛生費グラフ枠">
          <a:extLst>
            <a:ext uri="{FF2B5EF4-FFF2-40B4-BE49-F238E27FC236}">
              <a16:creationId xmlns:a16="http://schemas.microsoft.com/office/drawing/2014/main" id="{00000000-0008-0000-0700-0000E0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2372</xdr:rowOff>
    </xdr:from>
    <xdr:to>
      <xdr:col>24</xdr:col>
      <xdr:colOff>62865</xdr:colOff>
      <xdr:row>98</xdr:row>
      <xdr:rowOff>46134</xdr:rowOff>
    </xdr:to>
    <xdr:cxnSp macro="">
      <xdr:nvCxnSpPr>
        <xdr:cNvPr id="225" name="直線コネクタ 224">
          <a:extLst>
            <a:ext uri="{FF2B5EF4-FFF2-40B4-BE49-F238E27FC236}">
              <a16:creationId xmlns:a16="http://schemas.microsoft.com/office/drawing/2014/main" id="{00000000-0008-0000-0700-0000E1000000}"/>
            </a:ext>
          </a:extLst>
        </xdr:cNvPr>
        <xdr:cNvCxnSpPr/>
      </xdr:nvCxnSpPr>
      <xdr:spPr>
        <a:xfrm flipV="1">
          <a:off x="4633595" y="15462872"/>
          <a:ext cx="1270" cy="138536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49961</xdr:rowOff>
    </xdr:from>
    <xdr:ext cx="534377" cy="259045"/>
    <xdr:sp macro="" textlink="">
      <xdr:nvSpPr>
        <xdr:cNvPr id="226" name="衛生費最小値テキスト">
          <a:extLst>
            <a:ext uri="{FF2B5EF4-FFF2-40B4-BE49-F238E27FC236}">
              <a16:creationId xmlns:a16="http://schemas.microsoft.com/office/drawing/2014/main" id="{00000000-0008-0000-0700-0000E2000000}"/>
            </a:ext>
          </a:extLst>
        </xdr:cNvPr>
        <xdr:cNvSpPr txBox="1"/>
      </xdr:nvSpPr>
      <xdr:spPr>
        <a:xfrm>
          <a:off x="4686300" y="16852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0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46134</xdr:rowOff>
    </xdr:from>
    <xdr:to>
      <xdr:col>24</xdr:col>
      <xdr:colOff>152400</xdr:colOff>
      <xdr:row>98</xdr:row>
      <xdr:rowOff>46134</xdr:rowOff>
    </xdr:to>
    <xdr:cxnSp macro="">
      <xdr:nvCxnSpPr>
        <xdr:cNvPr id="227" name="直線コネクタ 226">
          <a:extLst>
            <a:ext uri="{FF2B5EF4-FFF2-40B4-BE49-F238E27FC236}">
              <a16:creationId xmlns:a16="http://schemas.microsoft.com/office/drawing/2014/main" id="{00000000-0008-0000-0700-0000E3000000}"/>
            </a:ext>
          </a:extLst>
        </xdr:cNvPr>
        <xdr:cNvCxnSpPr/>
      </xdr:nvCxnSpPr>
      <xdr:spPr>
        <a:xfrm>
          <a:off x="4546600" y="168482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0499</xdr:rowOff>
    </xdr:from>
    <xdr:ext cx="534377" cy="259045"/>
    <xdr:sp macro="" textlink="">
      <xdr:nvSpPr>
        <xdr:cNvPr id="228" name="衛生費最大値テキスト">
          <a:extLst>
            <a:ext uri="{FF2B5EF4-FFF2-40B4-BE49-F238E27FC236}">
              <a16:creationId xmlns:a16="http://schemas.microsoft.com/office/drawing/2014/main" id="{00000000-0008-0000-0700-0000E4000000}"/>
            </a:ext>
          </a:extLst>
        </xdr:cNvPr>
        <xdr:cNvSpPr txBox="1"/>
      </xdr:nvSpPr>
      <xdr:spPr>
        <a:xfrm>
          <a:off x="4686300" y="15238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4,69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2372</xdr:rowOff>
    </xdr:from>
    <xdr:to>
      <xdr:col>24</xdr:col>
      <xdr:colOff>152400</xdr:colOff>
      <xdr:row>90</xdr:row>
      <xdr:rowOff>32372</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a:off x="4546600" y="15462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40396</xdr:rowOff>
    </xdr:from>
    <xdr:to>
      <xdr:col>24</xdr:col>
      <xdr:colOff>63500</xdr:colOff>
      <xdr:row>97</xdr:row>
      <xdr:rowOff>112885</xdr:rowOff>
    </xdr:to>
    <xdr:cxnSp macro="">
      <xdr:nvCxnSpPr>
        <xdr:cNvPr id="230" name="直線コネクタ 229">
          <a:extLst>
            <a:ext uri="{FF2B5EF4-FFF2-40B4-BE49-F238E27FC236}">
              <a16:creationId xmlns:a16="http://schemas.microsoft.com/office/drawing/2014/main" id="{00000000-0008-0000-0700-0000E6000000}"/>
            </a:ext>
          </a:extLst>
        </xdr:cNvPr>
        <xdr:cNvCxnSpPr/>
      </xdr:nvCxnSpPr>
      <xdr:spPr>
        <a:xfrm flipV="1">
          <a:off x="3797300" y="16499596"/>
          <a:ext cx="838200" cy="243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2730</xdr:rowOff>
    </xdr:from>
    <xdr:ext cx="534377" cy="259045"/>
    <xdr:sp macro="" textlink="">
      <xdr:nvSpPr>
        <xdr:cNvPr id="231" name="衛生費平均値テキスト">
          <a:extLst>
            <a:ext uri="{FF2B5EF4-FFF2-40B4-BE49-F238E27FC236}">
              <a16:creationId xmlns:a16="http://schemas.microsoft.com/office/drawing/2014/main" id="{00000000-0008-0000-0700-0000E7000000}"/>
            </a:ext>
          </a:extLst>
        </xdr:cNvPr>
        <xdr:cNvSpPr txBox="1"/>
      </xdr:nvSpPr>
      <xdr:spPr>
        <a:xfrm>
          <a:off x="4686300" y="1625903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9853</xdr:rowOff>
    </xdr:from>
    <xdr:to>
      <xdr:col>24</xdr:col>
      <xdr:colOff>114300</xdr:colOff>
      <xdr:row>96</xdr:row>
      <xdr:rowOff>50003</xdr:rowOff>
    </xdr:to>
    <xdr:sp macro="" textlink="">
      <xdr:nvSpPr>
        <xdr:cNvPr id="232" name="フローチャート: 判断 231">
          <a:extLst>
            <a:ext uri="{FF2B5EF4-FFF2-40B4-BE49-F238E27FC236}">
              <a16:creationId xmlns:a16="http://schemas.microsoft.com/office/drawing/2014/main" id="{00000000-0008-0000-0700-0000E8000000}"/>
            </a:ext>
          </a:extLst>
        </xdr:cNvPr>
        <xdr:cNvSpPr/>
      </xdr:nvSpPr>
      <xdr:spPr>
        <a:xfrm>
          <a:off x="4584700" y="164076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12885</xdr:rowOff>
    </xdr:from>
    <xdr:to>
      <xdr:col>19</xdr:col>
      <xdr:colOff>177800</xdr:colOff>
      <xdr:row>98</xdr:row>
      <xdr:rowOff>964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flipV="1">
          <a:off x="2908300" y="16743535"/>
          <a:ext cx="889000" cy="68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120447</xdr:rowOff>
    </xdr:from>
    <xdr:to>
      <xdr:col>20</xdr:col>
      <xdr:colOff>38100</xdr:colOff>
      <xdr:row>97</xdr:row>
      <xdr:rowOff>50597</xdr:rowOff>
    </xdr:to>
    <xdr:sp macro="" textlink="">
      <xdr:nvSpPr>
        <xdr:cNvPr id="234" name="フローチャート: 判断 233">
          <a:extLst>
            <a:ext uri="{FF2B5EF4-FFF2-40B4-BE49-F238E27FC236}">
              <a16:creationId xmlns:a16="http://schemas.microsoft.com/office/drawing/2014/main" id="{00000000-0008-0000-0700-0000EA000000}"/>
            </a:ext>
          </a:extLst>
        </xdr:cNvPr>
        <xdr:cNvSpPr/>
      </xdr:nvSpPr>
      <xdr:spPr>
        <a:xfrm>
          <a:off x="3746500" y="16579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67124</xdr:rowOff>
    </xdr:from>
    <xdr:ext cx="534377" cy="259045"/>
    <xdr:sp macro="" textlink="">
      <xdr:nvSpPr>
        <xdr:cNvPr id="235" name="テキスト ボックス 234">
          <a:extLst>
            <a:ext uri="{FF2B5EF4-FFF2-40B4-BE49-F238E27FC236}">
              <a16:creationId xmlns:a16="http://schemas.microsoft.com/office/drawing/2014/main" id="{00000000-0008-0000-0700-0000EB000000}"/>
            </a:ext>
          </a:extLst>
        </xdr:cNvPr>
        <xdr:cNvSpPr txBox="1"/>
      </xdr:nvSpPr>
      <xdr:spPr>
        <a:xfrm>
          <a:off x="3530111" y="16354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9649</xdr:rowOff>
    </xdr:from>
    <xdr:to>
      <xdr:col>15</xdr:col>
      <xdr:colOff>50800</xdr:colOff>
      <xdr:row>98</xdr:row>
      <xdr:rowOff>21492</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flipV="1">
          <a:off x="2019300" y="16811749"/>
          <a:ext cx="889000" cy="118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45112</xdr:rowOff>
    </xdr:from>
    <xdr:to>
      <xdr:col>15</xdr:col>
      <xdr:colOff>101600</xdr:colOff>
      <xdr:row>97</xdr:row>
      <xdr:rowOff>75262</xdr:rowOff>
    </xdr:to>
    <xdr:sp macro="" textlink="">
      <xdr:nvSpPr>
        <xdr:cNvPr id="237" name="フローチャート: 判断 236">
          <a:extLst>
            <a:ext uri="{FF2B5EF4-FFF2-40B4-BE49-F238E27FC236}">
              <a16:creationId xmlns:a16="http://schemas.microsoft.com/office/drawing/2014/main" id="{00000000-0008-0000-0700-0000ED000000}"/>
            </a:ext>
          </a:extLst>
        </xdr:cNvPr>
        <xdr:cNvSpPr/>
      </xdr:nvSpPr>
      <xdr:spPr>
        <a:xfrm>
          <a:off x="2857500" y="16604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91789</xdr:rowOff>
    </xdr:from>
    <xdr:ext cx="534377" cy="259045"/>
    <xdr:sp macro="" textlink="">
      <xdr:nvSpPr>
        <xdr:cNvPr id="238" name="テキスト ボックス 237">
          <a:extLst>
            <a:ext uri="{FF2B5EF4-FFF2-40B4-BE49-F238E27FC236}">
              <a16:creationId xmlns:a16="http://schemas.microsoft.com/office/drawing/2014/main" id="{00000000-0008-0000-0700-0000EE000000}"/>
            </a:ext>
          </a:extLst>
        </xdr:cNvPr>
        <xdr:cNvSpPr txBox="1"/>
      </xdr:nvSpPr>
      <xdr:spPr>
        <a:xfrm>
          <a:off x="2641111" y="163795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5182</xdr:rowOff>
    </xdr:from>
    <xdr:to>
      <xdr:col>10</xdr:col>
      <xdr:colOff>114300</xdr:colOff>
      <xdr:row>98</xdr:row>
      <xdr:rowOff>21492</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a:off x="1130300" y="16817282"/>
          <a:ext cx="889000" cy="6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0807</xdr:rowOff>
    </xdr:from>
    <xdr:to>
      <xdr:col>10</xdr:col>
      <xdr:colOff>165100</xdr:colOff>
      <xdr:row>97</xdr:row>
      <xdr:rowOff>10957</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1968500" y="16540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27484</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1752111" y="16315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1671</xdr:rowOff>
    </xdr:from>
    <xdr:to>
      <xdr:col>6</xdr:col>
      <xdr:colOff>38100</xdr:colOff>
      <xdr:row>97</xdr:row>
      <xdr:rowOff>61821</xdr:rowOff>
    </xdr:to>
    <xdr:sp macro="" textlink="">
      <xdr:nvSpPr>
        <xdr:cNvPr id="242" name="フローチャート: 判断 241">
          <a:extLst>
            <a:ext uri="{FF2B5EF4-FFF2-40B4-BE49-F238E27FC236}">
              <a16:creationId xmlns:a16="http://schemas.microsoft.com/office/drawing/2014/main" id="{00000000-0008-0000-0700-0000F2000000}"/>
            </a:ext>
          </a:extLst>
        </xdr:cNvPr>
        <xdr:cNvSpPr/>
      </xdr:nvSpPr>
      <xdr:spPr>
        <a:xfrm>
          <a:off x="1079500" y="16590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78348</xdr:rowOff>
    </xdr:from>
    <xdr:ext cx="534377" cy="259045"/>
    <xdr:sp macro="" textlink="">
      <xdr:nvSpPr>
        <xdr:cNvPr id="243" name="テキスト ボックス 242">
          <a:extLst>
            <a:ext uri="{FF2B5EF4-FFF2-40B4-BE49-F238E27FC236}">
              <a16:creationId xmlns:a16="http://schemas.microsoft.com/office/drawing/2014/main" id="{00000000-0008-0000-0700-0000F3000000}"/>
            </a:ext>
          </a:extLst>
        </xdr:cNvPr>
        <xdr:cNvSpPr txBox="1"/>
      </xdr:nvSpPr>
      <xdr:spPr>
        <a:xfrm>
          <a:off x="863111" y="16366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700-0000F6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61046</xdr:rowOff>
    </xdr:from>
    <xdr:to>
      <xdr:col>24</xdr:col>
      <xdr:colOff>114300</xdr:colOff>
      <xdr:row>96</xdr:row>
      <xdr:rowOff>91196</xdr:rowOff>
    </xdr:to>
    <xdr:sp macro="" textlink="">
      <xdr:nvSpPr>
        <xdr:cNvPr id="249" name="楕円 248">
          <a:extLst>
            <a:ext uri="{FF2B5EF4-FFF2-40B4-BE49-F238E27FC236}">
              <a16:creationId xmlns:a16="http://schemas.microsoft.com/office/drawing/2014/main" id="{00000000-0008-0000-0700-0000F9000000}"/>
            </a:ext>
          </a:extLst>
        </xdr:cNvPr>
        <xdr:cNvSpPr/>
      </xdr:nvSpPr>
      <xdr:spPr>
        <a:xfrm>
          <a:off x="4584700" y="16448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39473</xdr:rowOff>
    </xdr:from>
    <xdr:ext cx="534377" cy="259045"/>
    <xdr:sp macro="" textlink="">
      <xdr:nvSpPr>
        <xdr:cNvPr id="250" name="衛生費該当値テキスト">
          <a:extLst>
            <a:ext uri="{FF2B5EF4-FFF2-40B4-BE49-F238E27FC236}">
              <a16:creationId xmlns:a16="http://schemas.microsoft.com/office/drawing/2014/main" id="{00000000-0008-0000-0700-0000FA000000}"/>
            </a:ext>
          </a:extLst>
        </xdr:cNvPr>
        <xdr:cNvSpPr txBox="1"/>
      </xdr:nvSpPr>
      <xdr:spPr>
        <a:xfrm>
          <a:off x="4686300" y="16427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62085</xdr:rowOff>
    </xdr:from>
    <xdr:to>
      <xdr:col>20</xdr:col>
      <xdr:colOff>38100</xdr:colOff>
      <xdr:row>97</xdr:row>
      <xdr:rowOff>163685</xdr:rowOff>
    </xdr:to>
    <xdr:sp macro="" textlink="">
      <xdr:nvSpPr>
        <xdr:cNvPr id="251" name="楕円 250">
          <a:extLst>
            <a:ext uri="{FF2B5EF4-FFF2-40B4-BE49-F238E27FC236}">
              <a16:creationId xmlns:a16="http://schemas.microsoft.com/office/drawing/2014/main" id="{00000000-0008-0000-0700-0000FB000000}"/>
            </a:ext>
          </a:extLst>
        </xdr:cNvPr>
        <xdr:cNvSpPr/>
      </xdr:nvSpPr>
      <xdr:spPr>
        <a:xfrm>
          <a:off x="3746500" y="166927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54812</xdr:rowOff>
    </xdr:from>
    <xdr:ext cx="534377"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3530111" y="167854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30299</xdr:rowOff>
    </xdr:from>
    <xdr:to>
      <xdr:col>15</xdr:col>
      <xdr:colOff>101600</xdr:colOff>
      <xdr:row>98</xdr:row>
      <xdr:rowOff>60449</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2857500" y="16760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51576</xdr:rowOff>
    </xdr:from>
    <xdr:ext cx="534377"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2641111" y="168536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2142</xdr:rowOff>
    </xdr:from>
    <xdr:to>
      <xdr:col>10</xdr:col>
      <xdr:colOff>165100</xdr:colOff>
      <xdr:row>98</xdr:row>
      <xdr:rowOff>72292</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1968500" y="167727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3419</xdr:rowOff>
    </xdr:from>
    <xdr:ext cx="534377"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1752111" y="168655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35832</xdr:rowOff>
    </xdr:from>
    <xdr:to>
      <xdr:col>6</xdr:col>
      <xdr:colOff>38100</xdr:colOff>
      <xdr:row>98</xdr:row>
      <xdr:rowOff>65982</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1079500" y="16766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57109</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863111" y="16859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9" name="正方形/長方形 258">
          <a:extLst>
            <a:ext uri="{FF2B5EF4-FFF2-40B4-BE49-F238E27FC236}">
              <a16:creationId xmlns:a16="http://schemas.microsoft.com/office/drawing/2014/main" id="{00000000-0008-0000-0700-000003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0" name="正方形/長方形 259">
          <a:extLst>
            <a:ext uri="{FF2B5EF4-FFF2-40B4-BE49-F238E27FC236}">
              <a16:creationId xmlns:a16="http://schemas.microsoft.com/office/drawing/2014/main" id="{00000000-0008-0000-0700-000004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1" name="正方形/長方形 260">
          <a:extLst>
            <a:ext uri="{FF2B5EF4-FFF2-40B4-BE49-F238E27FC236}">
              <a16:creationId xmlns:a16="http://schemas.microsoft.com/office/drawing/2014/main" id="{00000000-0008-0000-0700-000005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2" name="正方形/長方形 261">
          <a:extLst>
            <a:ext uri="{FF2B5EF4-FFF2-40B4-BE49-F238E27FC236}">
              <a16:creationId xmlns:a16="http://schemas.microsoft.com/office/drawing/2014/main" id="{00000000-0008-0000-0700-000006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7" name="テキスト ボックス 266">
          <a:extLst>
            <a:ext uri="{FF2B5EF4-FFF2-40B4-BE49-F238E27FC236}">
              <a16:creationId xmlns:a16="http://schemas.microsoft.com/office/drawing/2014/main" id="{00000000-0008-0000-0700-00000B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8" name="直線コネクタ 267">
          <a:extLst>
            <a:ext uri="{FF2B5EF4-FFF2-40B4-BE49-F238E27FC236}">
              <a16:creationId xmlns:a16="http://schemas.microsoft.com/office/drawing/2014/main" id="{00000000-0008-0000-0700-00000C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69" name="直線コネクタ 268">
          <a:extLst>
            <a:ext uri="{FF2B5EF4-FFF2-40B4-BE49-F238E27FC236}">
              <a16:creationId xmlns:a16="http://schemas.microsoft.com/office/drawing/2014/main" id="{00000000-0008-0000-0700-00000D010000}"/>
            </a:ext>
          </a:extLst>
        </xdr:cNvPr>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0" name="テキスト ボックス 269">
          <a:extLst>
            <a:ext uri="{FF2B5EF4-FFF2-40B4-BE49-F238E27FC236}">
              <a16:creationId xmlns:a16="http://schemas.microsoft.com/office/drawing/2014/main" id="{00000000-0008-0000-0700-00000E010000}"/>
            </a:ext>
          </a:extLst>
        </xdr:cNvPr>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1" name="直線コネクタ 270">
          <a:extLst>
            <a:ext uri="{FF2B5EF4-FFF2-40B4-BE49-F238E27FC236}">
              <a16:creationId xmlns:a16="http://schemas.microsoft.com/office/drawing/2014/main" id="{00000000-0008-0000-0700-00000F010000}"/>
            </a:ext>
          </a:extLst>
        </xdr:cNvPr>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2" name="テキスト ボックス 271">
          <a:extLst>
            <a:ext uri="{FF2B5EF4-FFF2-40B4-BE49-F238E27FC236}">
              <a16:creationId xmlns:a16="http://schemas.microsoft.com/office/drawing/2014/main" id="{00000000-0008-0000-0700-000010010000}"/>
            </a:ext>
          </a:extLst>
        </xdr:cNvPr>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79" name="労働費グラフ枠">
          <a:extLst>
            <a:ext uri="{FF2B5EF4-FFF2-40B4-BE49-F238E27FC236}">
              <a16:creationId xmlns:a16="http://schemas.microsoft.com/office/drawing/2014/main" id="{00000000-0008-0000-0700-000017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25400</xdr:rowOff>
    </xdr:from>
    <xdr:to>
      <xdr:col>54</xdr:col>
      <xdr:colOff>189865</xdr:colOff>
      <xdr:row>38</xdr:row>
      <xdr:rowOff>139700</xdr:rowOff>
    </xdr:to>
    <xdr:cxnSp macro="">
      <xdr:nvCxnSpPr>
        <xdr:cNvPr id="280" name="直線コネクタ 279">
          <a:extLst>
            <a:ext uri="{FF2B5EF4-FFF2-40B4-BE49-F238E27FC236}">
              <a16:creationId xmlns:a16="http://schemas.microsoft.com/office/drawing/2014/main" id="{00000000-0008-0000-0700-000018010000}"/>
            </a:ext>
          </a:extLst>
        </xdr:cNvPr>
        <xdr:cNvCxnSpPr/>
      </xdr:nvCxnSpPr>
      <xdr:spPr>
        <a:xfrm flipV="1">
          <a:off x="10475595" y="5168900"/>
          <a:ext cx="1270" cy="1485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43527</xdr:rowOff>
    </xdr:from>
    <xdr:ext cx="249299" cy="259045"/>
    <xdr:sp macro="" textlink="">
      <xdr:nvSpPr>
        <xdr:cNvPr id="281" name="労働費最小値テキスト">
          <a:extLst>
            <a:ext uri="{FF2B5EF4-FFF2-40B4-BE49-F238E27FC236}">
              <a16:creationId xmlns:a16="http://schemas.microsoft.com/office/drawing/2014/main" id="{00000000-0008-0000-0700-000019010000}"/>
            </a:ext>
          </a:extLst>
        </xdr:cNvPr>
        <xdr:cNvSpPr txBox="1"/>
      </xdr:nvSpPr>
      <xdr:spPr>
        <a:xfrm>
          <a:off x="10528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39700</xdr:rowOff>
    </xdr:from>
    <xdr:to>
      <xdr:col>55</xdr:col>
      <xdr:colOff>88900</xdr:colOff>
      <xdr:row>38</xdr:row>
      <xdr:rowOff>139700</xdr:rowOff>
    </xdr:to>
    <xdr:cxnSp macro="">
      <xdr:nvCxnSpPr>
        <xdr:cNvPr id="282" name="直線コネクタ 281">
          <a:extLst>
            <a:ext uri="{FF2B5EF4-FFF2-40B4-BE49-F238E27FC236}">
              <a16:creationId xmlns:a16="http://schemas.microsoft.com/office/drawing/2014/main" id="{00000000-0008-0000-0700-00001A010000}"/>
            </a:ext>
          </a:extLst>
        </xdr:cNvPr>
        <xdr:cNvCxnSpPr/>
      </xdr:nvCxnSpPr>
      <xdr:spPr>
        <a:xfrm>
          <a:off x="10388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8</xdr:row>
      <xdr:rowOff>143527</xdr:rowOff>
    </xdr:from>
    <xdr:ext cx="469744" cy="259045"/>
    <xdr:sp macro="" textlink="">
      <xdr:nvSpPr>
        <xdr:cNvPr id="283" name="労働費最大値テキスト">
          <a:extLst>
            <a:ext uri="{FF2B5EF4-FFF2-40B4-BE49-F238E27FC236}">
              <a16:creationId xmlns:a16="http://schemas.microsoft.com/office/drawing/2014/main" id="{00000000-0008-0000-0700-00001B010000}"/>
            </a:ext>
          </a:extLst>
        </xdr:cNvPr>
        <xdr:cNvSpPr txBox="1"/>
      </xdr:nvSpPr>
      <xdr:spPr>
        <a:xfrm>
          <a:off x="10528300" y="4944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2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25400</xdr:rowOff>
    </xdr:from>
    <xdr:to>
      <xdr:col>55</xdr:col>
      <xdr:colOff>88900</xdr:colOff>
      <xdr:row>30</xdr:row>
      <xdr:rowOff>25400</xdr:rowOff>
    </xdr:to>
    <xdr:cxnSp macro="">
      <xdr:nvCxnSpPr>
        <xdr:cNvPr id="284" name="直線コネクタ 283">
          <a:extLst>
            <a:ext uri="{FF2B5EF4-FFF2-40B4-BE49-F238E27FC236}">
              <a16:creationId xmlns:a16="http://schemas.microsoft.com/office/drawing/2014/main" id="{00000000-0008-0000-0700-00001C010000}"/>
            </a:ext>
          </a:extLst>
        </xdr:cNvPr>
        <xdr:cNvCxnSpPr/>
      </xdr:nvCxnSpPr>
      <xdr:spPr>
        <a:xfrm>
          <a:off x="10388600" y="5168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19126</xdr:rowOff>
    </xdr:from>
    <xdr:to>
      <xdr:col>55</xdr:col>
      <xdr:colOff>0</xdr:colOff>
      <xdr:row>36</xdr:row>
      <xdr:rowOff>121869</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9639300" y="6291326"/>
          <a:ext cx="838200" cy="27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60012</xdr:rowOff>
    </xdr:from>
    <xdr:ext cx="378565" cy="259045"/>
    <xdr:sp macro="" textlink="">
      <xdr:nvSpPr>
        <xdr:cNvPr id="286" name="労働費平均値テキスト">
          <a:extLst>
            <a:ext uri="{FF2B5EF4-FFF2-40B4-BE49-F238E27FC236}">
              <a16:creationId xmlns:a16="http://schemas.microsoft.com/office/drawing/2014/main" id="{00000000-0008-0000-0700-00001E010000}"/>
            </a:ext>
          </a:extLst>
        </xdr:cNvPr>
        <xdr:cNvSpPr txBox="1"/>
      </xdr:nvSpPr>
      <xdr:spPr>
        <a:xfrm>
          <a:off x="10528300" y="623221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81585</xdr:rowOff>
    </xdr:from>
    <xdr:to>
      <xdr:col>55</xdr:col>
      <xdr:colOff>50800</xdr:colOff>
      <xdr:row>37</xdr:row>
      <xdr:rowOff>11735</xdr:rowOff>
    </xdr:to>
    <xdr:sp macro="" textlink="">
      <xdr:nvSpPr>
        <xdr:cNvPr id="287" name="フローチャート: 判断 286">
          <a:extLst>
            <a:ext uri="{FF2B5EF4-FFF2-40B4-BE49-F238E27FC236}">
              <a16:creationId xmlns:a16="http://schemas.microsoft.com/office/drawing/2014/main" id="{00000000-0008-0000-0700-00001F010000}"/>
            </a:ext>
          </a:extLst>
        </xdr:cNvPr>
        <xdr:cNvSpPr/>
      </xdr:nvSpPr>
      <xdr:spPr>
        <a:xfrm>
          <a:off x="10426700" y="62537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119126</xdr:rowOff>
    </xdr:from>
    <xdr:to>
      <xdr:col>50</xdr:col>
      <xdr:colOff>114300</xdr:colOff>
      <xdr:row>36</xdr:row>
      <xdr:rowOff>119126</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8750300" y="629132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80670</xdr:rowOff>
    </xdr:from>
    <xdr:to>
      <xdr:col>50</xdr:col>
      <xdr:colOff>165100</xdr:colOff>
      <xdr:row>37</xdr:row>
      <xdr:rowOff>10820</xdr:rowOff>
    </xdr:to>
    <xdr:sp macro="" textlink="">
      <xdr:nvSpPr>
        <xdr:cNvPr id="289" name="フローチャート: 判断 288">
          <a:extLst>
            <a:ext uri="{FF2B5EF4-FFF2-40B4-BE49-F238E27FC236}">
              <a16:creationId xmlns:a16="http://schemas.microsoft.com/office/drawing/2014/main" id="{00000000-0008-0000-0700-000021010000}"/>
            </a:ext>
          </a:extLst>
        </xdr:cNvPr>
        <xdr:cNvSpPr/>
      </xdr:nvSpPr>
      <xdr:spPr>
        <a:xfrm>
          <a:off x="9588500" y="6252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947</xdr:rowOff>
    </xdr:from>
    <xdr:ext cx="378565" cy="259045"/>
    <xdr:sp macro="" textlink="">
      <xdr:nvSpPr>
        <xdr:cNvPr id="290" name="テキスト ボックス 289">
          <a:extLst>
            <a:ext uri="{FF2B5EF4-FFF2-40B4-BE49-F238E27FC236}">
              <a16:creationId xmlns:a16="http://schemas.microsoft.com/office/drawing/2014/main" id="{00000000-0008-0000-0700-000022010000}"/>
            </a:ext>
          </a:extLst>
        </xdr:cNvPr>
        <xdr:cNvSpPr txBox="1"/>
      </xdr:nvSpPr>
      <xdr:spPr>
        <a:xfrm>
          <a:off x="9450017" y="63455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19126</xdr:rowOff>
    </xdr:from>
    <xdr:to>
      <xdr:col>45</xdr:col>
      <xdr:colOff>177800</xdr:colOff>
      <xdr:row>36</xdr:row>
      <xdr:rowOff>120040</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flipV="1">
          <a:off x="7861300" y="6291326"/>
          <a:ext cx="889000"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62840</xdr:rowOff>
    </xdr:from>
    <xdr:to>
      <xdr:col>46</xdr:col>
      <xdr:colOff>38100</xdr:colOff>
      <xdr:row>36</xdr:row>
      <xdr:rowOff>164440</xdr:rowOff>
    </xdr:to>
    <xdr:sp macro="" textlink="">
      <xdr:nvSpPr>
        <xdr:cNvPr id="292" name="フローチャート: 判断 291">
          <a:extLst>
            <a:ext uri="{FF2B5EF4-FFF2-40B4-BE49-F238E27FC236}">
              <a16:creationId xmlns:a16="http://schemas.microsoft.com/office/drawing/2014/main" id="{00000000-0008-0000-0700-000024010000}"/>
            </a:ext>
          </a:extLst>
        </xdr:cNvPr>
        <xdr:cNvSpPr/>
      </xdr:nvSpPr>
      <xdr:spPr>
        <a:xfrm>
          <a:off x="8699500" y="6235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9517</xdr:rowOff>
    </xdr:from>
    <xdr:ext cx="378565" cy="259045"/>
    <xdr:sp macro="" textlink="">
      <xdr:nvSpPr>
        <xdr:cNvPr id="293" name="テキスト ボックス 292">
          <a:extLst>
            <a:ext uri="{FF2B5EF4-FFF2-40B4-BE49-F238E27FC236}">
              <a16:creationId xmlns:a16="http://schemas.microsoft.com/office/drawing/2014/main" id="{00000000-0008-0000-0700-000025010000}"/>
            </a:ext>
          </a:extLst>
        </xdr:cNvPr>
        <xdr:cNvSpPr txBox="1"/>
      </xdr:nvSpPr>
      <xdr:spPr>
        <a:xfrm>
          <a:off x="8561017" y="60102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20040</xdr:rowOff>
    </xdr:from>
    <xdr:to>
      <xdr:col>41</xdr:col>
      <xdr:colOff>50800</xdr:colOff>
      <xdr:row>36</xdr:row>
      <xdr:rowOff>120040</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6972300" y="629224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51867</xdr:rowOff>
    </xdr:from>
    <xdr:to>
      <xdr:col>41</xdr:col>
      <xdr:colOff>101600</xdr:colOff>
      <xdr:row>36</xdr:row>
      <xdr:rowOff>153467</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7810500" y="6224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4</xdr:row>
      <xdr:rowOff>169994</xdr:rowOff>
    </xdr:from>
    <xdr:ext cx="378565"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7672017" y="599929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167996</xdr:rowOff>
    </xdr:from>
    <xdr:to>
      <xdr:col>36</xdr:col>
      <xdr:colOff>165100</xdr:colOff>
      <xdr:row>36</xdr:row>
      <xdr:rowOff>98146</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6921500" y="61687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14673</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6783017" y="59439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700-00002C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700-00002F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71069</xdr:rowOff>
    </xdr:from>
    <xdr:to>
      <xdr:col>55</xdr:col>
      <xdr:colOff>50800</xdr:colOff>
      <xdr:row>37</xdr:row>
      <xdr:rowOff>1219</xdr:rowOff>
    </xdr:to>
    <xdr:sp macro="" textlink="">
      <xdr:nvSpPr>
        <xdr:cNvPr id="304" name="楕円 303">
          <a:extLst>
            <a:ext uri="{FF2B5EF4-FFF2-40B4-BE49-F238E27FC236}">
              <a16:creationId xmlns:a16="http://schemas.microsoft.com/office/drawing/2014/main" id="{00000000-0008-0000-0700-000030010000}"/>
            </a:ext>
          </a:extLst>
        </xdr:cNvPr>
        <xdr:cNvSpPr/>
      </xdr:nvSpPr>
      <xdr:spPr>
        <a:xfrm>
          <a:off x="10426700" y="6243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93946</xdr:rowOff>
    </xdr:from>
    <xdr:ext cx="378565" cy="259045"/>
    <xdr:sp macro="" textlink="">
      <xdr:nvSpPr>
        <xdr:cNvPr id="305" name="労働費該当値テキスト">
          <a:extLst>
            <a:ext uri="{FF2B5EF4-FFF2-40B4-BE49-F238E27FC236}">
              <a16:creationId xmlns:a16="http://schemas.microsoft.com/office/drawing/2014/main" id="{00000000-0008-0000-0700-000031010000}"/>
            </a:ext>
          </a:extLst>
        </xdr:cNvPr>
        <xdr:cNvSpPr txBox="1"/>
      </xdr:nvSpPr>
      <xdr:spPr>
        <a:xfrm>
          <a:off x="10528300" y="6094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68326</xdr:rowOff>
    </xdr:from>
    <xdr:to>
      <xdr:col>50</xdr:col>
      <xdr:colOff>165100</xdr:colOff>
      <xdr:row>36</xdr:row>
      <xdr:rowOff>169926</xdr:rowOff>
    </xdr:to>
    <xdr:sp macro="" textlink="">
      <xdr:nvSpPr>
        <xdr:cNvPr id="306" name="楕円 305">
          <a:extLst>
            <a:ext uri="{FF2B5EF4-FFF2-40B4-BE49-F238E27FC236}">
              <a16:creationId xmlns:a16="http://schemas.microsoft.com/office/drawing/2014/main" id="{00000000-0008-0000-0700-000032010000}"/>
            </a:ext>
          </a:extLst>
        </xdr:cNvPr>
        <xdr:cNvSpPr/>
      </xdr:nvSpPr>
      <xdr:spPr>
        <a:xfrm>
          <a:off x="9588500" y="6240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5003</xdr:rowOff>
    </xdr:from>
    <xdr:ext cx="378565"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9450017" y="60157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68326</xdr:rowOff>
    </xdr:from>
    <xdr:to>
      <xdr:col>46</xdr:col>
      <xdr:colOff>38100</xdr:colOff>
      <xdr:row>36</xdr:row>
      <xdr:rowOff>169926</xdr:rowOff>
    </xdr:to>
    <xdr:sp macro="" textlink="">
      <xdr:nvSpPr>
        <xdr:cNvPr id="308" name="楕円 307">
          <a:extLst>
            <a:ext uri="{FF2B5EF4-FFF2-40B4-BE49-F238E27FC236}">
              <a16:creationId xmlns:a16="http://schemas.microsoft.com/office/drawing/2014/main" id="{00000000-0008-0000-0700-000034010000}"/>
            </a:ext>
          </a:extLst>
        </xdr:cNvPr>
        <xdr:cNvSpPr/>
      </xdr:nvSpPr>
      <xdr:spPr>
        <a:xfrm>
          <a:off x="8699500" y="6240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61053</xdr:rowOff>
    </xdr:from>
    <xdr:ext cx="378565"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8561017" y="63332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69240</xdr:rowOff>
    </xdr:from>
    <xdr:to>
      <xdr:col>41</xdr:col>
      <xdr:colOff>101600</xdr:colOff>
      <xdr:row>36</xdr:row>
      <xdr:rowOff>170840</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7810500" y="62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161967</xdr:rowOff>
    </xdr:from>
    <xdr:ext cx="378565"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7672017" y="6334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9240</xdr:rowOff>
    </xdr:from>
    <xdr:to>
      <xdr:col>36</xdr:col>
      <xdr:colOff>165100</xdr:colOff>
      <xdr:row>36</xdr:row>
      <xdr:rowOff>170840</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6921500" y="6241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61967</xdr:rowOff>
    </xdr:from>
    <xdr:ext cx="378565"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6783017" y="63341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4" name="正方形/長方形 313">
          <a:extLst>
            <a:ext uri="{FF2B5EF4-FFF2-40B4-BE49-F238E27FC236}">
              <a16:creationId xmlns:a16="http://schemas.microsoft.com/office/drawing/2014/main" id="{00000000-0008-0000-0700-00003A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5" name="正方形/長方形 314">
          <a:extLst>
            <a:ext uri="{FF2B5EF4-FFF2-40B4-BE49-F238E27FC236}">
              <a16:creationId xmlns:a16="http://schemas.microsoft.com/office/drawing/2014/main" id="{00000000-0008-0000-0700-00003B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6" name="正方形/長方形 315">
          <a:extLst>
            <a:ext uri="{FF2B5EF4-FFF2-40B4-BE49-F238E27FC236}">
              <a16:creationId xmlns:a16="http://schemas.microsoft.com/office/drawing/2014/main" id="{00000000-0008-0000-0700-00003C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7" name="正方形/長方形 316">
          <a:extLst>
            <a:ext uri="{FF2B5EF4-FFF2-40B4-BE49-F238E27FC236}">
              <a16:creationId xmlns:a16="http://schemas.microsoft.com/office/drawing/2014/main" id="{00000000-0008-0000-0700-00003D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8" name="正方形/長方形 317">
          <a:extLst>
            <a:ext uri="{FF2B5EF4-FFF2-40B4-BE49-F238E27FC236}">
              <a16:creationId xmlns:a16="http://schemas.microsoft.com/office/drawing/2014/main" id="{00000000-0008-0000-0700-00003E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19" name="正方形/長方形 318">
          <a:extLst>
            <a:ext uri="{FF2B5EF4-FFF2-40B4-BE49-F238E27FC236}">
              <a16:creationId xmlns:a16="http://schemas.microsoft.com/office/drawing/2014/main" id="{00000000-0008-0000-0700-00003F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2" name="テキスト ボックス 321">
          <a:extLst>
            <a:ext uri="{FF2B5EF4-FFF2-40B4-BE49-F238E27FC236}">
              <a16:creationId xmlns:a16="http://schemas.microsoft.com/office/drawing/2014/main" id="{00000000-0008-0000-0700-000042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3" name="直線コネクタ 322">
          <a:extLst>
            <a:ext uri="{FF2B5EF4-FFF2-40B4-BE49-F238E27FC236}">
              <a16:creationId xmlns:a16="http://schemas.microsoft.com/office/drawing/2014/main" id="{00000000-0008-0000-0700-000043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24" name="直線コネクタ 323">
          <a:extLst>
            <a:ext uri="{FF2B5EF4-FFF2-40B4-BE49-F238E27FC236}">
              <a16:creationId xmlns:a16="http://schemas.microsoft.com/office/drawing/2014/main" id="{00000000-0008-0000-0700-000044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25" name="テキスト ボックス 324">
          <a:extLst>
            <a:ext uri="{FF2B5EF4-FFF2-40B4-BE49-F238E27FC236}">
              <a16:creationId xmlns:a16="http://schemas.microsoft.com/office/drawing/2014/main" id="{00000000-0008-0000-0700-000045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26" name="直線コネクタ 325">
          <a:extLst>
            <a:ext uri="{FF2B5EF4-FFF2-40B4-BE49-F238E27FC236}">
              <a16:creationId xmlns:a16="http://schemas.microsoft.com/office/drawing/2014/main" id="{00000000-0008-0000-0700-000046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27" name="テキスト ボックス 326">
          <a:extLst>
            <a:ext uri="{FF2B5EF4-FFF2-40B4-BE49-F238E27FC236}">
              <a16:creationId xmlns:a16="http://schemas.microsoft.com/office/drawing/2014/main" id="{00000000-0008-0000-0700-000047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28" name="直線コネクタ 327">
          <a:extLst>
            <a:ext uri="{FF2B5EF4-FFF2-40B4-BE49-F238E27FC236}">
              <a16:creationId xmlns:a16="http://schemas.microsoft.com/office/drawing/2014/main" id="{00000000-0008-0000-0700-000048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29" name="テキスト ボックス 328">
          <a:extLst>
            <a:ext uri="{FF2B5EF4-FFF2-40B4-BE49-F238E27FC236}">
              <a16:creationId xmlns:a16="http://schemas.microsoft.com/office/drawing/2014/main" id="{00000000-0008-0000-0700-000049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4" name="農林水産業費グラフ枠">
          <a:extLst>
            <a:ext uri="{FF2B5EF4-FFF2-40B4-BE49-F238E27FC236}">
              <a16:creationId xmlns:a16="http://schemas.microsoft.com/office/drawing/2014/main" id="{00000000-0008-0000-0700-00004E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68458</xdr:rowOff>
    </xdr:from>
    <xdr:to>
      <xdr:col>54</xdr:col>
      <xdr:colOff>189865</xdr:colOff>
      <xdr:row>58</xdr:row>
      <xdr:rowOff>137963</xdr:rowOff>
    </xdr:to>
    <xdr:cxnSp macro="">
      <xdr:nvCxnSpPr>
        <xdr:cNvPr id="335" name="直線コネクタ 334">
          <a:extLst>
            <a:ext uri="{FF2B5EF4-FFF2-40B4-BE49-F238E27FC236}">
              <a16:creationId xmlns:a16="http://schemas.microsoft.com/office/drawing/2014/main" id="{00000000-0008-0000-0700-00004F010000}"/>
            </a:ext>
          </a:extLst>
        </xdr:cNvPr>
        <xdr:cNvCxnSpPr/>
      </xdr:nvCxnSpPr>
      <xdr:spPr>
        <a:xfrm flipV="1">
          <a:off x="10475595" y="8740958"/>
          <a:ext cx="1270" cy="13411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790</xdr:rowOff>
    </xdr:from>
    <xdr:ext cx="313932" cy="259045"/>
    <xdr:sp macro="" textlink="">
      <xdr:nvSpPr>
        <xdr:cNvPr id="336" name="農林水産業費最小値テキスト">
          <a:extLst>
            <a:ext uri="{FF2B5EF4-FFF2-40B4-BE49-F238E27FC236}">
              <a16:creationId xmlns:a16="http://schemas.microsoft.com/office/drawing/2014/main" id="{00000000-0008-0000-0700-000050010000}"/>
            </a:ext>
          </a:extLst>
        </xdr:cNvPr>
        <xdr:cNvSpPr txBox="1"/>
      </xdr:nvSpPr>
      <xdr:spPr>
        <a:xfrm>
          <a:off x="10528300" y="1008589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7963</xdr:rowOff>
    </xdr:from>
    <xdr:to>
      <xdr:col>55</xdr:col>
      <xdr:colOff>88900</xdr:colOff>
      <xdr:row>58</xdr:row>
      <xdr:rowOff>137963</xdr:rowOff>
    </xdr:to>
    <xdr:cxnSp macro="">
      <xdr:nvCxnSpPr>
        <xdr:cNvPr id="337" name="直線コネクタ 336">
          <a:extLst>
            <a:ext uri="{FF2B5EF4-FFF2-40B4-BE49-F238E27FC236}">
              <a16:creationId xmlns:a16="http://schemas.microsoft.com/office/drawing/2014/main" id="{00000000-0008-0000-0700-000051010000}"/>
            </a:ext>
          </a:extLst>
        </xdr:cNvPr>
        <xdr:cNvCxnSpPr/>
      </xdr:nvCxnSpPr>
      <xdr:spPr>
        <a:xfrm>
          <a:off x="10388600" y="100820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5135</xdr:rowOff>
    </xdr:from>
    <xdr:ext cx="534377" cy="259045"/>
    <xdr:sp macro="" textlink="">
      <xdr:nvSpPr>
        <xdr:cNvPr id="338" name="農林水産業費最大値テキスト">
          <a:extLst>
            <a:ext uri="{FF2B5EF4-FFF2-40B4-BE49-F238E27FC236}">
              <a16:creationId xmlns:a16="http://schemas.microsoft.com/office/drawing/2014/main" id="{00000000-0008-0000-0700-000052010000}"/>
            </a:ext>
          </a:extLst>
        </xdr:cNvPr>
        <xdr:cNvSpPr txBox="1"/>
      </xdr:nvSpPr>
      <xdr:spPr>
        <a:xfrm>
          <a:off x="10528300" y="85161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9,37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68458</xdr:rowOff>
    </xdr:from>
    <xdr:to>
      <xdr:col>55</xdr:col>
      <xdr:colOff>88900</xdr:colOff>
      <xdr:row>50</xdr:row>
      <xdr:rowOff>168458</xdr:rowOff>
    </xdr:to>
    <xdr:cxnSp macro="">
      <xdr:nvCxnSpPr>
        <xdr:cNvPr id="339" name="直線コネクタ 338">
          <a:extLst>
            <a:ext uri="{FF2B5EF4-FFF2-40B4-BE49-F238E27FC236}">
              <a16:creationId xmlns:a16="http://schemas.microsoft.com/office/drawing/2014/main" id="{00000000-0008-0000-0700-000053010000}"/>
            </a:ext>
          </a:extLst>
        </xdr:cNvPr>
        <xdr:cNvCxnSpPr/>
      </xdr:nvCxnSpPr>
      <xdr:spPr>
        <a:xfrm>
          <a:off x="10388600" y="87409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21366</xdr:rowOff>
    </xdr:from>
    <xdr:to>
      <xdr:col>55</xdr:col>
      <xdr:colOff>0</xdr:colOff>
      <xdr:row>57</xdr:row>
      <xdr:rowOff>132568</xdr:rowOff>
    </xdr:to>
    <xdr:cxnSp macro="">
      <xdr:nvCxnSpPr>
        <xdr:cNvPr id="340" name="直線コネクタ 339">
          <a:extLst>
            <a:ext uri="{FF2B5EF4-FFF2-40B4-BE49-F238E27FC236}">
              <a16:creationId xmlns:a16="http://schemas.microsoft.com/office/drawing/2014/main" id="{00000000-0008-0000-0700-000054010000}"/>
            </a:ext>
          </a:extLst>
        </xdr:cNvPr>
        <xdr:cNvCxnSpPr/>
      </xdr:nvCxnSpPr>
      <xdr:spPr>
        <a:xfrm>
          <a:off x="9639300" y="9894016"/>
          <a:ext cx="838200" cy="11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89695</xdr:rowOff>
    </xdr:from>
    <xdr:ext cx="469744" cy="259045"/>
    <xdr:sp macro="" textlink="">
      <xdr:nvSpPr>
        <xdr:cNvPr id="341" name="農林水産業費平均値テキスト">
          <a:extLst>
            <a:ext uri="{FF2B5EF4-FFF2-40B4-BE49-F238E27FC236}">
              <a16:creationId xmlns:a16="http://schemas.microsoft.com/office/drawing/2014/main" id="{00000000-0008-0000-0700-000055010000}"/>
            </a:ext>
          </a:extLst>
        </xdr:cNvPr>
        <xdr:cNvSpPr txBox="1"/>
      </xdr:nvSpPr>
      <xdr:spPr>
        <a:xfrm>
          <a:off x="10528300" y="96908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6818</xdr:rowOff>
    </xdr:from>
    <xdr:to>
      <xdr:col>55</xdr:col>
      <xdr:colOff>50800</xdr:colOff>
      <xdr:row>57</xdr:row>
      <xdr:rowOff>168418</xdr:rowOff>
    </xdr:to>
    <xdr:sp macro="" textlink="">
      <xdr:nvSpPr>
        <xdr:cNvPr id="342" name="フローチャート: 判断 341">
          <a:extLst>
            <a:ext uri="{FF2B5EF4-FFF2-40B4-BE49-F238E27FC236}">
              <a16:creationId xmlns:a16="http://schemas.microsoft.com/office/drawing/2014/main" id="{00000000-0008-0000-0700-000056010000}"/>
            </a:ext>
          </a:extLst>
        </xdr:cNvPr>
        <xdr:cNvSpPr/>
      </xdr:nvSpPr>
      <xdr:spPr>
        <a:xfrm>
          <a:off x="10426700" y="9839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14554</xdr:rowOff>
    </xdr:from>
    <xdr:to>
      <xdr:col>50</xdr:col>
      <xdr:colOff>114300</xdr:colOff>
      <xdr:row>57</xdr:row>
      <xdr:rowOff>121366</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8750300" y="9887204"/>
          <a:ext cx="889000" cy="68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65949</xdr:rowOff>
    </xdr:from>
    <xdr:to>
      <xdr:col>50</xdr:col>
      <xdr:colOff>165100</xdr:colOff>
      <xdr:row>57</xdr:row>
      <xdr:rowOff>167549</xdr:rowOff>
    </xdr:to>
    <xdr:sp macro="" textlink="">
      <xdr:nvSpPr>
        <xdr:cNvPr id="344" name="フローチャート: 判断 343">
          <a:extLst>
            <a:ext uri="{FF2B5EF4-FFF2-40B4-BE49-F238E27FC236}">
              <a16:creationId xmlns:a16="http://schemas.microsoft.com/office/drawing/2014/main" id="{00000000-0008-0000-0700-000058010000}"/>
            </a:ext>
          </a:extLst>
        </xdr:cNvPr>
        <xdr:cNvSpPr/>
      </xdr:nvSpPr>
      <xdr:spPr>
        <a:xfrm>
          <a:off x="9588500" y="98385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6</xdr:row>
      <xdr:rowOff>12626</xdr:rowOff>
    </xdr:from>
    <xdr:ext cx="469744" cy="259045"/>
    <xdr:sp macro="" textlink="">
      <xdr:nvSpPr>
        <xdr:cNvPr id="345" name="テキスト ボックス 344">
          <a:extLst>
            <a:ext uri="{FF2B5EF4-FFF2-40B4-BE49-F238E27FC236}">
              <a16:creationId xmlns:a16="http://schemas.microsoft.com/office/drawing/2014/main" id="{00000000-0008-0000-0700-000059010000}"/>
            </a:ext>
          </a:extLst>
        </xdr:cNvPr>
        <xdr:cNvSpPr txBox="1"/>
      </xdr:nvSpPr>
      <xdr:spPr>
        <a:xfrm>
          <a:off x="9404428" y="9613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14554</xdr:rowOff>
    </xdr:from>
    <xdr:to>
      <xdr:col>45</xdr:col>
      <xdr:colOff>177800</xdr:colOff>
      <xdr:row>57</xdr:row>
      <xdr:rowOff>123927</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7861300" y="9887204"/>
          <a:ext cx="8890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80350</xdr:rowOff>
    </xdr:from>
    <xdr:to>
      <xdr:col>46</xdr:col>
      <xdr:colOff>38100</xdr:colOff>
      <xdr:row>58</xdr:row>
      <xdr:rowOff>10500</xdr:rowOff>
    </xdr:to>
    <xdr:sp macro="" textlink="">
      <xdr:nvSpPr>
        <xdr:cNvPr id="347" name="フローチャート: 判断 346">
          <a:extLst>
            <a:ext uri="{FF2B5EF4-FFF2-40B4-BE49-F238E27FC236}">
              <a16:creationId xmlns:a16="http://schemas.microsoft.com/office/drawing/2014/main" id="{00000000-0008-0000-0700-00005B010000}"/>
            </a:ext>
          </a:extLst>
        </xdr:cNvPr>
        <xdr:cNvSpPr/>
      </xdr:nvSpPr>
      <xdr:spPr>
        <a:xfrm>
          <a:off x="8699500" y="9853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627</xdr:rowOff>
    </xdr:from>
    <xdr:ext cx="469744" cy="259045"/>
    <xdr:sp macro="" textlink="">
      <xdr:nvSpPr>
        <xdr:cNvPr id="348" name="テキスト ボックス 347">
          <a:extLst>
            <a:ext uri="{FF2B5EF4-FFF2-40B4-BE49-F238E27FC236}">
              <a16:creationId xmlns:a16="http://schemas.microsoft.com/office/drawing/2014/main" id="{00000000-0008-0000-0700-00005C010000}"/>
            </a:ext>
          </a:extLst>
        </xdr:cNvPr>
        <xdr:cNvSpPr txBox="1"/>
      </xdr:nvSpPr>
      <xdr:spPr>
        <a:xfrm>
          <a:off x="8515428" y="9945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16063</xdr:rowOff>
    </xdr:from>
    <xdr:to>
      <xdr:col>41</xdr:col>
      <xdr:colOff>50800</xdr:colOff>
      <xdr:row>57</xdr:row>
      <xdr:rowOff>123927</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6972300" y="9888713"/>
          <a:ext cx="889000" cy="7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78659</xdr:rowOff>
    </xdr:from>
    <xdr:to>
      <xdr:col>41</xdr:col>
      <xdr:colOff>101600</xdr:colOff>
      <xdr:row>58</xdr:row>
      <xdr:rowOff>8809</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7810500" y="985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7</xdr:row>
      <xdr:rowOff>171386</xdr:rowOff>
    </xdr:from>
    <xdr:ext cx="469744"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7626428" y="9944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58679</xdr:rowOff>
    </xdr:from>
    <xdr:to>
      <xdr:col>36</xdr:col>
      <xdr:colOff>165100</xdr:colOff>
      <xdr:row>57</xdr:row>
      <xdr:rowOff>160279</xdr:rowOff>
    </xdr:to>
    <xdr:sp macro="" textlink="">
      <xdr:nvSpPr>
        <xdr:cNvPr id="352" name="フローチャート: 判断 351">
          <a:extLst>
            <a:ext uri="{FF2B5EF4-FFF2-40B4-BE49-F238E27FC236}">
              <a16:creationId xmlns:a16="http://schemas.microsoft.com/office/drawing/2014/main" id="{00000000-0008-0000-0700-000060010000}"/>
            </a:ext>
          </a:extLst>
        </xdr:cNvPr>
        <xdr:cNvSpPr/>
      </xdr:nvSpPr>
      <xdr:spPr>
        <a:xfrm>
          <a:off x="6921500" y="9831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6</xdr:row>
      <xdr:rowOff>5356</xdr:rowOff>
    </xdr:from>
    <xdr:ext cx="469744" cy="259045"/>
    <xdr:sp macro="" textlink="">
      <xdr:nvSpPr>
        <xdr:cNvPr id="353" name="テキスト ボックス 352">
          <a:extLst>
            <a:ext uri="{FF2B5EF4-FFF2-40B4-BE49-F238E27FC236}">
              <a16:creationId xmlns:a16="http://schemas.microsoft.com/office/drawing/2014/main" id="{00000000-0008-0000-0700-000061010000}"/>
            </a:ext>
          </a:extLst>
        </xdr:cNvPr>
        <xdr:cNvSpPr txBox="1"/>
      </xdr:nvSpPr>
      <xdr:spPr>
        <a:xfrm>
          <a:off x="6737428" y="9606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5" name="テキスト ボックス 354">
          <a:extLst>
            <a:ext uri="{FF2B5EF4-FFF2-40B4-BE49-F238E27FC236}">
              <a16:creationId xmlns:a16="http://schemas.microsoft.com/office/drawing/2014/main" id="{00000000-0008-0000-0700-000063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6" name="テキスト ボックス 355">
          <a:extLst>
            <a:ext uri="{FF2B5EF4-FFF2-40B4-BE49-F238E27FC236}">
              <a16:creationId xmlns:a16="http://schemas.microsoft.com/office/drawing/2014/main" id="{00000000-0008-0000-0700-000064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700-000066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1768</xdr:rowOff>
    </xdr:from>
    <xdr:to>
      <xdr:col>55</xdr:col>
      <xdr:colOff>50800</xdr:colOff>
      <xdr:row>58</xdr:row>
      <xdr:rowOff>11918</xdr:rowOff>
    </xdr:to>
    <xdr:sp macro="" textlink="">
      <xdr:nvSpPr>
        <xdr:cNvPr id="359" name="楕円 358">
          <a:extLst>
            <a:ext uri="{FF2B5EF4-FFF2-40B4-BE49-F238E27FC236}">
              <a16:creationId xmlns:a16="http://schemas.microsoft.com/office/drawing/2014/main" id="{00000000-0008-0000-0700-000067010000}"/>
            </a:ext>
          </a:extLst>
        </xdr:cNvPr>
        <xdr:cNvSpPr/>
      </xdr:nvSpPr>
      <xdr:spPr>
        <a:xfrm>
          <a:off x="10426700" y="9854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60195</xdr:rowOff>
    </xdr:from>
    <xdr:ext cx="469744" cy="259045"/>
    <xdr:sp macro="" textlink="">
      <xdr:nvSpPr>
        <xdr:cNvPr id="360" name="農林水産業費該当値テキスト">
          <a:extLst>
            <a:ext uri="{FF2B5EF4-FFF2-40B4-BE49-F238E27FC236}">
              <a16:creationId xmlns:a16="http://schemas.microsoft.com/office/drawing/2014/main" id="{00000000-0008-0000-0700-000068010000}"/>
            </a:ext>
          </a:extLst>
        </xdr:cNvPr>
        <xdr:cNvSpPr txBox="1"/>
      </xdr:nvSpPr>
      <xdr:spPr>
        <a:xfrm>
          <a:off x="10528300" y="98328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70566</xdr:rowOff>
    </xdr:from>
    <xdr:to>
      <xdr:col>50</xdr:col>
      <xdr:colOff>165100</xdr:colOff>
      <xdr:row>58</xdr:row>
      <xdr:rowOff>716</xdr:rowOff>
    </xdr:to>
    <xdr:sp macro="" textlink="">
      <xdr:nvSpPr>
        <xdr:cNvPr id="361" name="楕円 360">
          <a:extLst>
            <a:ext uri="{FF2B5EF4-FFF2-40B4-BE49-F238E27FC236}">
              <a16:creationId xmlns:a16="http://schemas.microsoft.com/office/drawing/2014/main" id="{00000000-0008-0000-0700-000069010000}"/>
            </a:ext>
          </a:extLst>
        </xdr:cNvPr>
        <xdr:cNvSpPr/>
      </xdr:nvSpPr>
      <xdr:spPr>
        <a:xfrm>
          <a:off x="9588500" y="9843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7</xdr:row>
      <xdr:rowOff>163293</xdr:rowOff>
    </xdr:from>
    <xdr:ext cx="469744"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9404428" y="99359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63754</xdr:rowOff>
    </xdr:from>
    <xdr:to>
      <xdr:col>46</xdr:col>
      <xdr:colOff>38100</xdr:colOff>
      <xdr:row>57</xdr:row>
      <xdr:rowOff>165354</xdr:rowOff>
    </xdr:to>
    <xdr:sp macro="" textlink="">
      <xdr:nvSpPr>
        <xdr:cNvPr id="363" name="楕円 362">
          <a:extLst>
            <a:ext uri="{FF2B5EF4-FFF2-40B4-BE49-F238E27FC236}">
              <a16:creationId xmlns:a16="http://schemas.microsoft.com/office/drawing/2014/main" id="{00000000-0008-0000-0700-00006B010000}"/>
            </a:ext>
          </a:extLst>
        </xdr:cNvPr>
        <xdr:cNvSpPr/>
      </xdr:nvSpPr>
      <xdr:spPr>
        <a:xfrm>
          <a:off x="8699500" y="9836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6</xdr:row>
      <xdr:rowOff>10431</xdr:rowOff>
    </xdr:from>
    <xdr:ext cx="469744"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8515428" y="96116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73127</xdr:rowOff>
    </xdr:from>
    <xdr:to>
      <xdr:col>41</xdr:col>
      <xdr:colOff>101600</xdr:colOff>
      <xdr:row>58</xdr:row>
      <xdr:rowOff>3277</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7810500" y="98457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6</xdr:row>
      <xdr:rowOff>19804</xdr:rowOff>
    </xdr:from>
    <xdr:ext cx="469744" cy="259045"/>
    <xdr:sp macro="" textlink="">
      <xdr:nvSpPr>
        <xdr:cNvPr id="366" name="テキスト ボックス 365">
          <a:extLst>
            <a:ext uri="{FF2B5EF4-FFF2-40B4-BE49-F238E27FC236}">
              <a16:creationId xmlns:a16="http://schemas.microsoft.com/office/drawing/2014/main" id="{00000000-0008-0000-0700-00006E010000}"/>
            </a:ext>
          </a:extLst>
        </xdr:cNvPr>
        <xdr:cNvSpPr txBox="1"/>
      </xdr:nvSpPr>
      <xdr:spPr>
        <a:xfrm>
          <a:off x="7626428" y="96210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65263</xdr:rowOff>
    </xdr:from>
    <xdr:to>
      <xdr:col>36</xdr:col>
      <xdr:colOff>165100</xdr:colOff>
      <xdr:row>57</xdr:row>
      <xdr:rowOff>166863</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6921500" y="9837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7</xdr:row>
      <xdr:rowOff>157990</xdr:rowOff>
    </xdr:from>
    <xdr:ext cx="469744"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6737428" y="99306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69" name="正方形/長方形 368">
          <a:extLst>
            <a:ext uri="{FF2B5EF4-FFF2-40B4-BE49-F238E27FC236}">
              <a16:creationId xmlns:a16="http://schemas.microsoft.com/office/drawing/2014/main" id="{00000000-0008-0000-0700-000071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0" name="正方形/長方形 369">
          <a:extLst>
            <a:ext uri="{FF2B5EF4-FFF2-40B4-BE49-F238E27FC236}">
              <a16:creationId xmlns:a16="http://schemas.microsoft.com/office/drawing/2014/main" id="{00000000-0008-0000-0700-000072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1" name="正方形/長方形 370">
          <a:extLst>
            <a:ext uri="{FF2B5EF4-FFF2-40B4-BE49-F238E27FC236}">
              <a16:creationId xmlns:a16="http://schemas.microsoft.com/office/drawing/2014/main" id="{00000000-0008-0000-0700-000073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2" name="正方形/長方形 371">
          <a:extLst>
            <a:ext uri="{FF2B5EF4-FFF2-40B4-BE49-F238E27FC236}">
              <a16:creationId xmlns:a16="http://schemas.microsoft.com/office/drawing/2014/main" id="{00000000-0008-0000-0700-000074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3" name="正方形/長方形 372">
          <a:extLst>
            <a:ext uri="{FF2B5EF4-FFF2-40B4-BE49-F238E27FC236}">
              <a16:creationId xmlns:a16="http://schemas.microsoft.com/office/drawing/2014/main" id="{00000000-0008-0000-0700-000075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4" name="正方形/長方形 373">
          <a:extLst>
            <a:ext uri="{FF2B5EF4-FFF2-40B4-BE49-F238E27FC236}">
              <a16:creationId xmlns:a16="http://schemas.microsoft.com/office/drawing/2014/main" id="{00000000-0008-0000-0700-000076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77" name="テキスト ボックス 376">
          <a:extLst>
            <a:ext uri="{FF2B5EF4-FFF2-40B4-BE49-F238E27FC236}">
              <a16:creationId xmlns:a16="http://schemas.microsoft.com/office/drawing/2014/main" id="{00000000-0008-0000-0700-000079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78" name="直線コネクタ 377">
          <a:extLst>
            <a:ext uri="{FF2B5EF4-FFF2-40B4-BE49-F238E27FC236}">
              <a16:creationId xmlns:a16="http://schemas.microsoft.com/office/drawing/2014/main" id="{00000000-0008-0000-0700-00007A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79" name="直線コネクタ 378">
          <a:extLst>
            <a:ext uri="{FF2B5EF4-FFF2-40B4-BE49-F238E27FC236}">
              <a16:creationId xmlns:a16="http://schemas.microsoft.com/office/drawing/2014/main" id="{00000000-0008-0000-0700-00007B010000}"/>
            </a:ext>
          </a:extLst>
        </xdr:cNvPr>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80" name="テキスト ボックス 379">
          <a:extLst>
            <a:ext uri="{FF2B5EF4-FFF2-40B4-BE49-F238E27FC236}">
              <a16:creationId xmlns:a16="http://schemas.microsoft.com/office/drawing/2014/main" id="{00000000-0008-0000-0700-00007C010000}"/>
            </a:ext>
          </a:extLst>
        </xdr:cNvPr>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81" name="直線コネクタ 380">
          <a:extLst>
            <a:ext uri="{FF2B5EF4-FFF2-40B4-BE49-F238E27FC236}">
              <a16:creationId xmlns:a16="http://schemas.microsoft.com/office/drawing/2014/main" id="{00000000-0008-0000-0700-00007D010000}"/>
            </a:ext>
          </a:extLst>
        </xdr:cNvPr>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82" name="テキスト ボックス 381">
          <a:extLst>
            <a:ext uri="{FF2B5EF4-FFF2-40B4-BE49-F238E27FC236}">
              <a16:creationId xmlns:a16="http://schemas.microsoft.com/office/drawing/2014/main" id="{00000000-0008-0000-0700-00007E010000}"/>
            </a:ext>
          </a:extLst>
        </xdr:cNvPr>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83" name="直線コネクタ 382">
          <a:extLst>
            <a:ext uri="{FF2B5EF4-FFF2-40B4-BE49-F238E27FC236}">
              <a16:creationId xmlns:a16="http://schemas.microsoft.com/office/drawing/2014/main" id="{00000000-0008-0000-0700-00007F010000}"/>
            </a:ext>
          </a:extLst>
        </xdr:cNvPr>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84" name="テキスト ボックス 383">
          <a:extLst>
            <a:ext uri="{FF2B5EF4-FFF2-40B4-BE49-F238E27FC236}">
              <a16:creationId xmlns:a16="http://schemas.microsoft.com/office/drawing/2014/main" id="{00000000-0008-0000-0700-000080010000}"/>
            </a:ext>
          </a:extLst>
        </xdr:cNvPr>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38299</xdr:rowOff>
    </xdr:from>
    <xdr:ext cx="59541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08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3" name="商工費グラフ枠">
          <a:extLst>
            <a:ext uri="{FF2B5EF4-FFF2-40B4-BE49-F238E27FC236}">
              <a16:creationId xmlns:a16="http://schemas.microsoft.com/office/drawing/2014/main" id="{00000000-0008-0000-0700-000089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7252</xdr:rowOff>
    </xdr:from>
    <xdr:to>
      <xdr:col>54</xdr:col>
      <xdr:colOff>189865</xdr:colOff>
      <xdr:row>79</xdr:row>
      <xdr:rowOff>84885</xdr:rowOff>
    </xdr:to>
    <xdr:cxnSp macro="">
      <xdr:nvCxnSpPr>
        <xdr:cNvPr id="394" name="直線コネクタ 393">
          <a:extLst>
            <a:ext uri="{FF2B5EF4-FFF2-40B4-BE49-F238E27FC236}">
              <a16:creationId xmlns:a16="http://schemas.microsoft.com/office/drawing/2014/main" id="{00000000-0008-0000-0700-00008A010000}"/>
            </a:ext>
          </a:extLst>
        </xdr:cNvPr>
        <xdr:cNvCxnSpPr/>
      </xdr:nvCxnSpPr>
      <xdr:spPr>
        <a:xfrm flipV="1">
          <a:off x="10475595" y="12190202"/>
          <a:ext cx="1270" cy="14392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88712</xdr:rowOff>
    </xdr:from>
    <xdr:ext cx="378565" cy="259045"/>
    <xdr:sp macro="" textlink="">
      <xdr:nvSpPr>
        <xdr:cNvPr id="395" name="商工費最小値テキスト">
          <a:extLst>
            <a:ext uri="{FF2B5EF4-FFF2-40B4-BE49-F238E27FC236}">
              <a16:creationId xmlns:a16="http://schemas.microsoft.com/office/drawing/2014/main" id="{00000000-0008-0000-0700-00008B010000}"/>
            </a:ext>
          </a:extLst>
        </xdr:cNvPr>
        <xdr:cNvSpPr txBox="1"/>
      </xdr:nvSpPr>
      <xdr:spPr>
        <a:xfrm>
          <a:off x="10528300" y="136332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4885</xdr:rowOff>
    </xdr:from>
    <xdr:to>
      <xdr:col>55</xdr:col>
      <xdr:colOff>88900</xdr:colOff>
      <xdr:row>79</xdr:row>
      <xdr:rowOff>84885</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a:off x="10388600" y="13629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35379</xdr:rowOff>
    </xdr:from>
    <xdr:ext cx="534377" cy="259045"/>
    <xdr:sp macro="" textlink="">
      <xdr:nvSpPr>
        <xdr:cNvPr id="397" name="商工費最大値テキスト">
          <a:extLst>
            <a:ext uri="{FF2B5EF4-FFF2-40B4-BE49-F238E27FC236}">
              <a16:creationId xmlns:a16="http://schemas.microsoft.com/office/drawing/2014/main" id="{00000000-0008-0000-0700-00008D010000}"/>
            </a:ext>
          </a:extLst>
        </xdr:cNvPr>
        <xdr:cNvSpPr txBox="1"/>
      </xdr:nvSpPr>
      <xdr:spPr>
        <a:xfrm>
          <a:off x="10528300" y="11965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99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7252</xdr:rowOff>
    </xdr:from>
    <xdr:to>
      <xdr:col>55</xdr:col>
      <xdr:colOff>88900</xdr:colOff>
      <xdr:row>71</xdr:row>
      <xdr:rowOff>17252</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10388600" y="12190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58266</xdr:rowOff>
    </xdr:from>
    <xdr:to>
      <xdr:col>55</xdr:col>
      <xdr:colOff>0</xdr:colOff>
      <xdr:row>78</xdr:row>
      <xdr:rowOff>169205</xdr:rowOff>
    </xdr:to>
    <xdr:cxnSp macro="">
      <xdr:nvCxnSpPr>
        <xdr:cNvPr id="399" name="直線コネクタ 398">
          <a:extLst>
            <a:ext uri="{FF2B5EF4-FFF2-40B4-BE49-F238E27FC236}">
              <a16:creationId xmlns:a16="http://schemas.microsoft.com/office/drawing/2014/main" id="{00000000-0008-0000-0700-00008F010000}"/>
            </a:ext>
          </a:extLst>
        </xdr:cNvPr>
        <xdr:cNvCxnSpPr/>
      </xdr:nvCxnSpPr>
      <xdr:spPr>
        <a:xfrm>
          <a:off x="9639300" y="13531366"/>
          <a:ext cx="838200" cy="10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31799</xdr:rowOff>
    </xdr:from>
    <xdr:ext cx="534377" cy="259045"/>
    <xdr:sp macro="" textlink="">
      <xdr:nvSpPr>
        <xdr:cNvPr id="400" name="商工費平均値テキスト">
          <a:extLst>
            <a:ext uri="{FF2B5EF4-FFF2-40B4-BE49-F238E27FC236}">
              <a16:creationId xmlns:a16="http://schemas.microsoft.com/office/drawing/2014/main" id="{00000000-0008-0000-0700-000090010000}"/>
            </a:ext>
          </a:extLst>
        </xdr:cNvPr>
        <xdr:cNvSpPr txBox="1"/>
      </xdr:nvSpPr>
      <xdr:spPr>
        <a:xfrm>
          <a:off x="10528300" y="1323344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8922</xdr:rowOff>
    </xdr:from>
    <xdr:to>
      <xdr:col>55</xdr:col>
      <xdr:colOff>50800</xdr:colOff>
      <xdr:row>78</xdr:row>
      <xdr:rowOff>110522</xdr:rowOff>
    </xdr:to>
    <xdr:sp macro="" textlink="">
      <xdr:nvSpPr>
        <xdr:cNvPr id="401" name="フローチャート: 判断 400">
          <a:extLst>
            <a:ext uri="{FF2B5EF4-FFF2-40B4-BE49-F238E27FC236}">
              <a16:creationId xmlns:a16="http://schemas.microsoft.com/office/drawing/2014/main" id="{00000000-0008-0000-0700-000091010000}"/>
            </a:ext>
          </a:extLst>
        </xdr:cNvPr>
        <xdr:cNvSpPr/>
      </xdr:nvSpPr>
      <xdr:spPr>
        <a:xfrm>
          <a:off x="10426700" y="133820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58266</xdr:rowOff>
    </xdr:from>
    <xdr:to>
      <xdr:col>50</xdr:col>
      <xdr:colOff>114300</xdr:colOff>
      <xdr:row>79</xdr:row>
      <xdr:rowOff>14394</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flipV="1">
          <a:off x="8750300" y="13531366"/>
          <a:ext cx="889000" cy="275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7963</xdr:rowOff>
    </xdr:from>
    <xdr:to>
      <xdr:col>50</xdr:col>
      <xdr:colOff>165100</xdr:colOff>
      <xdr:row>78</xdr:row>
      <xdr:rowOff>98113</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9588500" y="13369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6</xdr:row>
      <xdr:rowOff>114640</xdr:rowOff>
    </xdr:from>
    <xdr:ext cx="534377" cy="259045"/>
    <xdr:sp macro="" textlink="">
      <xdr:nvSpPr>
        <xdr:cNvPr id="404" name="テキスト ボックス 403">
          <a:extLst>
            <a:ext uri="{FF2B5EF4-FFF2-40B4-BE49-F238E27FC236}">
              <a16:creationId xmlns:a16="http://schemas.microsoft.com/office/drawing/2014/main" id="{00000000-0008-0000-0700-000094010000}"/>
            </a:ext>
          </a:extLst>
        </xdr:cNvPr>
        <xdr:cNvSpPr txBox="1"/>
      </xdr:nvSpPr>
      <xdr:spPr>
        <a:xfrm>
          <a:off x="9372111" y="13144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14394</xdr:rowOff>
    </xdr:from>
    <xdr:to>
      <xdr:col>45</xdr:col>
      <xdr:colOff>177800</xdr:colOff>
      <xdr:row>79</xdr:row>
      <xdr:rowOff>16664</xdr:rowOff>
    </xdr:to>
    <xdr:cxnSp macro="">
      <xdr:nvCxnSpPr>
        <xdr:cNvPr id="405" name="直線コネクタ 404">
          <a:extLst>
            <a:ext uri="{FF2B5EF4-FFF2-40B4-BE49-F238E27FC236}">
              <a16:creationId xmlns:a16="http://schemas.microsoft.com/office/drawing/2014/main" id="{00000000-0008-0000-0700-000095010000}"/>
            </a:ext>
          </a:extLst>
        </xdr:cNvPr>
        <xdr:cNvCxnSpPr/>
      </xdr:nvCxnSpPr>
      <xdr:spPr>
        <a:xfrm flipV="1">
          <a:off x="7861300" y="13558944"/>
          <a:ext cx="889000" cy="2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04853</xdr:rowOff>
    </xdr:from>
    <xdr:to>
      <xdr:col>46</xdr:col>
      <xdr:colOff>38100</xdr:colOff>
      <xdr:row>79</xdr:row>
      <xdr:rowOff>35003</xdr:rowOff>
    </xdr:to>
    <xdr:sp macro="" textlink="">
      <xdr:nvSpPr>
        <xdr:cNvPr id="406" name="フローチャート: 判断 405">
          <a:extLst>
            <a:ext uri="{FF2B5EF4-FFF2-40B4-BE49-F238E27FC236}">
              <a16:creationId xmlns:a16="http://schemas.microsoft.com/office/drawing/2014/main" id="{00000000-0008-0000-0700-000096010000}"/>
            </a:ext>
          </a:extLst>
        </xdr:cNvPr>
        <xdr:cNvSpPr/>
      </xdr:nvSpPr>
      <xdr:spPr>
        <a:xfrm>
          <a:off x="8699500" y="134779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51530</xdr:rowOff>
    </xdr:from>
    <xdr:ext cx="469744" cy="259045"/>
    <xdr:sp macro="" textlink="">
      <xdr:nvSpPr>
        <xdr:cNvPr id="407" name="テキスト ボックス 406">
          <a:extLst>
            <a:ext uri="{FF2B5EF4-FFF2-40B4-BE49-F238E27FC236}">
              <a16:creationId xmlns:a16="http://schemas.microsoft.com/office/drawing/2014/main" id="{00000000-0008-0000-0700-000097010000}"/>
            </a:ext>
          </a:extLst>
        </xdr:cNvPr>
        <xdr:cNvSpPr txBox="1"/>
      </xdr:nvSpPr>
      <xdr:spPr>
        <a:xfrm>
          <a:off x="8515428" y="132531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9</xdr:row>
      <xdr:rowOff>3046</xdr:rowOff>
    </xdr:from>
    <xdr:to>
      <xdr:col>41</xdr:col>
      <xdr:colOff>50800</xdr:colOff>
      <xdr:row>79</xdr:row>
      <xdr:rowOff>16664</xdr:rowOff>
    </xdr:to>
    <xdr:cxnSp macro="">
      <xdr:nvCxnSpPr>
        <xdr:cNvPr id="408" name="直線コネクタ 407">
          <a:extLst>
            <a:ext uri="{FF2B5EF4-FFF2-40B4-BE49-F238E27FC236}">
              <a16:creationId xmlns:a16="http://schemas.microsoft.com/office/drawing/2014/main" id="{00000000-0008-0000-0700-000098010000}"/>
            </a:ext>
          </a:extLst>
        </xdr:cNvPr>
        <xdr:cNvCxnSpPr/>
      </xdr:nvCxnSpPr>
      <xdr:spPr>
        <a:xfrm>
          <a:off x="6972300" y="13547596"/>
          <a:ext cx="889000" cy="13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0421</xdr:rowOff>
    </xdr:from>
    <xdr:to>
      <xdr:col>41</xdr:col>
      <xdr:colOff>101600</xdr:colOff>
      <xdr:row>79</xdr:row>
      <xdr:rowOff>40571</xdr:rowOff>
    </xdr:to>
    <xdr:sp macro="" textlink="">
      <xdr:nvSpPr>
        <xdr:cNvPr id="409" name="フローチャート: 判断 408">
          <a:extLst>
            <a:ext uri="{FF2B5EF4-FFF2-40B4-BE49-F238E27FC236}">
              <a16:creationId xmlns:a16="http://schemas.microsoft.com/office/drawing/2014/main" id="{00000000-0008-0000-0700-000099010000}"/>
            </a:ext>
          </a:extLst>
        </xdr:cNvPr>
        <xdr:cNvSpPr/>
      </xdr:nvSpPr>
      <xdr:spPr>
        <a:xfrm>
          <a:off x="7810500" y="134835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57098</xdr:rowOff>
    </xdr:from>
    <xdr:ext cx="469744" cy="259045"/>
    <xdr:sp macro="" textlink="">
      <xdr:nvSpPr>
        <xdr:cNvPr id="410" name="テキスト ボックス 409">
          <a:extLst>
            <a:ext uri="{FF2B5EF4-FFF2-40B4-BE49-F238E27FC236}">
              <a16:creationId xmlns:a16="http://schemas.microsoft.com/office/drawing/2014/main" id="{00000000-0008-0000-0700-00009A010000}"/>
            </a:ext>
          </a:extLst>
        </xdr:cNvPr>
        <xdr:cNvSpPr txBox="1"/>
      </xdr:nvSpPr>
      <xdr:spPr>
        <a:xfrm>
          <a:off x="7626428" y="1325874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95154</xdr:rowOff>
    </xdr:from>
    <xdr:to>
      <xdr:col>36</xdr:col>
      <xdr:colOff>165100</xdr:colOff>
      <xdr:row>79</xdr:row>
      <xdr:rowOff>25304</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6921500" y="13468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41831</xdr:rowOff>
    </xdr:from>
    <xdr:ext cx="469744"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6737428" y="132434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3" name="テキスト ボックス 412">
          <a:extLst>
            <a:ext uri="{FF2B5EF4-FFF2-40B4-BE49-F238E27FC236}">
              <a16:creationId xmlns:a16="http://schemas.microsoft.com/office/drawing/2014/main" id="{00000000-0008-0000-0700-00009D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8405</xdr:rowOff>
    </xdr:from>
    <xdr:to>
      <xdr:col>55</xdr:col>
      <xdr:colOff>50800</xdr:colOff>
      <xdr:row>79</xdr:row>
      <xdr:rowOff>48555</xdr:rowOff>
    </xdr:to>
    <xdr:sp macro="" textlink="">
      <xdr:nvSpPr>
        <xdr:cNvPr id="418" name="楕円 417">
          <a:extLst>
            <a:ext uri="{FF2B5EF4-FFF2-40B4-BE49-F238E27FC236}">
              <a16:creationId xmlns:a16="http://schemas.microsoft.com/office/drawing/2014/main" id="{00000000-0008-0000-0700-0000A2010000}"/>
            </a:ext>
          </a:extLst>
        </xdr:cNvPr>
        <xdr:cNvSpPr/>
      </xdr:nvSpPr>
      <xdr:spPr>
        <a:xfrm>
          <a:off x="10426700" y="13491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33332</xdr:rowOff>
    </xdr:from>
    <xdr:ext cx="469744" cy="259045"/>
    <xdr:sp macro="" textlink="">
      <xdr:nvSpPr>
        <xdr:cNvPr id="419" name="商工費該当値テキスト">
          <a:extLst>
            <a:ext uri="{FF2B5EF4-FFF2-40B4-BE49-F238E27FC236}">
              <a16:creationId xmlns:a16="http://schemas.microsoft.com/office/drawing/2014/main" id="{00000000-0008-0000-0700-0000A3010000}"/>
            </a:ext>
          </a:extLst>
        </xdr:cNvPr>
        <xdr:cNvSpPr txBox="1"/>
      </xdr:nvSpPr>
      <xdr:spPr>
        <a:xfrm>
          <a:off x="10528300" y="13406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1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07466</xdr:rowOff>
    </xdr:from>
    <xdr:to>
      <xdr:col>50</xdr:col>
      <xdr:colOff>165100</xdr:colOff>
      <xdr:row>79</xdr:row>
      <xdr:rowOff>37616</xdr:rowOff>
    </xdr:to>
    <xdr:sp macro="" textlink="">
      <xdr:nvSpPr>
        <xdr:cNvPr id="420" name="楕円 419">
          <a:extLst>
            <a:ext uri="{FF2B5EF4-FFF2-40B4-BE49-F238E27FC236}">
              <a16:creationId xmlns:a16="http://schemas.microsoft.com/office/drawing/2014/main" id="{00000000-0008-0000-0700-0000A4010000}"/>
            </a:ext>
          </a:extLst>
        </xdr:cNvPr>
        <xdr:cNvSpPr/>
      </xdr:nvSpPr>
      <xdr:spPr>
        <a:xfrm>
          <a:off x="9588500" y="13480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9</xdr:row>
      <xdr:rowOff>28743</xdr:rowOff>
    </xdr:from>
    <xdr:ext cx="469744"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9404428" y="13573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35044</xdr:rowOff>
    </xdr:from>
    <xdr:to>
      <xdr:col>46</xdr:col>
      <xdr:colOff>38100</xdr:colOff>
      <xdr:row>79</xdr:row>
      <xdr:rowOff>65194</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8699500" y="13508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9</xdr:row>
      <xdr:rowOff>56321</xdr:rowOff>
    </xdr:from>
    <xdr:ext cx="469744"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8515428" y="136008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37314</xdr:rowOff>
    </xdr:from>
    <xdr:to>
      <xdr:col>41</xdr:col>
      <xdr:colOff>101600</xdr:colOff>
      <xdr:row>79</xdr:row>
      <xdr:rowOff>67464</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7810500" y="13510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9</xdr:row>
      <xdr:rowOff>58591</xdr:rowOff>
    </xdr:from>
    <xdr:ext cx="469744"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7626428" y="136031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23696</xdr:rowOff>
    </xdr:from>
    <xdr:to>
      <xdr:col>36</xdr:col>
      <xdr:colOff>165100</xdr:colOff>
      <xdr:row>79</xdr:row>
      <xdr:rowOff>53846</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6921500" y="13496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9</xdr:row>
      <xdr:rowOff>44973</xdr:rowOff>
    </xdr:from>
    <xdr:ext cx="469744"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6737428" y="13589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8" name="正方形/長方形 427">
          <a:extLst>
            <a:ext uri="{FF2B5EF4-FFF2-40B4-BE49-F238E27FC236}">
              <a16:creationId xmlns:a16="http://schemas.microsoft.com/office/drawing/2014/main" id="{00000000-0008-0000-0700-0000AC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29" name="正方形/長方形 428">
          <a:extLst>
            <a:ext uri="{FF2B5EF4-FFF2-40B4-BE49-F238E27FC236}">
              <a16:creationId xmlns:a16="http://schemas.microsoft.com/office/drawing/2014/main" id="{00000000-0008-0000-0700-0000AD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0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6" name="テキスト ボックス 435">
          <a:extLst>
            <a:ext uri="{FF2B5EF4-FFF2-40B4-BE49-F238E27FC236}">
              <a16:creationId xmlns:a16="http://schemas.microsoft.com/office/drawing/2014/main" id="{00000000-0008-0000-0700-0000B4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7" name="直線コネクタ 436">
          <a:extLst>
            <a:ext uri="{FF2B5EF4-FFF2-40B4-BE49-F238E27FC236}">
              <a16:creationId xmlns:a16="http://schemas.microsoft.com/office/drawing/2014/main" id="{00000000-0008-0000-0700-0000B5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38" name="直線コネクタ 437">
          <a:extLst>
            <a:ext uri="{FF2B5EF4-FFF2-40B4-BE49-F238E27FC236}">
              <a16:creationId xmlns:a16="http://schemas.microsoft.com/office/drawing/2014/main" id="{00000000-0008-0000-0700-0000B6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39" name="テキスト ボックス 438">
          <a:extLst>
            <a:ext uri="{FF2B5EF4-FFF2-40B4-BE49-F238E27FC236}">
              <a16:creationId xmlns:a16="http://schemas.microsoft.com/office/drawing/2014/main" id="{00000000-0008-0000-0700-0000B7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0" name="直線コネクタ 439">
          <a:extLst>
            <a:ext uri="{FF2B5EF4-FFF2-40B4-BE49-F238E27FC236}">
              <a16:creationId xmlns:a16="http://schemas.microsoft.com/office/drawing/2014/main" id="{00000000-0008-0000-0700-0000B8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1" name="テキスト ボックス 440">
          <a:extLst>
            <a:ext uri="{FF2B5EF4-FFF2-40B4-BE49-F238E27FC236}">
              <a16:creationId xmlns:a16="http://schemas.microsoft.com/office/drawing/2014/main" id="{00000000-0008-0000-0700-0000B9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a:extLst>
            <a:ext uri="{FF2B5EF4-FFF2-40B4-BE49-F238E27FC236}">
              <a16:creationId xmlns:a16="http://schemas.microsoft.com/office/drawing/2014/main" id="{00000000-0008-0000-07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96662</xdr:rowOff>
    </xdr:from>
    <xdr:to>
      <xdr:col>54</xdr:col>
      <xdr:colOff>189865</xdr:colOff>
      <xdr:row>98</xdr:row>
      <xdr:rowOff>87655</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flipV="1">
          <a:off x="10475595" y="15698612"/>
          <a:ext cx="1270" cy="11911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1482</xdr:rowOff>
    </xdr:from>
    <xdr:ext cx="534377" cy="259045"/>
    <xdr:sp macro="" textlink="">
      <xdr:nvSpPr>
        <xdr:cNvPr id="452" name="土木費最小値テキスト">
          <a:extLst>
            <a:ext uri="{FF2B5EF4-FFF2-40B4-BE49-F238E27FC236}">
              <a16:creationId xmlns:a16="http://schemas.microsoft.com/office/drawing/2014/main" id="{00000000-0008-0000-0700-0000C4010000}"/>
            </a:ext>
          </a:extLst>
        </xdr:cNvPr>
        <xdr:cNvSpPr txBox="1"/>
      </xdr:nvSpPr>
      <xdr:spPr>
        <a:xfrm>
          <a:off x="10528300" y="1689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87655</xdr:rowOff>
    </xdr:from>
    <xdr:to>
      <xdr:col>55</xdr:col>
      <xdr:colOff>88900</xdr:colOff>
      <xdr:row>98</xdr:row>
      <xdr:rowOff>87655</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10388600" y="168897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0</xdr:row>
      <xdr:rowOff>43339</xdr:rowOff>
    </xdr:from>
    <xdr:ext cx="599010" cy="259045"/>
    <xdr:sp macro="" textlink="">
      <xdr:nvSpPr>
        <xdr:cNvPr id="454" name="土木費最大値テキスト">
          <a:extLst>
            <a:ext uri="{FF2B5EF4-FFF2-40B4-BE49-F238E27FC236}">
              <a16:creationId xmlns:a16="http://schemas.microsoft.com/office/drawing/2014/main" id="{00000000-0008-0000-0700-0000C6010000}"/>
            </a:ext>
          </a:extLst>
        </xdr:cNvPr>
        <xdr:cNvSpPr txBox="1"/>
      </xdr:nvSpPr>
      <xdr:spPr>
        <a:xfrm>
          <a:off x="10528300" y="154738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3,1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1</xdr:row>
      <xdr:rowOff>96662</xdr:rowOff>
    </xdr:from>
    <xdr:to>
      <xdr:col>55</xdr:col>
      <xdr:colOff>88900</xdr:colOff>
      <xdr:row>91</xdr:row>
      <xdr:rowOff>96662</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56986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20307</xdr:rowOff>
    </xdr:from>
    <xdr:to>
      <xdr:col>55</xdr:col>
      <xdr:colOff>0</xdr:colOff>
      <xdr:row>97</xdr:row>
      <xdr:rowOff>142374</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9639300" y="16750957"/>
          <a:ext cx="838200" cy="22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54917</xdr:rowOff>
    </xdr:from>
    <xdr:ext cx="534377" cy="259045"/>
    <xdr:sp macro="" textlink="">
      <xdr:nvSpPr>
        <xdr:cNvPr id="457" name="土木費平均値テキスト">
          <a:extLst>
            <a:ext uri="{FF2B5EF4-FFF2-40B4-BE49-F238E27FC236}">
              <a16:creationId xmlns:a16="http://schemas.microsoft.com/office/drawing/2014/main" id="{00000000-0008-0000-0700-0000C9010000}"/>
            </a:ext>
          </a:extLst>
        </xdr:cNvPr>
        <xdr:cNvSpPr txBox="1"/>
      </xdr:nvSpPr>
      <xdr:spPr>
        <a:xfrm>
          <a:off x="10528300" y="165141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9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2040</xdr:rowOff>
    </xdr:from>
    <xdr:to>
      <xdr:col>55</xdr:col>
      <xdr:colOff>50800</xdr:colOff>
      <xdr:row>97</xdr:row>
      <xdr:rowOff>133640</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10426700" y="16662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0307</xdr:rowOff>
    </xdr:from>
    <xdr:to>
      <xdr:col>50</xdr:col>
      <xdr:colOff>114300</xdr:colOff>
      <xdr:row>97</xdr:row>
      <xdr:rowOff>126952</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8750300" y="16750957"/>
          <a:ext cx="889000" cy="6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3622</xdr:rowOff>
    </xdr:from>
    <xdr:to>
      <xdr:col>50</xdr:col>
      <xdr:colOff>165100</xdr:colOff>
      <xdr:row>97</xdr:row>
      <xdr:rowOff>145222</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9588500" y="16674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5</xdr:row>
      <xdr:rowOff>161749</xdr:rowOff>
    </xdr:from>
    <xdr:ext cx="534377"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9372111" y="16449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6952</xdr:rowOff>
    </xdr:from>
    <xdr:to>
      <xdr:col>45</xdr:col>
      <xdr:colOff>177800</xdr:colOff>
      <xdr:row>97</xdr:row>
      <xdr:rowOff>148585</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flipV="1">
          <a:off x="7861300" y="16757602"/>
          <a:ext cx="889000" cy="21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48416</xdr:rowOff>
    </xdr:from>
    <xdr:to>
      <xdr:col>46</xdr:col>
      <xdr:colOff>38100</xdr:colOff>
      <xdr:row>97</xdr:row>
      <xdr:rowOff>150016</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8699500" y="16679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66543</xdr:rowOff>
    </xdr:from>
    <xdr:ext cx="534377"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8483111" y="164542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9708</xdr:rowOff>
    </xdr:from>
    <xdr:to>
      <xdr:col>41</xdr:col>
      <xdr:colOff>50800</xdr:colOff>
      <xdr:row>97</xdr:row>
      <xdr:rowOff>148585</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a:off x="6972300" y="16740358"/>
          <a:ext cx="889000" cy="38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40909</xdr:rowOff>
    </xdr:from>
    <xdr:to>
      <xdr:col>41</xdr:col>
      <xdr:colOff>101600</xdr:colOff>
      <xdr:row>97</xdr:row>
      <xdr:rowOff>142509</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7810500" y="1667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59036</xdr:rowOff>
    </xdr:from>
    <xdr:ext cx="534377"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7594111" y="16446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0134</xdr:rowOff>
    </xdr:from>
    <xdr:to>
      <xdr:col>36</xdr:col>
      <xdr:colOff>165100</xdr:colOff>
      <xdr:row>97</xdr:row>
      <xdr:rowOff>161734</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6921500" y="166907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52861</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705111" y="167835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91574</xdr:rowOff>
    </xdr:from>
    <xdr:to>
      <xdr:col>55</xdr:col>
      <xdr:colOff>50800</xdr:colOff>
      <xdr:row>98</xdr:row>
      <xdr:rowOff>21724</xdr:rowOff>
    </xdr:to>
    <xdr:sp macro="" textlink="">
      <xdr:nvSpPr>
        <xdr:cNvPr id="475" name="楕円 474">
          <a:extLst>
            <a:ext uri="{FF2B5EF4-FFF2-40B4-BE49-F238E27FC236}">
              <a16:creationId xmlns:a16="http://schemas.microsoft.com/office/drawing/2014/main" id="{00000000-0008-0000-0700-0000DB010000}"/>
            </a:ext>
          </a:extLst>
        </xdr:cNvPr>
        <xdr:cNvSpPr/>
      </xdr:nvSpPr>
      <xdr:spPr>
        <a:xfrm>
          <a:off x="10426700" y="167222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0466</xdr:rowOff>
    </xdr:from>
    <xdr:ext cx="534377" cy="259045"/>
    <xdr:sp macro="" textlink="">
      <xdr:nvSpPr>
        <xdr:cNvPr id="476" name="土木費該当値テキスト">
          <a:extLst>
            <a:ext uri="{FF2B5EF4-FFF2-40B4-BE49-F238E27FC236}">
              <a16:creationId xmlns:a16="http://schemas.microsoft.com/office/drawing/2014/main" id="{00000000-0008-0000-0700-0000DC010000}"/>
            </a:ext>
          </a:extLst>
        </xdr:cNvPr>
        <xdr:cNvSpPr txBox="1"/>
      </xdr:nvSpPr>
      <xdr:spPr>
        <a:xfrm>
          <a:off x="10528300" y="16641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1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69507</xdr:rowOff>
    </xdr:from>
    <xdr:to>
      <xdr:col>50</xdr:col>
      <xdr:colOff>165100</xdr:colOff>
      <xdr:row>97</xdr:row>
      <xdr:rowOff>171107</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9588500" y="1670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62234</xdr:rowOff>
    </xdr:from>
    <xdr:ext cx="534377"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372111" y="16792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6152</xdr:rowOff>
    </xdr:from>
    <xdr:to>
      <xdr:col>46</xdr:col>
      <xdr:colOff>38100</xdr:colOff>
      <xdr:row>98</xdr:row>
      <xdr:rowOff>6302</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8699500" y="16706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8879</xdr:rowOff>
    </xdr:from>
    <xdr:ext cx="534377"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83111" y="167995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97785</xdr:rowOff>
    </xdr:from>
    <xdr:to>
      <xdr:col>41</xdr:col>
      <xdr:colOff>101600</xdr:colOff>
      <xdr:row>98</xdr:row>
      <xdr:rowOff>27935</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7810500" y="16728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9062</xdr:rowOff>
    </xdr:from>
    <xdr:ext cx="534377"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594111" y="16821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8908</xdr:rowOff>
    </xdr:from>
    <xdr:to>
      <xdr:col>36</xdr:col>
      <xdr:colOff>165100</xdr:colOff>
      <xdr:row>97</xdr:row>
      <xdr:rowOff>160508</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6921500" y="166895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6</xdr:row>
      <xdr:rowOff>5585</xdr:rowOff>
    </xdr:from>
    <xdr:ext cx="534377"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6705111" y="16464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5" name="テキスト ボックス 494">
          <a:extLst>
            <a:ext uri="{FF2B5EF4-FFF2-40B4-BE49-F238E27FC236}">
              <a16:creationId xmlns:a16="http://schemas.microsoft.com/office/drawing/2014/main" id="{00000000-0008-0000-0700-0000EF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44450</xdr:rowOff>
    </xdr:from>
    <xdr:to>
      <xdr:col>89</xdr:col>
      <xdr:colOff>177800</xdr:colOff>
      <xdr:row>39</xdr:row>
      <xdr:rowOff>44450</xdr:rowOff>
    </xdr:to>
    <xdr:cxnSp macro="">
      <xdr:nvCxnSpPr>
        <xdr:cNvPr id="496" name="直線コネクタ 495">
          <a:extLst>
            <a:ext uri="{FF2B5EF4-FFF2-40B4-BE49-F238E27FC236}">
              <a16:creationId xmlns:a16="http://schemas.microsoft.com/office/drawing/2014/main" id="{00000000-0008-0000-0700-0000F0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73677</xdr:rowOff>
    </xdr:from>
    <xdr:ext cx="467179" cy="259045"/>
    <xdr:sp macro="" textlink="">
      <xdr:nvSpPr>
        <xdr:cNvPr id="497" name="テキスト ボックス 496">
          <a:extLst>
            <a:ext uri="{FF2B5EF4-FFF2-40B4-BE49-F238E27FC236}">
              <a16:creationId xmlns:a16="http://schemas.microsoft.com/office/drawing/2014/main" id="{00000000-0008-0000-0700-0000F1010000}"/>
            </a:ext>
          </a:extLst>
        </xdr:cNvPr>
        <xdr:cNvSpPr txBox="1"/>
      </xdr:nvSpPr>
      <xdr:spPr>
        <a:xfrm>
          <a:off x="11978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498" name="直線コネクタ 497">
          <a:extLst>
            <a:ext uri="{FF2B5EF4-FFF2-40B4-BE49-F238E27FC236}">
              <a16:creationId xmlns:a16="http://schemas.microsoft.com/office/drawing/2014/main" id="{00000000-0008-0000-0700-0000F2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499" name="テキスト ボックス 498">
          <a:extLst>
            <a:ext uri="{FF2B5EF4-FFF2-40B4-BE49-F238E27FC236}">
              <a16:creationId xmlns:a16="http://schemas.microsoft.com/office/drawing/2014/main" id="{00000000-0008-0000-0700-0000F3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0" name="直線コネクタ 499">
          <a:extLst>
            <a:ext uri="{FF2B5EF4-FFF2-40B4-BE49-F238E27FC236}">
              <a16:creationId xmlns:a16="http://schemas.microsoft.com/office/drawing/2014/main" id="{00000000-0008-0000-0700-0000F4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1" name="テキスト ボックス 500">
          <a:extLst>
            <a:ext uri="{FF2B5EF4-FFF2-40B4-BE49-F238E27FC236}">
              <a16:creationId xmlns:a16="http://schemas.microsoft.com/office/drawing/2014/main" id="{00000000-0008-0000-0700-0000F5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02" name="直線コネクタ 501">
          <a:extLst>
            <a:ext uri="{FF2B5EF4-FFF2-40B4-BE49-F238E27FC236}">
              <a16:creationId xmlns:a16="http://schemas.microsoft.com/office/drawing/2014/main" id="{00000000-0008-0000-0700-0000F6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03" name="テキスト ボックス 502">
          <a:extLst>
            <a:ext uri="{FF2B5EF4-FFF2-40B4-BE49-F238E27FC236}">
              <a16:creationId xmlns:a16="http://schemas.microsoft.com/office/drawing/2014/main" id="{00000000-0008-0000-0700-0000F7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04" name="直線コネクタ 503">
          <a:extLst>
            <a:ext uri="{FF2B5EF4-FFF2-40B4-BE49-F238E27FC236}">
              <a16:creationId xmlns:a16="http://schemas.microsoft.com/office/drawing/2014/main" id="{00000000-0008-0000-0700-0000F801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05" name="テキスト ボックス 504">
          <a:extLst>
            <a:ext uri="{FF2B5EF4-FFF2-40B4-BE49-F238E27FC236}">
              <a16:creationId xmlns:a16="http://schemas.microsoft.com/office/drawing/2014/main" id="{00000000-0008-0000-0700-0000F9010000}"/>
            </a:ext>
          </a:extLst>
        </xdr:cNvPr>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7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a:extLst>
            <a:ext uri="{FF2B5EF4-FFF2-40B4-BE49-F238E27FC236}">
              <a16:creationId xmlns:a16="http://schemas.microsoft.com/office/drawing/2014/main" id="{00000000-0008-0000-0700-0000FB01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a:extLst>
            <a:ext uri="{FF2B5EF4-FFF2-40B4-BE49-F238E27FC236}">
              <a16:creationId xmlns:a16="http://schemas.microsoft.com/office/drawing/2014/main" id="{00000000-0008-0000-07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29</xdr:row>
      <xdr:rowOff>132334</xdr:rowOff>
    </xdr:from>
    <xdr:to>
      <xdr:col>85</xdr:col>
      <xdr:colOff>126364</xdr:colOff>
      <xdr:row>39</xdr:row>
      <xdr:rowOff>70612</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flipV="1">
          <a:off x="16317595" y="5104384"/>
          <a:ext cx="1269" cy="16527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74439</xdr:rowOff>
    </xdr:from>
    <xdr:ext cx="469744" cy="259045"/>
    <xdr:sp macro="" textlink="">
      <xdr:nvSpPr>
        <xdr:cNvPr id="510" name="消防費最小値テキスト">
          <a:extLst>
            <a:ext uri="{FF2B5EF4-FFF2-40B4-BE49-F238E27FC236}">
              <a16:creationId xmlns:a16="http://schemas.microsoft.com/office/drawing/2014/main" id="{00000000-0008-0000-0700-0000FE010000}"/>
            </a:ext>
          </a:extLst>
        </xdr:cNvPr>
        <xdr:cNvSpPr txBox="1"/>
      </xdr:nvSpPr>
      <xdr:spPr>
        <a:xfrm>
          <a:off x="16370300" y="676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70612</xdr:rowOff>
    </xdr:from>
    <xdr:to>
      <xdr:col>86</xdr:col>
      <xdr:colOff>25400</xdr:colOff>
      <xdr:row>39</xdr:row>
      <xdr:rowOff>70612</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6230600" y="67571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79011</xdr:rowOff>
    </xdr:from>
    <xdr:ext cx="534377" cy="259045"/>
    <xdr:sp macro="" textlink="">
      <xdr:nvSpPr>
        <xdr:cNvPr id="512" name="消防費最大値テキスト">
          <a:extLst>
            <a:ext uri="{FF2B5EF4-FFF2-40B4-BE49-F238E27FC236}">
              <a16:creationId xmlns:a16="http://schemas.microsoft.com/office/drawing/2014/main" id="{00000000-0008-0000-0700-000000020000}"/>
            </a:ext>
          </a:extLst>
        </xdr:cNvPr>
        <xdr:cNvSpPr txBox="1"/>
      </xdr:nvSpPr>
      <xdr:spPr>
        <a:xfrm>
          <a:off x="16370300" y="487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80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29</xdr:row>
      <xdr:rowOff>132334</xdr:rowOff>
    </xdr:from>
    <xdr:to>
      <xdr:col>86</xdr:col>
      <xdr:colOff>25400</xdr:colOff>
      <xdr:row>29</xdr:row>
      <xdr:rowOff>132334</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6230600" y="510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3</xdr:row>
      <xdr:rowOff>79121</xdr:rowOff>
    </xdr:from>
    <xdr:to>
      <xdr:col>85</xdr:col>
      <xdr:colOff>127000</xdr:colOff>
      <xdr:row>35</xdr:row>
      <xdr:rowOff>117983</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5481300" y="5736971"/>
          <a:ext cx="838200" cy="381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53484</xdr:rowOff>
    </xdr:from>
    <xdr:ext cx="534377" cy="259045"/>
    <xdr:sp macro="" textlink="">
      <xdr:nvSpPr>
        <xdr:cNvPr id="515" name="消防費平均値テキスト">
          <a:extLst>
            <a:ext uri="{FF2B5EF4-FFF2-40B4-BE49-F238E27FC236}">
              <a16:creationId xmlns:a16="http://schemas.microsoft.com/office/drawing/2014/main" id="{00000000-0008-0000-0700-000003020000}"/>
            </a:ext>
          </a:extLst>
        </xdr:cNvPr>
        <xdr:cNvSpPr txBox="1"/>
      </xdr:nvSpPr>
      <xdr:spPr>
        <a:xfrm>
          <a:off x="16370300" y="605423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75057</xdr:rowOff>
    </xdr:from>
    <xdr:to>
      <xdr:col>85</xdr:col>
      <xdr:colOff>177800</xdr:colOff>
      <xdr:row>36</xdr:row>
      <xdr:rowOff>5207</xdr:rowOff>
    </xdr:to>
    <xdr:sp macro="" textlink="">
      <xdr:nvSpPr>
        <xdr:cNvPr id="516" name="フローチャート: 判断 515">
          <a:extLst>
            <a:ext uri="{FF2B5EF4-FFF2-40B4-BE49-F238E27FC236}">
              <a16:creationId xmlns:a16="http://schemas.microsoft.com/office/drawing/2014/main" id="{00000000-0008-0000-0700-000004020000}"/>
            </a:ext>
          </a:extLst>
        </xdr:cNvPr>
        <xdr:cNvSpPr/>
      </xdr:nvSpPr>
      <xdr:spPr>
        <a:xfrm>
          <a:off x="16268700" y="6075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3</xdr:row>
      <xdr:rowOff>79121</xdr:rowOff>
    </xdr:from>
    <xdr:to>
      <xdr:col>81</xdr:col>
      <xdr:colOff>50800</xdr:colOff>
      <xdr:row>35</xdr:row>
      <xdr:rowOff>98425</xdr:rowOff>
    </xdr:to>
    <xdr:cxnSp macro="">
      <xdr:nvCxnSpPr>
        <xdr:cNvPr id="517" name="直線コネクタ 516">
          <a:extLst>
            <a:ext uri="{FF2B5EF4-FFF2-40B4-BE49-F238E27FC236}">
              <a16:creationId xmlns:a16="http://schemas.microsoft.com/office/drawing/2014/main" id="{00000000-0008-0000-0700-000005020000}"/>
            </a:ext>
          </a:extLst>
        </xdr:cNvPr>
        <xdr:cNvCxnSpPr/>
      </xdr:nvCxnSpPr>
      <xdr:spPr>
        <a:xfrm flipV="1">
          <a:off x="14592300" y="5736971"/>
          <a:ext cx="889000" cy="362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4</xdr:row>
      <xdr:rowOff>160147</xdr:rowOff>
    </xdr:from>
    <xdr:to>
      <xdr:col>81</xdr:col>
      <xdr:colOff>101600</xdr:colOff>
      <xdr:row>35</xdr:row>
      <xdr:rowOff>90297</xdr:rowOff>
    </xdr:to>
    <xdr:sp macro="" textlink="">
      <xdr:nvSpPr>
        <xdr:cNvPr id="518" name="フローチャート: 判断 517">
          <a:extLst>
            <a:ext uri="{FF2B5EF4-FFF2-40B4-BE49-F238E27FC236}">
              <a16:creationId xmlns:a16="http://schemas.microsoft.com/office/drawing/2014/main" id="{00000000-0008-0000-0700-000006020000}"/>
            </a:ext>
          </a:extLst>
        </xdr:cNvPr>
        <xdr:cNvSpPr/>
      </xdr:nvSpPr>
      <xdr:spPr>
        <a:xfrm>
          <a:off x="15430500" y="5989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81424</xdr:rowOff>
    </xdr:from>
    <xdr:ext cx="534377" cy="259045"/>
    <xdr:sp macro="" textlink="">
      <xdr:nvSpPr>
        <xdr:cNvPr id="519" name="テキスト ボックス 518">
          <a:extLst>
            <a:ext uri="{FF2B5EF4-FFF2-40B4-BE49-F238E27FC236}">
              <a16:creationId xmlns:a16="http://schemas.microsoft.com/office/drawing/2014/main" id="{00000000-0008-0000-0700-000007020000}"/>
            </a:ext>
          </a:extLst>
        </xdr:cNvPr>
        <xdr:cNvSpPr txBox="1"/>
      </xdr:nvSpPr>
      <xdr:spPr>
        <a:xfrm>
          <a:off x="15214111" y="6082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5</xdr:row>
      <xdr:rowOff>98425</xdr:rowOff>
    </xdr:from>
    <xdr:to>
      <xdr:col>76</xdr:col>
      <xdr:colOff>114300</xdr:colOff>
      <xdr:row>36</xdr:row>
      <xdr:rowOff>7874</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flipV="1">
          <a:off x="13703300" y="6099175"/>
          <a:ext cx="889000" cy="80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5367</xdr:rowOff>
    </xdr:from>
    <xdr:to>
      <xdr:col>76</xdr:col>
      <xdr:colOff>165100</xdr:colOff>
      <xdr:row>35</xdr:row>
      <xdr:rowOff>116967</xdr:rowOff>
    </xdr:to>
    <xdr:sp macro="" textlink="">
      <xdr:nvSpPr>
        <xdr:cNvPr id="521" name="フローチャート: 判断 520">
          <a:extLst>
            <a:ext uri="{FF2B5EF4-FFF2-40B4-BE49-F238E27FC236}">
              <a16:creationId xmlns:a16="http://schemas.microsoft.com/office/drawing/2014/main" id="{00000000-0008-0000-0700-000009020000}"/>
            </a:ext>
          </a:extLst>
        </xdr:cNvPr>
        <xdr:cNvSpPr/>
      </xdr:nvSpPr>
      <xdr:spPr>
        <a:xfrm>
          <a:off x="14541500" y="6016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3</xdr:row>
      <xdr:rowOff>133494</xdr:rowOff>
    </xdr:from>
    <xdr:ext cx="534377" cy="259045"/>
    <xdr:sp macro="" textlink="">
      <xdr:nvSpPr>
        <xdr:cNvPr id="522" name="テキスト ボックス 521">
          <a:extLst>
            <a:ext uri="{FF2B5EF4-FFF2-40B4-BE49-F238E27FC236}">
              <a16:creationId xmlns:a16="http://schemas.microsoft.com/office/drawing/2014/main" id="{00000000-0008-0000-0700-00000A020000}"/>
            </a:ext>
          </a:extLst>
        </xdr:cNvPr>
        <xdr:cNvSpPr txBox="1"/>
      </xdr:nvSpPr>
      <xdr:spPr>
        <a:xfrm>
          <a:off x="14325111" y="57913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7874</xdr:rowOff>
    </xdr:from>
    <xdr:to>
      <xdr:col>71</xdr:col>
      <xdr:colOff>177800</xdr:colOff>
      <xdr:row>36</xdr:row>
      <xdr:rowOff>13208</xdr:rowOff>
    </xdr:to>
    <xdr:cxnSp macro="">
      <xdr:nvCxnSpPr>
        <xdr:cNvPr id="523" name="直線コネクタ 522">
          <a:extLst>
            <a:ext uri="{FF2B5EF4-FFF2-40B4-BE49-F238E27FC236}">
              <a16:creationId xmlns:a16="http://schemas.microsoft.com/office/drawing/2014/main" id="{00000000-0008-0000-0700-00000B020000}"/>
            </a:ext>
          </a:extLst>
        </xdr:cNvPr>
        <xdr:cNvCxnSpPr/>
      </xdr:nvCxnSpPr>
      <xdr:spPr>
        <a:xfrm flipV="1">
          <a:off x="12814300" y="6180074"/>
          <a:ext cx="889000" cy="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83693</xdr:rowOff>
    </xdr:from>
    <xdr:to>
      <xdr:col>72</xdr:col>
      <xdr:colOff>38100</xdr:colOff>
      <xdr:row>36</xdr:row>
      <xdr:rowOff>13843</xdr:rowOff>
    </xdr:to>
    <xdr:sp macro="" textlink="">
      <xdr:nvSpPr>
        <xdr:cNvPr id="524" name="フローチャート: 判断 523">
          <a:extLst>
            <a:ext uri="{FF2B5EF4-FFF2-40B4-BE49-F238E27FC236}">
              <a16:creationId xmlns:a16="http://schemas.microsoft.com/office/drawing/2014/main" id="{00000000-0008-0000-0700-00000C020000}"/>
            </a:ext>
          </a:extLst>
        </xdr:cNvPr>
        <xdr:cNvSpPr/>
      </xdr:nvSpPr>
      <xdr:spPr>
        <a:xfrm>
          <a:off x="13652500" y="60844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4</xdr:row>
      <xdr:rowOff>30370</xdr:rowOff>
    </xdr:from>
    <xdr:ext cx="534377" cy="259045"/>
    <xdr:sp macro="" textlink="">
      <xdr:nvSpPr>
        <xdr:cNvPr id="525" name="テキスト ボックス 524">
          <a:extLst>
            <a:ext uri="{FF2B5EF4-FFF2-40B4-BE49-F238E27FC236}">
              <a16:creationId xmlns:a16="http://schemas.microsoft.com/office/drawing/2014/main" id="{00000000-0008-0000-0700-00000D020000}"/>
            </a:ext>
          </a:extLst>
        </xdr:cNvPr>
        <xdr:cNvSpPr txBox="1"/>
      </xdr:nvSpPr>
      <xdr:spPr>
        <a:xfrm>
          <a:off x="13436111" y="5859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95885</xdr:rowOff>
    </xdr:from>
    <xdr:to>
      <xdr:col>67</xdr:col>
      <xdr:colOff>101600</xdr:colOff>
      <xdr:row>36</xdr:row>
      <xdr:rowOff>26035</xdr:rowOff>
    </xdr:to>
    <xdr:sp macro="" textlink="">
      <xdr:nvSpPr>
        <xdr:cNvPr id="526" name="フローチャート: 判断 525">
          <a:extLst>
            <a:ext uri="{FF2B5EF4-FFF2-40B4-BE49-F238E27FC236}">
              <a16:creationId xmlns:a16="http://schemas.microsoft.com/office/drawing/2014/main" id="{00000000-0008-0000-0700-00000E020000}"/>
            </a:ext>
          </a:extLst>
        </xdr:cNvPr>
        <xdr:cNvSpPr/>
      </xdr:nvSpPr>
      <xdr:spPr>
        <a:xfrm>
          <a:off x="12763500" y="60966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42562</xdr:rowOff>
    </xdr:from>
    <xdr:ext cx="534377" cy="259045"/>
    <xdr:sp macro="" textlink="">
      <xdr:nvSpPr>
        <xdr:cNvPr id="527" name="テキスト ボックス 526">
          <a:extLst>
            <a:ext uri="{FF2B5EF4-FFF2-40B4-BE49-F238E27FC236}">
              <a16:creationId xmlns:a16="http://schemas.microsoft.com/office/drawing/2014/main" id="{00000000-0008-0000-0700-00000F020000}"/>
            </a:ext>
          </a:extLst>
        </xdr:cNvPr>
        <xdr:cNvSpPr txBox="1"/>
      </xdr:nvSpPr>
      <xdr:spPr>
        <a:xfrm>
          <a:off x="12547111" y="58718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67183</xdr:rowOff>
    </xdr:from>
    <xdr:to>
      <xdr:col>85</xdr:col>
      <xdr:colOff>177800</xdr:colOff>
      <xdr:row>35</xdr:row>
      <xdr:rowOff>168783</xdr:rowOff>
    </xdr:to>
    <xdr:sp macro="" textlink="">
      <xdr:nvSpPr>
        <xdr:cNvPr id="533" name="楕円 532">
          <a:extLst>
            <a:ext uri="{FF2B5EF4-FFF2-40B4-BE49-F238E27FC236}">
              <a16:creationId xmlns:a16="http://schemas.microsoft.com/office/drawing/2014/main" id="{00000000-0008-0000-0700-000015020000}"/>
            </a:ext>
          </a:extLst>
        </xdr:cNvPr>
        <xdr:cNvSpPr/>
      </xdr:nvSpPr>
      <xdr:spPr>
        <a:xfrm>
          <a:off x="16268700" y="6067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4</xdr:row>
      <xdr:rowOff>90060</xdr:rowOff>
    </xdr:from>
    <xdr:ext cx="534377" cy="259045"/>
    <xdr:sp macro="" textlink="">
      <xdr:nvSpPr>
        <xdr:cNvPr id="534" name="消防費該当値テキスト">
          <a:extLst>
            <a:ext uri="{FF2B5EF4-FFF2-40B4-BE49-F238E27FC236}">
              <a16:creationId xmlns:a16="http://schemas.microsoft.com/office/drawing/2014/main" id="{00000000-0008-0000-0700-000016020000}"/>
            </a:ext>
          </a:extLst>
        </xdr:cNvPr>
        <xdr:cNvSpPr txBox="1"/>
      </xdr:nvSpPr>
      <xdr:spPr>
        <a:xfrm>
          <a:off x="16370300" y="59193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3</xdr:row>
      <xdr:rowOff>28321</xdr:rowOff>
    </xdr:from>
    <xdr:to>
      <xdr:col>81</xdr:col>
      <xdr:colOff>101600</xdr:colOff>
      <xdr:row>33</xdr:row>
      <xdr:rowOff>129921</xdr:rowOff>
    </xdr:to>
    <xdr:sp macro="" textlink="">
      <xdr:nvSpPr>
        <xdr:cNvPr id="535" name="楕円 534">
          <a:extLst>
            <a:ext uri="{FF2B5EF4-FFF2-40B4-BE49-F238E27FC236}">
              <a16:creationId xmlns:a16="http://schemas.microsoft.com/office/drawing/2014/main" id="{00000000-0008-0000-0700-000017020000}"/>
            </a:ext>
          </a:extLst>
        </xdr:cNvPr>
        <xdr:cNvSpPr/>
      </xdr:nvSpPr>
      <xdr:spPr>
        <a:xfrm>
          <a:off x="15430500" y="5686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1</xdr:row>
      <xdr:rowOff>146448</xdr:rowOff>
    </xdr:from>
    <xdr:ext cx="534377"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14111" y="5461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5</xdr:row>
      <xdr:rowOff>47625</xdr:rowOff>
    </xdr:from>
    <xdr:to>
      <xdr:col>76</xdr:col>
      <xdr:colOff>165100</xdr:colOff>
      <xdr:row>35</xdr:row>
      <xdr:rowOff>149225</xdr:rowOff>
    </xdr:to>
    <xdr:sp macro="" textlink="">
      <xdr:nvSpPr>
        <xdr:cNvPr id="537" name="楕円 536">
          <a:extLst>
            <a:ext uri="{FF2B5EF4-FFF2-40B4-BE49-F238E27FC236}">
              <a16:creationId xmlns:a16="http://schemas.microsoft.com/office/drawing/2014/main" id="{00000000-0008-0000-0700-000019020000}"/>
            </a:ext>
          </a:extLst>
        </xdr:cNvPr>
        <xdr:cNvSpPr/>
      </xdr:nvSpPr>
      <xdr:spPr>
        <a:xfrm>
          <a:off x="14541500" y="60483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40352</xdr:rowOff>
    </xdr:from>
    <xdr:ext cx="534377"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4325111" y="61411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28524</xdr:rowOff>
    </xdr:from>
    <xdr:to>
      <xdr:col>72</xdr:col>
      <xdr:colOff>38100</xdr:colOff>
      <xdr:row>36</xdr:row>
      <xdr:rowOff>58674</xdr:rowOff>
    </xdr:to>
    <xdr:sp macro="" textlink="">
      <xdr:nvSpPr>
        <xdr:cNvPr id="539" name="楕円 538">
          <a:extLst>
            <a:ext uri="{FF2B5EF4-FFF2-40B4-BE49-F238E27FC236}">
              <a16:creationId xmlns:a16="http://schemas.microsoft.com/office/drawing/2014/main" id="{00000000-0008-0000-0700-00001B020000}"/>
            </a:ext>
          </a:extLst>
        </xdr:cNvPr>
        <xdr:cNvSpPr/>
      </xdr:nvSpPr>
      <xdr:spPr>
        <a:xfrm>
          <a:off x="13652500" y="6129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49801</xdr:rowOff>
    </xdr:from>
    <xdr:ext cx="534377" cy="259045"/>
    <xdr:sp macro="" textlink="">
      <xdr:nvSpPr>
        <xdr:cNvPr id="540" name="テキスト ボックス 539">
          <a:extLst>
            <a:ext uri="{FF2B5EF4-FFF2-40B4-BE49-F238E27FC236}">
              <a16:creationId xmlns:a16="http://schemas.microsoft.com/office/drawing/2014/main" id="{00000000-0008-0000-0700-00001C020000}"/>
            </a:ext>
          </a:extLst>
        </xdr:cNvPr>
        <xdr:cNvSpPr txBox="1"/>
      </xdr:nvSpPr>
      <xdr:spPr>
        <a:xfrm>
          <a:off x="13436111" y="6222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133858</xdr:rowOff>
    </xdr:from>
    <xdr:to>
      <xdr:col>67</xdr:col>
      <xdr:colOff>101600</xdr:colOff>
      <xdr:row>36</xdr:row>
      <xdr:rowOff>64008</xdr:rowOff>
    </xdr:to>
    <xdr:sp macro="" textlink="">
      <xdr:nvSpPr>
        <xdr:cNvPr id="541" name="楕円 540">
          <a:extLst>
            <a:ext uri="{FF2B5EF4-FFF2-40B4-BE49-F238E27FC236}">
              <a16:creationId xmlns:a16="http://schemas.microsoft.com/office/drawing/2014/main" id="{00000000-0008-0000-0700-00001D020000}"/>
            </a:ext>
          </a:extLst>
        </xdr:cNvPr>
        <xdr:cNvSpPr/>
      </xdr:nvSpPr>
      <xdr:spPr>
        <a:xfrm>
          <a:off x="12763500" y="6134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55135</xdr:rowOff>
    </xdr:from>
    <xdr:ext cx="534377" cy="259045"/>
    <xdr:sp macro="" textlink="">
      <xdr:nvSpPr>
        <xdr:cNvPr id="542" name="テキスト ボックス 541">
          <a:extLst>
            <a:ext uri="{FF2B5EF4-FFF2-40B4-BE49-F238E27FC236}">
              <a16:creationId xmlns:a16="http://schemas.microsoft.com/office/drawing/2014/main" id="{00000000-0008-0000-0700-00001E020000}"/>
            </a:ext>
          </a:extLst>
        </xdr:cNvPr>
        <xdr:cNvSpPr txBox="1"/>
      </xdr:nvSpPr>
      <xdr:spPr>
        <a:xfrm>
          <a:off x="12547111" y="6227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7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4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7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7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a:extLst>
            <a:ext uri="{FF2B5EF4-FFF2-40B4-BE49-F238E27FC236}">
              <a16:creationId xmlns:a16="http://schemas.microsoft.com/office/drawing/2014/main" id="{00000000-0008-0000-0700-000029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教育費グラフ枠">
          <a:extLst>
            <a:ext uri="{FF2B5EF4-FFF2-40B4-BE49-F238E27FC236}">
              <a16:creationId xmlns:a16="http://schemas.microsoft.com/office/drawing/2014/main" id="{00000000-0008-0000-0700-000036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17799</xdr:rowOff>
    </xdr:from>
    <xdr:to>
      <xdr:col>85</xdr:col>
      <xdr:colOff>126364</xdr:colOff>
      <xdr:row>58</xdr:row>
      <xdr:rowOff>84779</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flipV="1">
          <a:off x="16317595" y="8761749"/>
          <a:ext cx="1269" cy="12671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88606</xdr:rowOff>
    </xdr:from>
    <xdr:ext cx="534377" cy="259045"/>
    <xdr:sp macro="" textlink="">
      <xdr:nvSpPr>
        <xdr:cNvPr id="568" name="教育費最小値テキスト">
          <a:extLst>
            <a:ext uri="{FF2B5EF4-FFF2-40B4-BE49-F238E27FC236}">
              <a16:creationId xmlns:a16="http://schemas.microsoft.com/office/drawing/2014/main" id="{00000000-0008-0000-0700-000038020000}"/>
            </a:ext>
          </a:extLst>
        </xdr:cNvPr>
        <xdr:cNvSpPr txBox="1"/>
      </xdr:nvSpPr>
      <xdr:spPr>
        <a:xfrm>
          <a:off x="16370300" y="10032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84779</xdr:rowOff>
    </xdr:from>
    <xdr:to>
      <xdr:col>86</xdr:col>
      <xdr:colOff>25400</xdr:colOff>
      <xdr:row>58</xdr:row>
      <xdr:rowOff>84779</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6230600" y="100288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35926</xdr:rowOff>
    </xdr:from>
    <xdr:ext cx="534377" cy="259045"/>
    <xdr:sp macro="" textlink="">
      <xdr:nvSpPr>
        <xdr:cNvPr id="570" name="教育費最大値テキスト">
          <a:extLst>
            <a:ext uri="{FF2B5EF4-FFF2-40B4-BE49-F238E27FC236}">
              <a16:creationId xmlns:a16="http://schemas.microsoft.com/office/drawing/2014/main" id="{00000000-0008-0000-0700-00003A020000}"/>
            </a:ext>
          </a:extLst>
        </xdr:cNvPr>
        <xdr:cNvSpPr txBox="1"/>
      </xdr:nvSpPr>
      <xdr:spPr>
        <a:xfrm>
          <a:off x="16370300" y="8536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3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17799</xdr:rowOff>
    </xdr:from>
    <xdr:to>
      <xdr:col>86</xdr:col>
      <xdr:colOff>25400</xdr:colOff>
      <xdr:row>51</xdr:row>
      <xdr:rowOff>17799</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8761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8541</xdr:rowOff>
    </xdr:from>
    <xdr:to>
      <xdr:col>85</xdr:col>
      <xdr:colOff>127000</xdr:colOff>
      <xdr:row>57</xdr:row>
      <xdr:rowOff>158864</xdr:rowOff>
    </xdr:to>
    <xdr:cxnSp macro="">
      <xdr:nvCxnSpPr>
        <xdr:cNvPr id="572" name="直線コネクタ 571">
          <a:extLst>
            <a:ext uri="{FF2B5EF4-FFF2-40B4-BE49-F238E27FC236}">
              <a16:creationId xmlns:a16="http://schemas.microsoft.com/office/drawing/2014/main" id="{00000000-0008-0000-0700-00003C020000}"/>
            </a:ext>
          </a:extLst>
        </xdr:cNvPr>
        <xdr:cNvCxnSpPr/>
      </xdr:nvCxnSpPr>
      <xdr:spPr>
        <a:xfrm>
          <a:off x="15481300" y="9781191"/>
          <a:ext cx="838200" cy="150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52532</xdr:rowOff>
    </xdr:from>
    <xdr:ext cx="534377" cy="259045"/>
    <xdr:sp macro="" textlink="">
      <xdr:nvSpPr>
        <xdr:cNvPr id="573" name="教育費平均値テキスト">
          <a:extLst>
            <a:ext uri="{FF2B5EF4-FFF2-40B4-BE49-F238E27FC236}">
              <a16:creationId xmlns:a16="http://schemas.microsoft.com/office/drawing/2014/main" id="{00000000-0008-0000-0700-00003D020000}"/>
            </a:ext>
          </a:extLst>
        </xdr:cNvPr>
        <xdr:cNvSpPr txBox="1"/>
      </xdr:nvSpPr>
      <xdr:spPr>
        <a:xfrm>
          <a:off x="16370300" y="948228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29655</xdr:rowOff>
    </xdr:from>
    <xdr:to>
      <xdr:col>85</xdr:col>
      <xdr:colOff>177800</xdr:colOff>
      <xdr:row>56</xdr:row>
      <xdr:rowOff>131255</xdr:rowOff>
    </xdr:to>
    <xdr:sp macro="" textlink="">
      <xdr:nvSpPr>
        <xdr:cNvPr id="574" name="フローチャート: 判断 573">
          <a:extLst>
            <a:ext uri="{FF2B5EF4-FFF2-40B4-BE49-F238E27FC236}">
              <a16:creationId xmlns:a16="http://schemas.microsoft.com/office/drawing/2014/main" id="{00000000-0008-0000-0700-00003E020000}"/>
            </a:ext>
          </a:extLst>
        </xdr:cNvPr>
        <xdr:cNvSpPr/>
      </xdr:nvSpPr>
      <xdr:spPr>
        <a:xfrm>
          <a:off x="16268700" y="9630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56490</xdr:rowOff>
    </xdr:from>
    <xdr:to>
      <xdr:col>81</xdr:col>
      <xdr:colOff>50800</xdr:colOff>
      <xdr:row>57</xdr:row>
      <xdr:rowOff>8541</xdr:rowOff>
    </xdr:to>
    <xdr:cxnSp macro="">
      <xdr:nvCxnSpPr>
        <xdr:cNvPr id="575" name="直線コネクタ 574">
          <a:extLst>
            <a:ext uri="{FF2B5EF4-FFF2-40B4-BE49-F238E27FC236}">
              <a16:creationId xmlns:a16="http://schemas.microsoft.com/office/drawing/2014/main" id="{00000000-0008-0000-0700-00003F020000}"/>
            </a:ext>
          </a:extLst>
        </xdr:cNvPr>
        <xdr:cNvCxnSpPr/>
      </xdr:nvCxnSpPr>
      <xdr:spPr>
        <a:xfrm>
          <a:off x="14592300" y="9657690"/>
          <a:ext cx="889000" cy="1235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85681</xdr:rowOff>
    </xdr:from>
    <xdr:to>
      <xdr:col>81</xdr:col>
      <xdr:colOff>101600</xdr:colOff>
      <xdr:row>56</xdr:row>
      <xdr:rowOff>15831</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5430500" y="9515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32358</xdr:rowOff>
    </xdr:from>
    <xdr:ext cx="534377" cy="259045"/>
    <xdr:sp macro="" textlink="">
      <xdr:nvSpPr>
        <xdr:cNvPr id="577" name="テキスト ボックス 576">
          <a:extLst>
            <a:ext uri="{FF2B5EF4-FFF2-40B4-BE49-F238E27FC236}">
              <a16:creationId xmlns:a16="http://schemas.microsoft.com/office/drawing/2014/main" id="{00000000-0008-0000-0700-000041020000}"/>
            </a:ext>
          </a:extLst>
        </xdr:cNvPr>
        <xdr:cNvSpPr txBox="1"/>
      </xdr:nvSpPr>
      <xdr:spPr>
        <a:xfrm>
          <a:off x="15214111" y="9290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56490</xdr:rowOff>
    </xdr:from>
    <xdr:to>
      <xdr:col>76</xdr:col>
      <xdr:colOff>114300</xdr:colOff>
      <xdr:row>58</xdr:row>
      <xdr:rowOff>80397</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flipV="1">
          <a:off x="13703300" y="9657690"/>
          <a:ext cx="889000" cy="366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39770</xdr:rowOff>
    </xdr:from>
    <xdr:to>
      <xdr:col>76</xdr:col>
      <xdr:colOff>165100</xdr:colOff>
      <xdr:row>56</xdr:row>
      <xdr:rowOff>141370</xdr:rowOff>
    </xdr:to>
    <xdr:sp macro="" textlink="">
      <xdr:nvSpPr>
        <xdr:cNvPr id="579" name="フローチャート: 判断 578">
          <a:extLst>
            <a:ext uri="{FF2B5EF4-FFF2-40B4-BE49-F238E27FC236}">
              <a16:creationId xmlns:a16="http://schemas.microsoft.com/office/drawing/2014/main" id="{00000000-0008-0000-0700-000043020000}"/>
            </a:ext>
          </a:extLst>
        </xdr:cNvPr>
        <xdr:cNvSpPr/>
      </xdr:nvSpPr>
      <xdr:spPr>
        <a:xfrm>
          <a:off x="14541500" y="964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132497</xdr:rowOff>
    </xdr:from>
    <xdr:ext cx="534377" cy="259045"/>
    <xdr:sp macro="" textlink="">
      <xdr:nvSpPr>
        <xdr:cNvPr id="580" name="テキスト ボックス 579">
          <a:extLst>
            <a:ext uri="{FF2B5EF4-FFF2-40B4-BE49-F238E27FC236}">
              <a16:creationId xmlns:a16="http://schemas.microsoft.com/office/drawing/2014/main" id="{00000000-0008-0000-0700-000044020000}"/>
            </a:ext>
          </a:extLst>
        </xdr:cNvPr>
        <xdr:cNvSpPr txBox="1"/>
      </xdr:nvSpPr>
      <xdr:spPr>
        <a:xfrm>
          <a:off x="14325111" y="9733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80397</xdr:rowOff>
    </xdr:from>
    <xdr:to>
      <xdr:col>71</xdr:col>
      <xdr:colOff>177800</xdr:colOff>
      <xdr:row>58</xdr:row>
      <xdr:rowOff>92208</xdr:rowOff>
    </xdr:to>
    <xdr:cxnSp macro="">
      <xdr:nvCxnSpPr>
        <xdr:cNvPr id="581" name="直線コネクタ 580">
          <a:extLst>
            <a:ext uri="{FF2B5EF4-FFF2-40B4-BE49-F238E27FC236}">
              <a16:creationId xmlns:a16="http://schemas.microsoft.com/office/drawing/2014/main" id="{00000000-0008-0000-0700-000045020000}"/>
            </a:ext>
          </a:extLst>
        </xdr:cNvPr>
        <xdr:cNvCxnSpPr/>
      </xdr:nvCxnSpPr>
      <xdr:spPr>
        <a:xfrm flipV="1">
          <a:off x="12814300" y="10024497"/>
          <a:ext cx="889000" cy="11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32220</xdr:rowOff>
    </xdr:from>
    <xdr:to>
      <xdr:col>72</xdr:col>
      <xdr:colOff>38100</xdr:colOff>
      <xdr:row>57</xdr:row>
      <xdr:rowOff>62370</xdr:rowOff>
    </xdr:to>
    <xdr:sp macro="" textlink="">
      <xdr:nvSpPr>
        <xdr:cNvPr id="582" name="フローチャート: 判断 581">
          <a:extLst>
            <a:ext uri="{FF2B5EF4-FFF2-40B4-BE49-F238E27FC236}">
              <a16:creationId xmlns:a16="http://schemas.microsoft.com/office/drawing/2014/main" id="{00000000-0008-0000-0700-000046020000}"/>
            </a:ext>
          </a:extLst>
        </xdr:cNvPr>
        <xdr:cNvSpPr/>
      </xdr:nvSpPr>
      <xdr:spPr>
        <a:xfrm>
          <a:off x="13652500" y="9733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78897</xdr:rowOff>
    </xdr:from>
    <xdr:ext cx="534377" cy="259045"/>
    <xdr:sp macro="" textlink="">
      <xdr:nvSpPr>
        <xdr:cNvPr id="583" name="テキスト ボックス 582">
          <a:extLst>
            <a:ext uri="{FF2B5EF4-FFF2-40B4-BE49-F238E27FC236}">
              <a16:creationId xmlns:a16="http://schemas.microsoft.com/office/drawing/2014/main" id="{00000000-0008-0000-0700-000047020000}"/>
            </a:ext>
          </a:extLst>
        </xdr:cNvPr>
        <xdr:cNvSpPr txBox="1"/>
      </xdr:nvSpPr>
      <xdr:spPr>
        <a:xfrm>
          <a:off x="13436111" y="9508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19037</xdr:rowOff>
    </xdr:from>
    <xdr:to>
      <xdr:col>67</xdr:col>
      <xdr:colOff>101600</xdr:colOff>
      <xdr:row>57</xdr:row>
      <xdr:rowOff>49187</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2763500" y="9720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65714</xdr:rowOff>
    </xdr:from>
    <xdr:ext cx="534377"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2547111" y="94954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4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700-00004A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08064</xdr:rowOff>
    </xdr:from>
    <xdr:to>
      <xdr:col>85</xdr:col>
      <xdr:colOff>177800</xdr:colOff>
      <xdr:row>58</xdr:row>
      <xdr:rowOff>38214</xdr:rowOff>
    </xdr:to>
    <xdr:sp macro="" textlink="">
      <xdr:nvSpPr>
        <xdr:cNvPr id="591" name="楕円 590">
          <a:extLst>
            <a:ext uri="{FF2B5EF4-FFF2-40B4-BE49-F238E27FC236}">
              <a16:creationId xmlns:a16="http://schemas.microsoft.com/office/drawing/2014/main" id="{00000000-0008-0000-0700-00004F020000}"/>
            </a:ext>
          </a:extLst>
        </xdr:cNvPr>
        <xdr:cNvSpPr/>
      </xdr:nvSpPr>
      <xdr:spPr>
        <a:xfrm>
          <a:off x="16268700" y="9880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22991</xdr:rowOff>
    </xdr:from>
    <xdr:ext cx="534377" cy="259045"/>
    <xdr:sp macro="" textlink="">
      <xdr:nvSpPr>
        <xdr:cNvPr id="592" name="教育費該当値テキスト">
          <a:extLst>
            <a:ext uri="{FF2B5EF4-FFF2-40B4-BE49-F238E27FC236}">
              <a16:creationId xmlns:a16="http://schemas.microsoft.com/office/drawing/2014/main" id="{00000000-0008-0000-0700-000050020000}"/>
            </a:ext>
          </a:extLst>
        </xdr:cNvPr>
        <xdr:cNvSpPr txBox="1"/>
      </xdr:nvSpPr>
      <xdr:spPr>
        <a:xfrm>
          <a:off x="16370300" y="9795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29191</xdr:rowOff>
    </xdr:from>
    <xdr:to>
      <xdr:col>81</xdr:col>
      <xdr:colOff>101600</xdr:colOff>
      <xdr:row>57</xdr:row>
      <xdr:rowOff>59341</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5430500" y="9730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50468</xdr:rowOff>
    </xdr:from>
    <xdr:ext cx="534377"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14111" y="98231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5690</xdr:rowOff>
    </xdr:from>
    <xdr:to>
      <xdr:col>76</xdr:col>
      <xdr:colOff>165100</xdr:colOff>
      <xdr:row>56</xdr:row>
      <xdr:rowOff>107290</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4541500" y="9606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23817</xdr:rowOff>
    </xdr:from>
    <xdr:ext cx="534377"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4325111" y="9382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29597</xdr:rowOff>
    </xdr:from>
    <xdr:to>
      <xdr:col>72</xdr:col>
      <xdr:colOff>38100</xdr:colOff>
      <xdr:row>58</xdr:row>
      <xdr:rowOff>131197</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3652500" y="9973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22324</xdr:rowOff>
    </xdr:from>
    <xdr:ext cx="534377"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3436111" y="100664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41408</xdr:rowOff>
    </xdr:from>
    <xdr:to>
      <xdr:col>67</xdr:col>
      <xdr:colOff>101600</xdr:colOff>
      <xdr:row>58</xdr:row>
      <xdr:rowOff>143008</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2763500" y="9985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34135</xdr:rowOff>
    </xdr:from>
    <xdr:ext cx="534377"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2547111" y="100782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a:extLst>
            <a:ext uri="{FF2B5EF4-FFF2-40B4-BE49-F238E27FC236}">
              <a16:creationId xmlns:a16="http://schemas.microsoft.com/office/drawing/2014/main" id="{00000000-0008-0000-0700-000059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a:extLst>
            <a:ext uri="{FF2B5EF4-FFF2-40B4-BE49-F238E27FC236}">
              <a16:creationId xmlns:a16="http://schemas.microsoft.com/office/drawing/2014/main" id="{00000000-0008-0000-0700-00005A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a:extLst>
            <a:ext uri="{FF2B5EF4-FFF2-40B4-BE49-F238E27FC236}">
              <a16:creationId xmlns:a16="http://schemas.microsoft.com/office/drawing/2014/main" id="{00000000-0008-0000-0700-000061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a:extLst>
            <a:ext uri="{FF2B5EF4-FFF2-40B4-BE49-F238E27FC236}">
              <a16:creationId xmlns:a16="http://schemas.microsoft.com/office/drawing/2014/main" id="{00000000-0008-0000-0700-000062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1" name="直線コネクタ 610">
          <a:extLst>
            <a:ext uri="{FF2B5EF4-FFF2-40B4-BE49-F238E27FC236}">
              <a16:creationId xmlns:a16="http://schemas.microsoft.com/office/drawing/2014/main" id="{00000000-0008-0000-0700-000063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2" name="テキスト ボックス 611">
          <a:extLst>
            <a:ext uri="{FF2B5EF4-FFF2-40B4-BE49-F238E27FC236}">
              <a16:creationId xmlns:a16="http://schemas.microsoft.com/office/drawing/2014/main" id="{00000000-0008-0000-0700-000064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災害復旧費グラフ枠">
          <a:extLst>
            <a:ext uri="{FF2B5EF4-FFF2-40B4-BE49-F238E27FC236}">
              <a16:creationId xmlns:a16="http://schemas.microsoft.com/office/drawing/2014/main" id="{00000000-0008-0000-0700-00006F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27127</xdr:rowOff>
    </xdr:from>
    <xdr:to>
      <xdr:col>85</xdr:col>
      <xdr:colOff>126364</xdr:colOff>
      <xdr:row>79</xdr:row>
      <xdr:rowOff>44450</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flipV="1">
          <a:off x="16317595" y="12128627"/>
          <a:ext cx="1269" cy="14603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25" name="災害復旧費最小値テキスト">
          <a:extLst>
            <a:ext uri="{FF2B5EF4-FFF2-40B4-BE49-F238E27FC236}">
              <a16:creationId xmlns:a16="http://schemas.microsoft.com/office/drawing/2014/main" id="{00000000-0008-0000-0700-000071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3804</xdr:rowOff>
    </xdr:from>
    <xdr:ext cx="534377" cy="259045"/>
    <xdr:sp macro="" textlink="">
      <xdr:nvSpPr>
        <xdr:cNvPr id="627" name="災害復旧費最大値テキスト">
          <a:extLst>
            <a:ext uri="{FF2B5EF4-FFF2-40B4-BE49-F238E27FC236}">
              <a16:creationId xmlns:a16="http://schemas.microsoft.com/office/drawing/2014/main" id="{00000000-0008-0000-0700-000073020000}"/>
            </a:ext>
          </a:extLst>
        </xdr:cNvPr>
        <xdr:cNvSpPr txBox="1"/>
      </xdr:nvSpPr>
      <xdr:spPr>
        <a:xfrm>
          <a:off x="16370300" y="11903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9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27127</xdr:rowOff>
    </xdr:from>
    <xdr:to>
      <xdr:col>86</xdr:col>
      <xdr:colOff>25400</xdr:colOff>
      <xdr:row>70</xdr:row>
      <xdr:rowOff>127127</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6230600" y="121286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15748</xdr:rowOff>
    </xdr:from>
    <xdr:to>
      <xdr:col>85</xdr:col>
      <xdr:colOff>127000</xdr:colOff>
      <xdr:row>79</xdr:row>
      <xdr:rowOff>33528</xdr:rowOff>
    </xdr:to>
    <xdr:cxnSp macro="">
      <xdr:nvCxnSpPr>
        <xdr:cNvPr id="629" name="直線コネクタ 628">
          <a:extLst>
            <a:ext uri="{FF2B5EF4-FFF2-40B4-BE49-F238E27FC236}">
              <a16:creationId xmlns:a16="http://schemas.microsoft.com/office/drawing/2014/main" id="{00000000-0008-0000-0700-000075020000}"/>
            </a:ext>
          </a:extLst>
        </xdr:cNvPr>
        <xdr:cNvCxnSpPr/>
      </xdr:nvCxnSpPr>
      <xdr:spPr>
        <a:xfrm flipV="1">
          <a:off x="15481300" y="13560298"/>
          <a:ext cx="8382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98569</xdr:rowOff>
    </xdr:from>
    <xdr:ext cx="378565" cy="259045"/>
    <xdr:sp macro="" textlink="">
      <xdr:nvSpPr>
        <xdr:cNvPr id="630" name="災害復旧費平均値テキスト">
          <a:extLst>
            <a:ext uri="{FF2B5EF4-FFF2-40B4-BE49-F238E27FC236}">
              <a16:creationId xmlns:a16="http://schemas.microsoft.com/office/drawing/2014/main" id="{00000000-0008-0000-0700-000076020000}"/>
            </a:ext>
          </a:extLst>
        </xdr:cNvPr>
        <xdr:cNvSpPr txBox="1"/>
      </xdr:nvSpPr>
      <xdr:spPr>
        <a:xfrm>
          <a:off x="16370300" y="1330021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75692</xdr:rowOff>
    </xdr:from>
    <xdr:to>
      <xdr:col>85</xdr:col>
      <xdr:colOff>177800</xdr:colOff>
      <xdr:row>79</xdr:row>
      <xdr:rowOff>5842</xdr:rowOff>
    </xdr:to>
    <xdr:sp macro="" textlink="">
      <xdr:nvSpPr>
        <xdr:cNvPr id="631" name="フローチャート: 判断 630">
          <a:extLst>
            <a:ext uri="{FF2B5EF4-FFF2-40B4-BE49-F238E27FC236}">
              <a16:creationId xmlns:a16="http://schemas.microsoft.com/office/drawing/2014/main" id="{00000000-0008-0000-0700-000077020000}"/>
            </a:ext>
          </a:extLst>
        </xdr:cNvPr>
        <xdr:cNvSpPr/>
      </xdr:nvSpPr>
      <xdr:spPr>
        <a:xfrm>
          <a:off x="16268700" y="13448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2258</xdr:rowOff>
    </xdr:from>
    <xdr:to>
      <xdr:col>81</xdr:col>
      <xdr:colOff>50800</xdr:colOff>
      <xdr:row>79</xdr:row>
      <xdr:rowOff>33528</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4592300" y="13576808"/>
          <a:ext cx="889000" cy="1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3401</xdr:rowOff>
    </xdr:from>
    <xdr:to>
      <xdr:col>81</xdr:col>
      <xdr:colOff>101600</xdr:colOff>
      <xdr:row>78</xdr:row>
      <xdr:rowOff>135001</xdr:rowOff>
    </xdr:to>
    <xdr:sp macro="" textlink="">
      <xdr:nvSpPr>
        <xdr:cNvPr id="633" name="フローチャート: 判断 632">
          <a:extLst>
            <a:ext uri="{FF2B5EF4-FFF2-40B4-BE49-F238E27FC236}">
              <a16:creationId xmlns:a16="http://schemas.microsoft.com/office/drawing/2014/main" id="{00000000-0008-0000-0700-000079020000}"/>
            </a:ext>
          </a:extLst>
        </xdr:cNvPr>
        <xdr:cNvSpPr/>
      </xdr:nvSpPr>
      <xdr:spPr>
        <a:xfrm>
          <a:off x="15430500" y="13406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6</xdr:row>
      <xdr:rowOff>151528</xdr:rowOff>
    </xdr:from>
    <xdr:ext cx="469744" cy="259045"/>
    <xdr:sp macro="" textlink="">
      <xdr:nvSpPr>
        <xdr:cNvPr id="634" name="テキスト ボックス 633">
          <a:extLst>
            <a:ext uri="{FF2B5EF4-FFF2-40B4-BE49-F238E27FC236}">
              <a16:creationId xmlns:a16="http://schemas.microsoft.com/office/drawing/2014/main" id="{00000000-0008-0000-0700-00007A020000}"/>
            </a:ext>
          </a:extLst>
        </xdr:cNvPr>
        <xdr:cNvSpPr txBox="1"/>
      </xdr:nvSpPr>
      <xdr:spPr>
        <a:xfrm>
          <a:off x="15246428" y="13181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2258</xdr:rowOff>
    </xdr:from>
    <xdr:to>
      <xdr:col>76</xdr:col>
      <xdr:colOff>114300</xdr:colOff>
      <xdr:row>79</xdr:row>
      <xdr:rowOff>42545</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flipV="1">
          <a:off x="13703300" y="13576808"/>
          <a:ext cx="889000" cy="10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5714</xdr:rowOff>
    </xdr:from>
    <xdr:to>
      <xdr:col>76</xdr:col>
      <xdr:colOff>165100</xdr:colOff>
      <xdr:row>78</xdr:row>
      <xdr:rowOff>107314</xdr:rowOff>
    </xdr:to>
    <xdr:sp macro="" textlink="">
      <xdr:nvSpPr>
        <xdr:cNvPr id="636" name="フローチャート: 判断 635">
          <a:extLst>
            <a:ext uri="{FF2B5EF4-FFF2-40B4-BE49-F238E27FC236}">
              <a16:creationId xmlns:a16="http://schemas.microsoft.com/office/drawing/2014/main" id="{00000000-0008-0000-0700-00007C020000}"/>
            </a:ext>
          </a:extLst>
        </xdr:cNvPr>
        <xdr:cNvSpPr/>
      </xdr:nvSpPr>
      <xdr:spPr>
        <a:xfrm>
          <a:off x="14541500" y="13378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23841</xdr:rowOff>
    </xdr:from>
    <xdr:ext cx="469744" cy="259045"/>
    <xdr:sp macro="" textlink="">
      <xdr:nvSpPr>
        <xdr:cNvPr id="637" name="テキスト ボックス 636">
          <a:extLst>
            <a:ext uri="{FF2B5EF4-FFF2-40B4-BE49-F238E27FC236}">
              <a16:creationId xmlns:a16="http://schemas.microsoft.com/office/drawing/2014/main" id="{00000000-0008-0000-0700-00007D020000}"/>
            </a:ext>
          </a:extLst>
        </xdr:cNvPr>
        <xdr:cNvSpPr txBox="1"/>
      </xdr:nvSpPr>
      <xdr:spPr>
        <a:xfrm>
          <a:off x="14357428" y="13154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1623</xdr:rowOff>
    </xdr:from>
    <xdr:to>
      <xdr:col>71</xdr:col>
      <xdr:colOff>177800</xdr:colOff>
      <xdr:row>79</xdr:row>
      <xdr:rowOff>42545</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2814300" y="13576173"/>
          <a:ext cx="889000" cy="109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57735</xdr:rowOff>
    </xdr:from>
    <xdr:to>
      <xdr:col>72</xdr:col>
      <xdr:colOff>38100</xdr:colOff>
      <xdr:row>78</xdr:row>
      <xdr:rowOff>87885</xdr:rowOff>
    </xdr:to>
    <xdr:sp macro="" textlink="">
      <xdr:nvSpPr>
        <xdr:cNvPr id="639" name="フローチャート: 判断 638">
          <a:extLst>
            <a:ext uri="{FF2B5EF4-FFF2-40B4-BE49-F238E27FC236}">
              <a16:creationId xmlns:a16="http://schemas.microsoft.com/office/drawing/2014/main" id="{00000000-0008-0000-0700-00007F020000}"/>
            </a:ext>
          </a:extLst>
        </xdr:cNvPr>
        <xdr:cNvSpPr/>
      </xdr:nvSpPr>
      <xdr:spPr>
        <a:xfrm>
          <a:off x="13652500" y="13359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6</xdr:row>
      <xdr:rowOff>104412</xdr:rowOff>
    </xdr:from>
    <xdr:ext cx="469744" cy="259045"/>
    <xdr:sp macro="" textlink="">
      <xdr:nvSpPr>
        <xdr:cNvPr id="640" name="テキスト ボックス 639">
          <a:extLst>
            <a:ext uri="{FF2B5EF4-FFF2-40B4-BE49-F238E27FC236}">
              <a16:creationId xmlns:a16="http://schemas.microsoft.com/office/drawing/2014/main" id="{00000000-0008-0000-0700-000080020000}"/>
            </a:ext>
          </a:extLst>
        </xdr:cNvPr>
        <xdr:cNvSpPr txBox="1"/>
      </xdr:nvSpPr>
      <xdr:spPr>
        <a:xfrm>
          <a:off x="13468428" y="131346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3251</xdr:rowOff>
    </xdr:from>
    <xdr:to>
      <xdr:col>67</xdr:col>
      <xdr:colOff>101600</xdr:colOff>
      <xdr:row>79</xdr:row>
      <xdr:rowOff>33401</xdr:rowOff>
    </xdr:to>
    <xdr:sp macro="" textlink="">
      <xdr:nvSpPr>
        <xdr:cNvPr id="641" name="フローチャート: 判断 640">
          <a:extLst>
            <a:ext uri="{FF2B5EF4-FFF2-40B4-BE49-F238E27FC236}">
              <a16:creationId xmlns:a16="http://schemas.microsoft.com/office/drawing/2014/main" id="{00000000-0008-0000-0700-000081020000}"/>
            </a:ext>
          </a:extLst>
        </xdr:cNvPr>
        <xdr:cNvSpPr/>
      </xdr:nvSpPr>
      <xdr:spPr>
        <a:xfrm>
          <a:off x="12763500" y="13476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49928</xdr:rowOff>
    </xdr:from>
    <xdr:ext cx="378565" cy="259045"/>
    <xdr:sp macro="" textlink="">
      <xdr:nvSpPr>
        <xdr:cNvPr id="642" name="テキスト ボックス 641">
          <a:extLst>
            <a:ext uri="{FF2B5EF4-FFF2-40B4-BE49-F238E27FC236}">
              <a16:creationId xmlns:a16="http://schemas.microsoft.com/office/drawing/2014/main" id="{00000000-0008-0000-0700-000082020000}"/>
            </a:ext>
          </a:extLst>
        </xdr:cNvPr>
        <xdr:cNvSpPr txBox="1"/>
      </xdr:nvSpPr>
      <xdr:spPr>
        <a:xfrm>
          <a:off x="12625017" y="13251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a:extLst>
            <a:ext uri="{FF2B5EF4-FFF2-40B4-BE49-F238E27FC236}">
              <a16:creationId xmlns:a16="http://schemas.microsoft.com/office/drawing/2014/main" id="{00000000-0008-0000-0700-000085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6398</xdr:rowOff>
    </xdr:from>
    <xdr:to>
      <xdr:col>85</xdr:col>
      <xdr:colOff>177800</xdr:colOff>
      <xdr:row>79</xdr:row>
      <xdr:rowOff>66548</xdr:rowOff>
    </xdr:to>
    <xdr:sp macro="" textlink="">
      <xdr:nvSpPr>
        <xdr:cNvPr id="648" name="楕円 647">
          <a:extLst>
            <a:ext uri="{FF2B5EF4-FFF2-40B4-BE49-F238E27FC236}">
              <a16:creationId xmlns:a16="http://schemas.microsoft.com/office/drawing/2014/main" id="{00000000-0008-0000-0700-000088020000}"/>
            </a:ext>
          </a:extLst>
        </xdr:cNvPr>
        <xdr:cNvSpPr/>
      </xdr:nvSpPr>
      <xdr:spPr>
        <a:xfrm>
          <a:off x="16268700" y="135094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4119</xdr:rowOff>
    </xdr:from>
    <xdr:ext cx="378565" cy="259045"/>
    <xdr:sp macro="" textlink="">
      <xdr:nvSpPr>
        <xdr:cNvPr id="649" name="災害復旧費該当値テキスト">
          <a:extLst>
            <a:ext uri="{FF2B5EF4-FFF2-40B4-BE49-F238E27FC236}">
              <a16:creationId xmlns:a16="http://schemas.microsoft.com/office/drawing/2014/main" id="{00000000-0008-0000-0700-000089020000}"/>
            </a:ext>
          </a:extLst>
        </xdr:cNvPr>
        <xdr:cNvSpPr txBox="1"/>
      </xdr:nvSpPr>
      <xdr:spPr>
        <a:xfrm>
          <a:off x="16370300" y="134272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4178</xdr:rowOff>
    </xdr:from>
    <xdr:to>
      <xdr:col>81</xdr:col>
      <xdr:colOff>101600</xdr:colOff>
      <xdr:row>79</xdr:row>
      <xdr:rowOff>84328</xdr:rowOff>
    </xdr:to>
    <xdr:sp macro="" textlink="">
      <xdr:nvSpPr>
        <xdr:cNvPr id="650" name="楕円 649">
          <a:extLst>
            <a:ext uri="{FF2B5EF4-FFF2-40B4-BE49-F238E27FC236}">
              <a16:creationId xmlns:a16="http://schemas.microsoft.com/office/drawing/2014/main" id="{00000000-0008-0000-0700-00008A020000}"/>
            </a:ext>
          </a:extLst>
        </xdr:cNvPr>
        <xdr:cNvSpPr/>
      </xdr:nvSpPr>
      <xdr:spPr>
        <a:xfrm>
          <a:off x="15430500" y="135272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9</xdr:row>
      <xdr:rowOff>75455</xdr:rowOff>
    </xdr:from>
    <xdr:ext cx="313932"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5324333" y="1362000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2908</xdr:rowOff>
    </xdr:from>
    <xdr:to>
      <xdr:col>76</xdr:col>
      <xdr:colOff>165100</xdr:colOff>
      <xdr:row>79</xdr:row>
      <xdr:rowOff>83058</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4541500" y="135260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47833</xdr:colOff>
      <xdr:row>79</xdr:row>
      <xdr:rowOff>74185</xdr:rowOff>
    </xdr:from>
    <xdr:ext cx="313932"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4435333" y="1361873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3195</xdr:rowOff>
    </xdr:from>
    <xdr:to>
      <xdr:col>72</xdr:col>
      <xdr:colOff>38100</xdr:colOff>
      <xdr:row>79</xdr:row>
      <xdr:rowOff>93345</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3652500" y="13536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84472</xdr:rowOff>
    </xdr:from>
    <xdr:ext cx="313932"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46333" y="136290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52273</xdr:rowOff>
    </xdr:from>
    <xdr:to>
      <xdr:col>67</xdr:col>
      <xdr:colOff>101600</xdr:colOff>
      <xdr:row>79</xdr:row>
      <xdr:rowOff>82423</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2763500" y="135253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9</xdr:row>
      <xdr:rowOff>73550</xdr:rowOff>
    </xdr:from>
    <xdr:ext cx="378565"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2625017" y="136181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a:extLst>
            <a:ext uri="{FF2B5EF4-FFF2-40B4-BE49-F238E27FC236}">
              <a16:creationId xmlns:a16="http://schemas.microsoft.com/office/drawing/2014/main" id="{00000000-0008-0000-0700-000092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a:extLst>
            <a:ext uri="{FF2B5EF4-FFF2-40B4-BE49-F238E27FC236}">
              <a16:creationId xmlns:a16="http://schemas.microsoft.com/office/drawing/2014/main" id="{00000000-0008-0000-0700-000093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a:extLst>
            <a:ext uri="{FF2B5EF4-FFF2-40B4-BE49-F238E27FC236}">
              <a16:creationId xmlns:a16="http://schemas.microsoft.com/office/drawing/2014/main" id="{00000000-0008-0000-0700-000094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a:extLst>
            <a:ext uri="{FF2B5EF4-FFF2-40B4-BE49-F238E27FC236}">
              <a16:creationId xmlns:a16="http://schemas.microsoft.com/office/drawing/2014/main" id="{00000000-0008-0000-0700-000095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a:extLst>
            <a:ext uri="{FF2B5EF4-FFF2-40B4-BE49-F238E27FC236}">
              <a16:creationId xmlns:a16="http://schemas.microsoft.com/office/drawing/2014/main" id="{00000000-0008-0000-0700-00009B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a:extLst>
            <a:ext uri="{FF2B5EF4-FFF2-40B4-BE49-F238E27FC236}">
              <a16:creationId xmlns:a16="http://schemas.microsoft.com/office/drawing/2014/main" id="{00000000-0008-0000-0700-00009C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a:extLst>
            <a:ext uri="{FF2B5EF4-FFF2-40B4-BE49-F238E27FC236}">
              <a16:creationId xmlns:a16="http://schemas.microsoft.com/office/drawing/2014/main" id="{00000000-0008-0000-0700-00009D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a:extLst>
            <a:ext uri="{FF2B5EF4-FFF2-40B4-BE49-F238E27FC236}">
              <a16:creationId xmlns:a16="http://schemas.microsoft.com/office/drawing/2014/main" id="{00000000-0008-0000-0700-00009E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a:extLst>
            <a:ext uri="{FF2B5EF4-FFF2-40B4-BE49-F238E27FC236}">
              <a16:creationId xmlns:a16="http://schemas.microsoft.com/office/drawing/2014/main" id="{00000000-0008-0000-0700-00009F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公債費グラフ枠">
          <a:extLst>
            <a:ext uri="{FF2B5EF4-FFF2-40B4-BE49-F238E27FC236}">
              <a16:creationId xmlns:a16="http://schemas.microsoft.com/office/drawing/2014/main" id="{00000000-0008-0000-0700-0000A8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23591</xdr:rowOff>
    </xdr:from>
    <xdr:to>
      <xdr:col>85</xdr:col>
      <xdr:colOff>126364</xdr:colOff>
      <xdr:row>97</xdr:row>
      <xdr:rowOff>139567</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flipV="1">
          <a:off x="16317595" y="15454091"/>
          <a:ext cx="1269" cy="13161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43394</xdr:rowOff>
    </xdr:from>
    <xdr:ext cx="534377" cy="259045"/>
    <xdr:sp macro="" textlink="">
      <xdr:nvSpPr>
        <xdr:cNvPr id="682" name="公債費最小値テキスト">
          <a:extLst>
            <a:ext uri="{FF2B5EF4-FFF2-40B4-BE49-F238E27FC236}">
              <a16:creationId xmlns:a16="http://schemas.microsoft.com/office/drawing/2014/main" id="{00000000-0008-0000-0700-0000AA020000}"/>
            </a:ext>
          </a:extLst>
        </xdr:cNvPr>
        <xdr:cNvSpPr txBox="1"/>
      </xdr:nvSpPr>
      <xdr:spPr>
        <a:xfrm>
          <a:off x="16370300" y="16774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7</xdr:row>
      <xdr:rowOff>139567</xdr:rowOff>
    </xdr:from>
    <xdr:to>
      <xdr:col>86</xdr:col>
      <xdr:colOff>25400</xdr:colOff>
      <xdr:row>97</xdr:row>
      <xdr:rowOff>139567</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6230600" y="16770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141718</xdr:rowOff>
    </xdr:from>
    <xdr:ext cx="534377" cy="259045"/>
    <xdr:sp macro="" textlink="">
      <xdr:nvSpPr>
        <xdr:cNvPr id="684" name="公債費最大値テキスト">
          <a:extLst>
            <a:ext uri="{FF2B5EF4-FFF2-40B4-BE49-F238E27FC236}">
              <a16:creationId xmlns:a16="http://schemas.microsoft.com/office/drawing/2014/main" id="{00000000-0008-0000-0700-0000AC020000}"/>
            </a:ext>
          </a:extLst>
        </xdr:cNvPr>
        <xdr:cNvSpPr txBox="1"/>
      </xdr:nvSpPr>
      <xdr:spPr>
        <a:xfrm>
          <a:off x="16370300" y="152293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2,09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23591</xdr:rowOff>
    </xdr:from>
    <xdr:to>
      <xdr:col>86</xdr:col>
      <xdr:colOff>25400</xdr:colOff>
      <xdr:row>90</xdr:row>
      <xdr:rowOff>23591</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6230600" y="154540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24315</xdr:rowOff>
    </xdr:from>
    <xdr:to>
      <xdr:col>85</xdr:col>
      <xdr:colOff>127000</xdr:colOff>
      <xdr:row>96</xdr:row>
      <xdr:rowOff>47117</xdr:rowOff>
    </xdr:to>
    <xdr:cxnSp macro="">
      <xdr:nvCxnSpPr>
        <xdr:cNvPr id="686" name="直線コネクタ 685">
          <a:extLst>
            <a:ext uri="{FF2B5EF4-FFF2-40B4-BE49-F238E27FC236}">
              <a16:creationId xmlns:a16="http://schemas.microsoft.com/office/drawing/2014/main" id="{00000000-0008-0000-0700-0000AE020000}"/>
            </a:ext>
          </a:extLst>
        </xdr:cNvPr>
        <xdr:cNvCxnSpPr/>
      </xdr:nvCxnSpPr>
      <xdr:spPr>
        <a:xfrm flipV="1">
          <a:off x="15481300" y="16483515"/>
          <a:ext cx="838200" cy="228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4</xdr:row>
      <xdr:rowOff>53675</xdr:rowOff>
    </xdr:from>
    <xdr:ext cx="534377" cy="259045"/>
    <xdr:sp macro="" textlink="">
      <xdr:nvSpPr>
        <xdr:cNvPr id="687" name="公債費平均値テキスト">
          <a:extLst>
            <a:ext uri="{FF2B5EF4-FFF2-40B4-BE49-F238E27FC236}">
              <a16:creationId xmlns:a16="http://schemas.microsoft.com/office/drawing/2014/main" id="{00000000-0008-0000-0700-0000AF020000}"/>
            </a:ext>
          </a:extLst>
        </xdr:cNvPr>
        <xdr:cNvSpPr txBox="1"/>
      </xdr:nvSpPr>
      <xdr:spPr>
        <a:xfrm>
          <a:off x="16370300" y="161699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0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30798</xdr:rowOff>
    </xdr:from>
    <xdr:to>
      <xdr:col>85</xdr:col>
      <xdr:colOff>177800</xdr:colOff>
      <xdr:row>95</xdr:row>
      <xdr:rowOff>132398</xdr:rowOff>
    </xdr:to>
    <xdr:sp macro="" textlink="">
      <xdr:nvSpPr>
        <xdr:cNvPr id="688" name="フローチャート: 判断 687">
          <a:extLst>
            <a:ext uri="{FF2B5EF4-FFF2-40B4-BE49-F238E27FC236}">
              <a16:creationId xmlns:a16="http://schemas.microsoft.com/office/drawing/2014/main" id="{00000000-0008-0000-0700-0000B0020000}"/>
            </a:ext>
          </a:extLst>
        </xdr:cNvPr>
        <xdr:cNvSpPr/>
      </xdr:nvSpPr>
      <xdr:spPr>
        <a:xfrm>
          <a:off x="16268700" y="16318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28487</xdr:rowOff>
    </xdr:from>
    <xdr:to>
      <xdr:col>81</xdr:col>
      <xdr:colOff>50800</xdr:colOff>
      <xdr:row>96</xdr:row>
      <xdr:rowOff>47117</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4592300" y="16487687"/>
          <a:ext cx="889000" cy="186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67221</xdr:rowOff>
    </xdr:from>
    <xdr:to>
      <xdr:col>81</xdr:col>
      <xdr:colOff>101600</xdr:colOff>
      <xdr:row>95</xdr:row>
      <xdr:rowOff>168821</xdr:rowOff>
    </xdr:to>
    <xdr:sp macro="" textlink="">
      <xdr:nvSpPr>
        <xdr:cNvPr id="690" name="フローチャート: 判断 689">
          <a:extLst>
            <a:ext uri="{FF2B5EF4-FFF2-40B4-BE49-F238E27FC236}">
              <a16:creationId xmlns:a16="http://schemas.microsoft.com/office/drawing/2014/main" id="{00000000-0008-0000-0700-0000B2020000}"/>
            </a:ext>
          </a:extLst>
        </xdr:cNvPr>
        <xdr:cNvSpPr/>
      </xdr:nvSpPr>
      <xdr:spPr>
        <a:xfrm>
          <a:off x="15430500" y="16354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3898</xdr:rowOff>
    </xdr:from>
    <xdr:ext cx="534377" cy="259045"/>
    <xdr:sp macro="" textlink="">
      <xdr:nvSpPr>
        <xdr:cNvPr id="691" name="テキスト ボックス 690">
          <a:extLst>
            <a:ext uri="{FF2B5EF4-FFF2-40B4-BE49-F238E27FC236}">
              <a16:creationId xmlns:a16="http://schemas.microsoft.com/office/drawing/2014/main" id="{00000000-0008-0000-0700-0000B3020000}"/>
            </a:ext>
          </a:extLst>
        </xdr:cNvPr>
        <xdr:cNvSpPr txBox="1"/>
      </xdr:nvSpPr>
      <xdr:spPr>
        <a:xfrm>
          <a:off x="15214111" y="16130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28487</xdr:rowOff>
    </xdr:from>
    <xdr:to>
      <xdr:col>76</xdr:col>
      <xdr:colOff>114300</xdr:colOff>
      <xdr:row>96</xdr:row>
      <xdr:rowOff>29801</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flipV="1">
          <a:off x="13703300" y="16487687"/>
          <a:ext cx="889000" cy="13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5</xdr:row>
      <xdr:rowOff>74288</xdr:rowOff>
    </xdr:from>
    <xdr:to>
      <xdr:col>76</xdr:col>
      <xdr:colOff>165100</xdr:colOff>
      <xdr:row>96</xdr:row>
      <xdr:rowOff>4438</xdr:rowOff>
    </xdr:to>
    <xdr:sp macro="" textlink="">
      <xdr:nvSpPr>
        <xdr:cNvPr id="693" name="フローチャート: 判断 692">
          <a:extLst>
            <a:ext uri="{FF2B5EF4-FFF2-40B4-BE49-F238E27FC236}">
              <a16:creationId xmlns:a16="http://schemas.microsoft.com/office/drawing/2014/main" id="{00000000-0008-0000-0700-0000B5020000}"/>
            </a:ext>
          </a:extLst>
        </xdr:cNvPr>
        <xdr:cNvSpPr/>
      </xdr:nvSpPr>
      <xdr:spPr>
        <a:xfrm>
          <a:off x="14541500" y="1636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20965</xdr:rowOff>
    </xdr:from>
    <xdr:ext cx="534377" cy="259045"/>
    <xdr:sp macro="" textlink="">
      <xdr:nvSpPr>
        <xdr:cNvPr id="694" name="テキスト ボックス 693">
          <a:extLst>
            <a:ext uri="{FF2B5EF4-FFF2-40B4-BE49-F238E27FC236}">
              <a16:creationId xmlns:a16="http://schemas.microsoft.com/office/drawing/2014/main" id="{00000000-0008-0000-0700-0000B6020000}"/>
            </a:ext>
          </a:extLst>
        </xdr:cNvPr>
        <xdr:cNvSpPr txBox="1"/>
      </xdr:nvSpPr>
      <xdr:spPr>
        <a:xfrm>
          <a:off x="14325111" y="16137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25115</xdr:rowOff>
    </xdr:from>
    <xdr:to>
      <xdr:col>71</xdr:col>
      <xdr:colOff>177800</xdr:colOff>
      <xdr:row>96</xdr:row>
      <xdr:rowOff>29801</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a:off x="12814300" y="16484315"/>
          <a:ext cx="889000" cy="4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55296</xdr:rowOff>
    </xdr:from>
    <xdr:to>
      <xdr:col>72</xdr:col>
      <xdr:colOff>38100</xdr:colOff>
      <xdr:row>95</xdr:row>
      <xdr:rowOff>156896</xdr:rowOff>
    </xdr:to>
    <xdr:sp macro="" textlink="">
      <xdr:nvSpPr>
        <xdr:cNvPr id="696" name="フローチャート: 判断 695">
          <a:extLst>
            <a:ext uri="{FF2B5EF4-FFF2-40B4-BE49-F238E27FC236}">
              <a16:creationId xmlns:a16="http://schemas.microsoft.com/office/drawing/2014/main" id="{00000000-0008-0000-0700-0000B8020000}"/>
            </a:ext>
          </a:extLst>
        </xdr:cNvPr>
        <xdr:cNvSpPr/>
      </xdr:nvSpPr>
      <xdr:spPr>
        <a:xfrm>
          <a:off x="13652500" y="16343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973</xdr:rowOff>
    </xdr:from>
    <xdr:ext cx="534377" cy="259045"/>
    <xdr:sp macro="" textlink="">
      <xdr:nvSpPr>
        <xdr:cNvPr id="697" name="テキスト ボックス 696">
          <a:extLst>
            <a:ext uri="{FF2B5EF4-FFF2-40B4-BE49-F238E27FC236}">
              <a16:creationId xmlns:a16="http://schemas.microsoft.com/office/drawing/2014/main" id="{00000000-0008-0000-0700-0000B9020000}"/>
            </a:ext>
          </a:extLst>
        </xdr:cNvPr>
        <xdr:cNvSpPr txBox="1"/>
      </xdr:nvSpPr>
      <xdr:spPr>
        <a:xfrm>
          <a:off x="13436111" y="1611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41370</xdr:rowOff>
    </xdr:from>
    <xdr:to>
      <xdr:col>67</xdr:col>
      <xdr:colOff>101600</xdr:colOff>
      <xdr:row>95</xdr:row>
      <xdr:rowOff>142970</xdr:rowOff>
    </xdr:to>
    <xdr:sp macro="" textlink="">
      <xdr:nvSpPr>
        <xdr:cNvPr id="698" name="フローチャート: 判断 697">
          <a:extLst>
            <a:ext uri="{FF2B5EF4-FFF2-40B4-BE49-F238E27FC236}">
              <a16:creationId xmlns:a16="http://schemas.microsoft.com/office/drawing/2014/main" id="{00000000-0008-0000-0700-0000BA020000}"/>
            </a:ext>
          </a:extLst>
        </xdr:cNvPr>
        <xdr:cNvSpPr/>
      </xdr:nvSpPr>
      <xdr:spPr>
        <a:xfrm>
          <a:off x="12763500" y="1632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3</xdr:row>
      <xdr:rowOff>159497</xdr:rowOff>
    </xdr:from>
    <xdr:ext cx="534377" cy="259045"/>
    <xdr:sp macro="" textlink="">
      <xdr:nvSpPr>
        <xdr:cNvPr id="699" name="テキスト ボックス 698">
          <a:extLst>
            <a:ext uri="{FF2B5EF4-FFF2-40B4-BE49-F238E27FC236}">
              <a16:creationId xmlns:a16="http://schemas.microsoft.com/office/drawing/2014/main" id="{00000000-0008-0000-0700-0000BB020000}"/>
            </a:ext>
          </a:extLst>
        </xdr:cNvPr>
        <xdr:cNvSpPr txBox="1"/>
      </xdr:nvSpPr>
      <xdr:spPr>
        <a:xfrm>
          <a:off x="12547111" y="16104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a:extLst>
            <a:ext uri="{FF2B5EF4-FFF2-40B4-BE49-F238E27FC236}">
              <a16:creationId xmlns:a16="http://schemas.microsoft.com/office/drawing/2014/main" id="{00000000-0008-0000-0700-0000BE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44965</xdr:rowOff>
    </xdr:from>
    <xdr:to>
      <xdr:col>85</xdr:col>
      <xdr:colOff>177800</xdr:colOff>
      <xdr:row>96</xdr:row>
      <xdr:rowOff>75115</xdr:rowOff>
    </xdr:to>
    <xdr:sp macro="" textlink="">
      <xdr:nvSpPr>
        <xdr:cNvPr id="705" name="楕円 704">
          <a:extLst>
            <a:ext uri="{FF2B5EF4-FFF2-40B4-BE49-F238E27FC236}">
              <a16:creationId xmlns:a16="http://schemas.microsoft.com/office/drawing/2014/main" id="{00000000-0008-0000-0700-0000C1020000}"/>
            </a:ext>
          </a:extLst>
        </xdr:cNvPr>
        <xdr:cNvSpPr/>
      </xdr:nvSpPr>
      <xdr:spPr>
        <a:xfrm>
          <a:off x="16268700" y="16432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5</xdr:row>
      <xdr:rowOff>123392</xdr:rowOff>
    </xdr:from>
    <xdr:ext cx="534377" cy="259045"/>
    <xdr:sp macro="" textlink="">
      <xdr:nvSpPr>
        <xdr:cNvPr id="706" name="公債費該当値テキスト">
          <a:extLst>
            <a:ext uri="{FF2B5EF4-FFF2-40B4-BE49-F238E27FC236}">
              <a16:creationId xmlns:a16="http://schemas.microsoft.com/office/drawing/2014/main" id="{00000000-0008-0000-0700-0000C2020000}"/>
            </a:ext>
          </a:extLst>
        </xdr:cNvPr>
        <xdr:cNvSpPr txBox="1"/>
      </xdr:nvSpPr>
      <xdr:spPr>
        <a:xfrm>
          <a:off x="16370300" y="164111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67767</xdr:rowOff>
    </xdr:from>
    <xdr:to>
      <xdr:col>81</xdr:col>
      <xdr:colOff>101600</xdr:colOff>
      <xdr:row>96</xdr:row>
      <xdr:rowOff>97917</xdr:rowOff>
    </xdr:to>
    <xdr:sp macro="" textlink="">
      <xdr:nvSpPr>
        <xdr:cNvPr id="707" name="楕円 706">
          <a:extLst>
            <a:ext uri="{FF2B5EF4-FFF2-40B4-BE49-F238E27FC236}">
              <a16:creationId xmlns:a16="http://schemas.microsoft.com/office/drawing/2014/main" id="{00000000-0008-0000-0700-0000C3020000}"/>
            </a:ext>
          </a:extLst>
        </xdr:cNvPr>
        <xdr:cNvSpPr/>
      </xdr:nvSpPr>
      <xdr:spPr>
        <a:xfrm>
          <a:off x="15430500" y="16455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89044</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5214111" y="165482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149137</xdr:rowOff>
    </xdr:from>
    <xdr:to>
      <xdr:col>76</xdr:col>
      <xdr:colOff>165100</xdr:colOff>
      <xdr:row>96</xdr:row>
      <xdr:rowOff>79287</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4541500" y="16436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70414</xdr:rowOff>
    </xdr:from>
    <xdr:ext cx="534377"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4325111" y="16529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8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50451</xdr:rowOff>
    </xdr:from>
    <xdr:to>
      <xdr:col>72</xdr:col>
      <xdr:colOff>38100</xdr:colOff>
      <xdr:row>96</xdr:row>
      <xdr:rowOff>80601</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3652500" y="16438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71728</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436111" y="165309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45765</xdr:rowOff>
    </xdr:from>
    <xdr:to>
      <xdr:col>67</xdr:col>
      <xdr:colOff>101600</xdr:colOff>
      <xdr:row>96</xdr:row>
      <xdr:rowOff>75915</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2763500" y="16433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67042</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2547111" y="16526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a:extLst>
            <a:ext uri="{FF2B5EF4-FFF2-40B4-BE49-F238E27FC236}">
              <a16:creationId xmlns:a16="http://schemas.microsoft.com/office/drawing/2014/main" id="{00000000-0008-0000-0700-0000CB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a:extLst>
            <a:ext uri="{FF2B5EF4-FFF2-40B4-BE49-F238E27FC236}">
              <a16:creationId xmlns:a16="http://schemas.microsoft.com/office/drawing/2014/main" id="{00000000-0008-0000-0700-0000CC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a:extLst>
            <a:ext uri="{FF2B5EF4-FFF2-40B4-BE49-F238E27FC236}">
              <a16:creationId xmlns:a16="http://schemas.microsoft.com/office/drawing/2014/main" id="{00000000-0008-0000-0700-0000CD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a:extLst>
            <a:ext uri="{FF2B5EF4-FFF2-40B4-BE49-F238E27FC236}">
              <a16:creationId xmlns:a16="http://schemas.microsoft.com/office/drawing/2014/main" id="{00000000-0008-0000-0700-0000CE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a:extLst>
            <a:ext uri="{FF2B5EF4-FFF2-40B4-BE49-F238E27FC236}">
              <a16:creationId xmlns:a16="http://schemas.microsoft.com/office/drawing/2014/main" id="{00000000-0008-0000-0700-0000D4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5" name="直線コネクタ 724">
          <a:extLst>
            <a:ext uri="{FF2B5EF4-FFF2-40B4-BE49-F238E27FC236}">
              <a16:creationId xmlns:a16="http://schemas.microsoft.com/office/drawing/2014/main" id="{00000000-0008-0000-0700-0000D5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6" name="テキスト ボックス 725">
          <a:extLst>
            <a:ext uri="{FF2B5EF4-FFF2-40B4-BE49-F238E27FC236}">
              <a16:creationId xmlns:a16="http://schemas.microsoft.com/office/drawing/2014/main" id="{00000000-0008-0000-0700-0000D6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7" name="直線コネクタ 726">
          <a:extLst>
            <a:ext uri="{FF2B5EF4-FFF2-40B4-BE49-F238E27FC236}">
              <a16:creationId xmlns:a16="http://schemas.microsoft.com/office/drawing/2014/main" id="{00000000-0008-0000-0700-0000D7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8" name="テキスト ボックス 727">
          <a:extLst>
            <a:ext uri="{FF2B5EF4-FFF2-40B4-BE49-F238E27FC236}">
              <a16:creationId xmlns:a16="http://schemas.microsoft.com/office/drawing/2014/main" id="{00000000-0008-0000-0700-0000D8020000}"/>
            </a:ext>
          </a:extLst>
        </xdr:cNvPr>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a:extLst>
            <a:ext uri="{FF2B5EF4-FFF2-40B4-BE49-F238E27FC236}">
              <a16:creationId xmlns:a16="http://schemas.microsoft.com/office/drawing/2014/main" id="{00000000-0008-0000-0700-0000E3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69418</xdr:rowOff>
    </xdr:from>
    <xdr:to>
      <xdr:col>116</xdr:col>
      <xdr:colOff>62864</xdr:colOff>
      <xdr:row>39</xdr:row>
      <xdr:rowOff>98878</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flipV="1">
          <a:off x="22159595" y="5312918"/>
          <a:ext cx="1269" cy="14725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8888</xdr:rowOff>
    </xdr:from>
    <xdr:ext cx="249299" cy="259045"/>
    <xdr:sp macro="" textlink="">
      <xdr:nvSpPr>
        <xdr:cNvPr id="741" name="諸支出金最小値テキスト">
          <a:extLst>
            <a:ext uri="{FF2B5EF4-FFF2-40B4-BE49-F238E27FC236}">
              <a16:creationId xmlns:a16="http://schemas.microsoft.com/office/drawing/2014/main" id="{00000000-0008-0000-0700-0000E5020000}"/>
            </a:ext>
          </a:extLst>
        </xdr:cNvPr>
        <xdr:cNvSpPr txBox="1"/>
      </xdr:nvSpPr>
      <xdr:spPr>
        <a:xfrm>
          <a:off x="22212300" y="680543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16095</xdr:rowOff>
    </xdr:from>
    <xdr:ext cx="469744" cy="259045"/>
    <xdr:sp macro="" textlink="">
      <xdr:nvSpPr>
        <xdr:cNvPr id="743" name="諸支出金最大値テキスト">
          <a:extLst>
            <a:ext uri="{FF2B5EF4-FFF2-40B4-BE49-F238E27FC236}">
              <a16:creationId xmlns:a16="http://schemas.microsoft.com/office/drawing/2014/main" id="{00000000-0008-0000-0700-0000E7020000}"/>
            </a:ext>
          </a:extLst>
        </xdr:cNvPr>
        <xdr:cNvSpPr txBox="1"/>
      </xdr:nvSpPr>
      <xdr:spPr>
        <a:xfrm>
          <a:off x="22212300" y="5088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50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69418</xdr:rowOff>
    </xdr:from>
    <xdr:to>
      <xdr:col>116</xdr:col>
      <xdr:colOff>152400</xdr:colOff>
      <xdr:row>30</xdr:row>
      <xdr:rowOff>169418</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5312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6339</xdr:rowOff>
    </xdr:from>
    <xdr:ext cx="378565" cy="259045"/>
    <xdr:sp macro="" textlink="">
      <xdr:nvSpPr>
        <xdr:cNvPr id="746" name="諸支出金平均値テキスト">
          <a:extLst>
            <a:ext uri="{FF2B5EF4-FFF2-40B4-BE49-F238E27FC236}">
              <a16:creationId xmlns:a16="http://schemas.microsoft.com/office/drawing/2014/main" id="{00000000-0008-0000-0700-0000EA020000}"/>
            </a:ext>
          </a:extLst>
        </xdr:cNvPr>
        <xdr:cNvSpPr txBox="1"/>
      </xdr:nvSpPr>
      <xdr:spPr>
        <a:xfrm>
          <a:off x="22212300" y="655143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3462</xdr:rowOff>
    </xdr:from>
    <xdr:to>
      <xdr:col>116</xdr:col>
      <xdr:colOff>114300</xdr:colOff>
      <xdr:row>39</xdr:row>
      <xdr:rowOff>115062</xdr:rowOff>
    </xdr:to>
    <xdr:sp macro="" textlink="">
      <xdr:nvSpPr>
        <xdr:cNvPr id="747" name="フローチャート: 判断 746">
          <a:extLst>
            <a:ext uri="{FF2B5EF4-FFF2-40B4-BE49-F238E27FC236}">
              <a16:creationId xmlns:a16="http://schemas.microsoft.com/office/drawing/2014/main" id="{00000000-0008-0000-0700-0000EB020000}"/>
            </a:ext>
          </a:extLst>
        </xdr:cNvPr>
        <xdr:cNvSpPr/>
      </xdr:nvSpPr>
      <xdr:spPr>
        <a:xfrm>
          <a:off x="22110700" y="6700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48" name="直線コネクタ 747">
          <a:extLst>
            <a:ext uri="{FF2B5EF4-FFF2-40B4-BE49-F238E27FC236}">
              <a16:creationId xmlns:a16="http://schemas.microsoft.com/office/drawing/2014/main" id="{00000000-0008-0000-0700-0000EC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27178</xdr:rowOff>
    </xdr:from>
    <xdr:to>
      <xdr:col>112</xdr:col>
      <xdr:colOff>38100</xdr:colOff>
      <xdr:row>39</xdr:row>
      <xdr:rowOff>128778</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1272500" y="671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7</xdr:row>
      <xdr:rowOff>145305</xdr:rowOff>
    </xdr:from>
    <xdr:ext cx="313932" cy="259045"/>
    <xdr:sp macro="" textlink="">
      <xdr:nvSpPr>
        <xdr:cNvPr id="750" name="テキスト ボックス 749">
          <a:extLst>
            <a:ext uri="{FF2B5EF4-FFF2-40B4-BE49-F238E27FC236}">
              <a16:creationId xmlns:a16="http://schemas.microsoft.com/office/drawing/2014/main" id="{00000000-0008-0000-0700-0000EE020000}"/>
            </a:ext>
          </a:extLst>
        </xdr:cNvPr>
        <xdr:cNvSpPr txBox="1"/>
      </xdr:nvSpPr>
      <xdr:spPr>
        <a:xfrm>
          <a:off x="21166333" y="64889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1" name="直線コネクタ 750">
          <a:extLst>
            <a:ext uri="{FF2B5EF4-FFF2-40B4-BE49-F238E27FC236}">
              <a16:creationId xmlns:a16="http://schemas.microsoft.com/office/drawing/2014/main" id="{00000000-0008-0000-0700-0000EF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9</xdr:row>
      <xdr:rowOff>38281</xdr:rowOff>
    </xdr:from>
    <xdr:to>
      <xdr:col>107</xdr:col>
      <xdr:colOff>101600</xdr:colOff>
      <xdr:row>39</xdr:row>
      <xdr:rowOff>139881</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0383500" y="6724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7</xdr:row>
      <xdr:rowOff>156408</xdr:rowOff>
    </xdr:from>
    <xdr:ext cx="313932" cy="259045"/>
    <xdr:sp macro="" textlink="">
      <xdr:nvSpPr>
        <xdr:cNvPr id="753" name="テキスト ボックス 752">
          <a:extLst>
            <a:ext uri="{FF2B5EF4-FFF2-40B4-BE49-F238E27FC236}">
              <a16:creationId xmlns:a16="http://schemas.microsoft.com/office/drawing/2014/main" id="{00000000-0008-0000-0700-0000F1020000}"/>
            </a:ext>
          </a:extLst>
        </xdr:cNvPr>
        <xdr:cNvSpPr txBox="1"/>
      </xdr:nvSpPr>
      <xdr:spPr>
        <a:xfrm>
          <a:off x="20277333" y="6500058"/>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54" name="直線コネクタ 753">
          <a:extLst>
            <a:ext uri="{FF2B5EF4-FFF2-40B4-BE49-F238E27FC236}">
              <a16:creationId xmlns:a16="http://schemas.microsoft.com/office/drawing/2014/main" id="{00000000-0008-0000-0700-0000F2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9</xdr:row>
      <xdr:rowOff>27178</xdr:rowOff>
    </xdr:from>
    <xdr:to>
      <xdr:col>102</xdr:col>
      <xdr:colOff>165100</xdr:colOff>
      <xdr:row>39</xdr:row>
      <xdr:rowOff>128778</xdr:rowOff>
    </xdr:to>
    <xdr:sp macro="" textlink="">
      <xdr:nvSpPr>
        <xdr:cNvPr id="755" name="フローチャート: 判断 754">
          <a:extLst>
            <a:ext uri="{FF2B5EF4-FFF2-40B4-BE49-F238E27FC236}">
              <a16:creationId xmlns:a16="http://schemas.microsoft.com/office/drawing/2014/main" id="{00000000-0008-0000-0700-0000F3020000}"/>
            </a:ext>
          </a:extLst>
        </xdr:cNvPr>
        <xdr:cNvSpPr/>
      </xdr:nvSpPr>
      <xdr:spPr>
        <a:xfrm>
          <a:off x="19494500" y="6713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37</xdr:row>
      <xdr:rowOff>145305</xdr:rowOff>
    </xdr:from>
    <xdr:ext cx="313932" cy="259045"/>
    <xdr:sp macro="" textlink="">
      <xdr:nvSpPr>
        <xdr:cNvPr id="756" name="テキスト ボックス 755">
          <a:extLst>
            <a:ext uri="{FF2B5EF4-FFF2-40B4-BE49-F238E27FC236}">
              <a16:creationId xmlns:a16="http://schemas.microsoft.com/office/drawing/2014/main" id="{00000000-0008-0000-0700-0000F4020000}"/>
            </a:ext>
          </a:extLst>
        </xdr:cNvPr>
        <xdr:cNvSpPr txBox="1"/>
      </xdr:nvSpPr>
      <xdr:spPr>
        <a:xfrm>
          <a:off x="19388333" y="648895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3358</xdr:rowOff>
    </xdr:from>
    <xdr:to>
      <xdr:col>98</xdr:col>
      <xdr:colOff>38100</xdr:colOff>
      <xdr:row>39</xdr:row>
      <xdr:rowOff>93508</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8605500" y="66784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110035</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8467017" y="64536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a:extLst>
            <a:ext uri="{FF2B5EF4-FFF2-40B4-BE49-F238E27FC236}">
              <a16:creationId xmlns:a16="http://schemas.microsoft.com/office/drawing/2014/main" id="{00000000-0008-0000-0700-0000F7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64" name="楕円 763">
          <a:extLst>
            <a:ext uri="{FF2B5EF4-FFF2-40B4-BE49-F238E27FC236}">
              <a16:creationId xmlns:a16="http://schemas.microsoft.com/office/drawing/2014/main" id="{00000000-0008-0000-0700-0000FC02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63338</xdr:rowOff>
    </xdr:from>
    <xdr:ext cx="249299" cy="259045"/>
    <xdr:sp macro="" textlink="">
      <xdr:nvSpPr>
        <xdr:cNvPr id="765" name="諸支出金該当値テキスト">
          <a:extLst>
            <a:ext uri="{FF2B5EF4-FFF2-40B4-BE49-F238E27FC236}">
              <a16:creationId xmlns:a16="http://schemas.microsoft.com/office/drawing/2014/main" id="{00000000-0008-0000-0700-0000FD020000}"/>
            </a:ext>
          </a:extLst>
        </xdr:cNvPr>
        <xdr:cNvSpPr txBox="1"/>
      </xdr:nvSpPr>
      <xdr:spPr>
        <a:xfrm>
          <a:off x="22212300" y="667843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a:extLst>
            <a:ext uri="{FF2B5EF4-FFF2-40B4-BE49-F238E27FC236}">
              <a16:creationId xmlns:a16="http://schemas.microsoft.com/office/drawing/2014/main" id="{00000000-0008-0000-0700-000006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a:extLst>
            <a:ext uri="{FF2B5EF4-FFF2-40B4-BE49-F238E27FC236}">
              <a16:creationId xmlns:a16="http://schemas.microsoft.com/office/drawing/2014/main" id="{00000000-0008-0000-0700-000007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a:extLst>
            <a:ext uri="{FF2B5EF4-FFF2-40B4-BE49-F238E27FC236}">
              <a16:creationId xmlns:a16="http://schemas.microsoft.com/office/drawing/2014/main" id="{00000000-0008-0000-0700-00000E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a:extLst>
            <a:ext uri="{FF2B5EF4-FFF2-40B4-BE49-F238E27FC236}">
              <a16:creationId xmlns:a16="http://schemas.microsoft.com/office/drawing/2014/main" id="{00000000-0008-0000-0700-00000F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a:extLst>
            <a:ext uri="{FF2B5EF4-FFF2-40B4-BE49-F238E27FC236}">
              <a16:creationId xmlns:a16="http://schemas.microsoft.com/office/drawing/2014/main" id="{00000000-0008-0000-0700-000010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a:extLst>
            <a:ext uri="{FF2B5EF4-FFF2-40B4-BE49-F238E27FC236}">
              <a16:creationId xmlns:a16="http://schemas.microsoft.com/office/drawing/2014/main" id="{00000000-0008-0000-0700-000011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a:extLst>
            <a:ext uri="{FF2B5EF4-FFF2-40B4-BE49-F238E27FC236}">
              <a16:creationId xmlns:a16="http://schemas.microsoft.com/office/drawing/2014/main" id="{00000000-0008-0000-0700-000014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a:extLst>
            <a:ext uri="{FF2B5EF4-FFF2-40B4-BE49-F238E27FC236}">
              <a16:creationId xmlns:a16="http://schemas.microsoft.com/office/drawing/2014/main" id="{00000000-0008-0000-0700-000016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a:extLst>
            <a:ext uri="{FF2B5EF4-FFF2-40B4-BE49-F238E27FC236}">
              <a16:creationId xmlns:a16="http://schemas.microsoft.com/office/drawing/2014/main" id="{00000000-0008-0000-0700-000018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a:extLst>
            <a:ext uri="{FF2B5EF4-FFF2-40B4-BE49-F238E27FC236}">
              <a16:creationId xmlns:a16="http://schemas.microsoft.com/office/drawing/2014/main" id="{00000000-0008-0000-0700-00001B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a:extLst>
            <a:ext uri="{FF2B5EF4-FFF2-40B4-BE49-F238E27FC236}">
              <a16:creationId xmlns:a16="http://schemas.microsoft.com/office/drawing/2014/main" id="{00000000-0008-0000-0700-00001C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a:extLst>
            <a:ext uri="{FF2B5EF4-FFF2-40B4-BE49-F238E27FC236}">
              <a16:creationId xmlns:a16="http://schemas.microsoft.com/office/drawing/2014/main" id="{00000000-0008-0000-0700-00001D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a:extLst>
            <a:ext uri="{FF2B5EF4-FFF2-40B4-BE49-F238E27FC236}">
              <a16:creationId xmlns:a16="http://schemas.microsoft.com/office/drawing/2014/main" id="{00000000-0008-0000-0700-00001F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a:extLst>
            <a:ext uri="{FF2B5EF4-FFF2-40B4-BE49-F238E27FC236}">
              <a16:creationId xmlns:a16="http://schemas.microsoft.com/office/drawing/2014/main" id="{00000000-0008-0000-0700-000020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a:extLst>
            <a:ext uri="{FF2B5EF4-FFF2-40B4-BE49-F238E27FC236}">
              <a16:creationId xmlns:a16="http://schemas.microsoft.com/office/drawing/2014/main" id="{00000000-0008-0000-0700-000022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a:extLst>
            <a:ext uri="{FF2B5EF4-FFF2-40B4-BE49-F238E27FC236}">
              <a16:creationId xmlns:a16="http://schemas.microsoft.com/office/drawing/2014/main" id="{00000000-0008-0000-0700-000023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a:extLst>
            <a:ext uri="{FF2B5EF4-FFF2-40B4-BE49-F238E27FC236}">
              <a16:creationId xmlns:a16="http://schemas.microsoft.com/office/drawing/2014/main" id="{00000000-0008-0000-0700-000024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id="{00000000-0008-0000-0700-000025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a:extLst>
            <a:ext uri="{FF2B5EF4-FFF2-40B4-BE49-F238E27FC236}">
              <a16:creationId xmlns:a16="http://schemas.microsoft.com/office/drawing/2014/main" id="{00000000-0008-0000-0700-000028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a:extLst>
            <a:ext uri="{FF2B5EF4-FFF2-40B4-BE49-F238E27FC236}">
              <a16:creationId xmlns:a16="http://schemas.microsoft.com/office/drawing/2014/main" id="{00000000-0008-0000-0700-00002D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a:extLst>
            <a:ext uri="{FF2B5EF4-FFF2-40B4-BE49-F238E27FC236}">
              <a16:creationId xmlns:a16="http://schemas.microsoft.com/office/drawing/2014/main" id="{00000000-0008-0000-0700-00002E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a:extLst>
            <a:ext uri="{FF2B5EF4-FFF2-40B4-BE49-F238E27FC236}">
              <a16:creationId xmlns:a16="http://schemas.microsoft.com/office/drawing/2014/main" id="{00000000-0008-0000-0700-000037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a:extLst>
            <a:ext uri="{FF2B5EF4-FFF2-40B4-BE49-F238E27FC236}">
              <a16:creationId xmlns:a16="http://schemas.microsoft.com/office/drawing/2014/main" id="{00000000-0008-0000-0700-000038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総務費は特別定額給付金給付事業費が皆減となったため、前年度と比較して大幅な減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消防費は避難所における感染症対策用の備品購入費の減や防災行政用無線の整備が完了したこと等により減となり、類似団体の平均値とほぼ同水準と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一方で、民生費が住民税非課税世帯等に対する臨時特別給付金給付事業費の増等により、衛生費が新型コロナウイルス感染症ワクチン接種に係る委託料の増等により、それぞれ増加した。</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財政調整基金</a:t>
          </a:r>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財政調整基金残高は、普通交付税や臨時財政対策債の増等により、約５．８億円を積み増しした結果、前年度と比べ２．４９ポイント増加した。</a:t>
          </a:r>
          <a:endParaRPr kumimoji="1" lang="en-US" altLang="ja-JP" sz="1200">
            <a:latin typeface="ＭＳ ゴシック" pitchFamily="49" charset="-128"/>
            <a:ea typeface="ＭＳ ゴシック" pitchFamily="49" charset="-128"/>
          </a:endParaRPr>
        </a:p>
        <a:p>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実質収支額</a:t>
          </a:r>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国の施策実施等による歳出の対予算支出率の伸びを市税の上振れなどによる歳入の対予算収入率の伸びが上回ったことにより、、実質収支額が約１２億円の増、標準財政規模に占める割合では５．６９ポイント増加した。</a:t>
          </a:r>
          <a:endParaRPr kumimoji="1" lang="en-US" altLang="ja-JP" sz="1200">
            <a:latin typeface="ＭＳ ゴシック" pitchFamily="49" charset="-128"/>
            <a:ea typeface="ＭＳ ゴシック" pitchFamily="49" charset="-128"/>
          </a:endParaRPr>
        </a:p>
        <a:p>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実質単年度収支</a:t>
          </a:r>
          <a:r>
            <a:rPr kumimoji="1" lang="en-US" altLang="ja-JP" sz="1200">
              <a:latin typeface="ＭＳ ゴシック" pitchFamily="49" charset="-128"/>
              <a:ea typeface="ＭＳ ゴシック" pitchFamily="49" charset="-128"/>
            </a:rPr>
            <a:t>】</a:t>
          </a:r>
          <a:r>
            <a:rPr kumimoji="1" lang="ja-JP" altLang="en-US" sz="1200">
              <a:latin typeface="ＭＳ ゴシック" pitchFamily="49" charset="-128"/>
              <a:ea typeface="ＭＳ ゴシック" pitchFamily="49" charset="-128"/>
            </a:rPr>
            <a:t>財政調整期金に約５．８億の積立を行った結果、８．２５ポイント増加した。</a:t>
          </a:r>
          <a:endParaRPr kumimoji="1" lang="en-US" altLang="ja-JP" sz="1200">
            <a:latin typeface="ＭＳ ゴシック" pitchFamily="49" charset="-128"/>
            <a:ea typeface="ＭＳ ゴシック" pitchFamily="49" charset="-128"/>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3</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伊勢原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令和３年度決算では、全ての会計において実質収支は黒字となっ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一般会計は、地方税等が減となったものの、普通交付税等の増により、５．６９ポイント増加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公共下水道事業会計は、下水道使用料等の収入の増及び管渠費等の費用の減により、０．０８ポイント増加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介護保険事業特別会計では、介護保険料の増や介護給付費国庫負担金の増等により、０．６３ポイント増加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国民健康保険事業特別会計では、国民健康保険税の減や保険給付費の増等により、０．２３ポイント減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後期高齢者医療事業特別会計では、平成２９年度以降０．０２％前後で推移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用地取得事業特別会計では、歳入歳出が同額であるため、実質収支はない。</a:t>
          </a:r>
          <a:endParaRPr kumimoji="1" lang="en-US" altLang="ja-JP" sz="1400">
            <a:latin typeface="ＭＳ ゴシック" pitchFamily="49" charset="-128"/>
            <a:ea typeface="ＭＳ ゴシック" pitchFamily="49" charset="-128"/>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76" customWidth="1"/>
    <col min="12" max="12" width="2.21875" style="176" customWidth="1"/>
    <col min="13" max="17" width="2.33203125" style="176" customWidth="1"/>
    <col min="18" max="119" width="2.109375" style="176" customWidth="1"/>
    <col min="120" max="16384" width="0" style="176" hidden="1"/>
  </cols>
  <sheetData>
    <row r="1" spans="1:119" ht="33" customHeight="1" x14ac:dyDescent="0.2">
      <c r="B1" s="418" t="s">
        <v>80</v>
      </c>
      <c r="C1" s="418"/>
      <c r="D1" s="418"/>
      <c r="E1" s="418"/>
      <c r="F1" s="418"/>
      <c r="G1" s="418"/>
      <c r="H1" s="418"/>
      <c r="I1" s="418"/>
      <c r="J1" s="418"/>
      <c r="K1" s="418"/>
      <c r="L1" s="418"/>
      <c r="M1" s="418"/>
      <c r="N1" s="418"/>
      <c r="O1" s="418"/>
      <c r="P1" s="418"/>
      <c r="Q1" s="418"/>
      <c r="R1" s="418"/>
      <c r="S1" s="418"/>
      <c r="T1" s="418"/>
      <c r="U1" s="418"/>
      <c r="V1" s="418"/>
      <c r="W1" s="418"/>
      <c r="X1" s="418"/>
      <c r="Y1" s="418"/>
      <c r="Z1" s="418"/>
      <c r="AA1" s="418"/>
      <c r="AB1" s="418"/>
      <c r="AC1" s="418"/>
      <c r="AD1" s="418"/>
      <c r="AE1" s="418"/>
      <c r="AF1" s="418"/>
      <c r="AG1" s="418"/>
      <c r="AH1" s="418"/>
      <c r="AI1" s="418"/>
      <c r="AJ1" s="418"/>
      <c r="AK1" s="418"/>
      <c r="AL1" s="418"/>
      <c r="AM1" s="418"/>
      <c r="AN1" s="418"/>
      <c r="AO1" s="418"/>
      <c r="AP1" s="418"/>
      <c r="AQ1" s="418"/>
      <c r="AR1" s="418"/>
      <c r="AS1" s="418"/>
      <c r="AT1" s="418"/>
      <c r="AU1" s="418"/>
      <c r="AV1" s="418"/>
      <c r="AW1" s="418"/>
      <c r="AX1" s="418"/>
      <c r="AY1" s="418"/>
      <c r="AZ1" s="418"/>
      <c r="BA1" s="418"/>
      <c r="BB1" s="418"/>
      <c r="BC1" s="418"/>
      <c r="BD1" s="418"/>
      <c r="BE1" s="418"/>
      <c r="BF1" s="418"/>
      <c r="BG1" s="418"/>
      <c r="BH1" s="418"/>
      <c r="BI1" s="418"/>
      <c r="BJ1" s="418"/>
      <c r="BK1" s="418"/>
      <c r="BL1" s="418"/>
      <c r="BM1" s="418"/>
      <c r="BN1" s="418"/>
      <c r="BO1" s="418"/>
      <c r="BP1" s="418"/>
      <c r="BQ1" s="418"/>
      <c r="BR1" s="418"/>
      <c r="BS1" s="418"/>
      <c r="BT1" s="418"/>
      <c r="BU1" s="418"/>
      <c r="BV1" s="418"/>
      <c r="BW1" s="418"/>
      <c r="BX1" s="418"/>
      <c r="BY1" s="418"/>
      <c r="BZ1" s="418"/>
      <c r="CA1" s="418"/>
      <c r="CB1" s="418"/>
      <c r="CC1" s="418"/>
      <c r="CD1" s="418"/>
      <c r="CE1" s="418"/>
      <c r="CF1" s="418"/>
      <c r="CG1" s="418"/>
      <c r="CH1" s="418"/>
      <c r="CI1" s="418"/>
      <c r="CJ1" s="418"/>
      <c r="CK1" s="418"/>
      <c r="CL1" s="418"/>
      <c r="CM1" s="418"/>
      <c r="CN1" s="418"/>
      <c r="CO1" s="418"/>
      <c r="CP1" s="418"/>
      <c r="CQ1" s="418"/>
      <c r="CR1" s="418"/>
      <c r="CS1" s="418"/>
      <c r="CT1" s="418"/>
      <c r="CU1" s="418"/>
      <c r="CV1" s="418"/>
      <c r="CW1" s="418"/>
      <c r="CX1" s="418"/>
      <c r="CY1" s="418"/>
      <c r="CZ1" s="418"/>
      <c r="DA1" s="418"/>
      <c r="DB1" s="418"/>
      <c r="DC1" s="418"/>
      <c r="DD1" s="418"/>
      <c r="DE1" s="418"/>
      <c r="DF1" s="418"/>
      <c r="DG1" s="418"/>
      <c r="DH1" s="418"/>
      <c r="DI1" s="418"/>
      <c r="DJ1" s="177"/>
      <c r="DK1" s="177"/>
      <c r="DL1" s="177"/>
      <c r="DM1" s="177"/>
      <c r="DN1" s="177"/>
      <c r="DO1" s="177"/>
    </row>
    <row r="2" spans="1:119" ht="24" thickBot="1" x14ac:dyDescent="0.25">
      <c r="B2" s="178" t="s">
        <v>81</v>
      </c>
      <c r="C2" s="178"/>
      <c r="D2" s="179"/>
    </row>
    <row r="3" spans="1:119" ht="18.75" customHeight="1" thickBot="1" x14ac:dyDescent="0.25">
      <c r="A3" s="177"/>
      <c r="B3" s="419" t="s">
        <v>82</v>
      </c>
      <c r="C3" s="420"/>
      <c r="D3" s="420"/>
      <c r="E3" s="421"/>
      <c r="F3" s="421"/>
      <c r="G3" s="421"/>
      <c r="H3" s="421"/>
      <c r="I3" s="421"/>
      <c r="J3" s="421"/>
      <c r="K3" s="421"/>
      <c r="L3" s="421" t="s">
        <v>83</v>
      </c>
      <c r="M3" s="421"/>
      <c r="N3" s="421"/>
      <c r="O3" s="421"/>
      <c r="P3" s="421"/>
      <c r="Q3" s="421"/>
      <c r="R3" s="428"/>
      <c r="S3" s="428"/>
      <c r="T3" s="428"/>
      <c r="U3" s="428"/>
      <c r="V3" s="429"/>
      <c r="W3" s="403" t="s">
        <v>84</v>
      </c>
      <c r="X3" s="404"/>
      <c r="Y3" s="404"/>
      <c r="Z3" s="404"/>
      <c r="AA3" s="404"/>
      <c r="AB3" s="420"/>
      <c r="AC3" s="428" t="s">
        <v>85</v>
      </c>
      <c r="AD3" s="404"/>
      <c r="AE3" s="404"/>
      <c r="AF3" s="404"/>
      <c r="AG3" s="404"/>
      <c r="AH3" s="404"/>
      <c r="AI3" s="404"/>
      <c r="AJ3" s="404"/>
      <c r="AK3" s="404"/>
      <c r="AL3" s="405"/>
      <c r="AM3" s="403" t="s">
        <v>86</v>
      </c>
      <c r="AN3" s="404"/>
      <c r="AO3" s="404"/>
      <c r="AP3" s="404"/>
      <c r="AQ3" s="404"/>
      <c r="AR3" s="404"/>
      <c r="AS3" s="404"/>
      <c r="AT3" s="404"/>
      <c r="AU3" s="404"/>
      <c r="AV3" s="404"/>
      <c r="AW3" s="404"/>
      <c r="AX3" s="405"/>
      <c r="AY3" s="440" t="s">
        <v>1</v>
      </c>
      <c r="AZ3" s="441"/>
      <c r="BA3" s="441"/>
      <c r="BB3" s="441"/>
      <c r="BC3" s="441"/>
      <c r="BD3" s="441"/>
      <c r="BE3" s="441"/>
      <c r="BF3" s="441"/>
      <c r="BG3" s="441"/>
      <c r="BH3" s="441"/>
      <c r="BI3" s="441"/>
      <c r="BJ3" s="441"/>
      <c r="BK3" s="441"/>
      <c r="BL3" s="441"/>
      <c r="BM3" s="442"/>
      <c r="BN3" s="403" t="s">
        <v>87</v>
      </c>
      <c r="BO3" s="404"/>
      <c r="BP3" s="404"/>
      <c r="BQ3" s="404"/>
      <c r="BR3" s="404"/>
      <c r="BS3" s="404"/>
      <c r="BT3" s="404"/>
      <c r="BU3" s="405"/>
      <c r="BV3" s="403" t="s">
        <v>88</v>
      </c>
      <c r="BW3" s="404"/>
      <c r="BX3" s="404"/>
      <c r="BY3" s="404"/>
      <c r="BZ3" s="404"/>
      <c r="CA3" s="404"/>
      <c r="CB3" s="404"/>
      <c r="CC3" s="405"/>
      <c r="CD3" s="440" t="s">
        <v>1</v>
      </c>
      <c r="CE3" s="441"/>
      <c r="CF3" s="441"/>
      <c r="CG3" s="441"/>
      <c r="CH3" s="441"/>
      <c r="CI3" s="441"/>
      <c r="CJ3" s="441"/>
      <c r="CK3" s="441"/>
      <c r="CL3" s="441"/>
      <c r="CM3" s="441"/>
      <c r="CN3" s="441"/>
      <c r="CO3" s="441"/>
      <c r="CP3" s="441"/>
      <c r="CQ3" s="441"/>
      <c r="CR3" s="441"/>
      <c r="CS3" s="442"/>
      <c r="CT3" s="403" t="s">
        <v>89</v>
      </c>
      <c r="CU3" s="404"/>
      <c r="CV3" s="404"/>
      <c r="CW3" s="404"/>
      <c r="CX3" s="404"/>
      <c r="CY3" s="404"/>
      <c r="CZ3" s="404"/>
      <c r="DA3" s="405"/>
      <c r="DB3" s="403" t="s">
        <v>90</v>
      </c>
      <c r="DC3" s="404"/>
      <c r="DD3" s="404"/>
      <c r="DE3" s="404"/>
      <c r="DF3" s="404"/>
      <c r="DG3" s="404"/>
      <c r="DH3" s="404"/>
      <c r="DI3" s="405"/>
    </row>
    <row r="4" spans="1:119" ht="18.75" customHeight="1" x14ac:dyDescent="0.2">
      <c r="A4" s="177"/>
      <c r="B4" s="422"/>
      <c r="C4" s="423"/>
      <c r="D4" s="423"/>
      <c r="E4" s="424"/>
      <c r="F4" s="424"/>
      <c r="G4" s="424"/>
      <c r="H4" s="424"/>
      <c r="I4" s="424"/>
      <c r="J4" s="424"/>
      <c r="K4" s="424"/>
      <c r="L4" s="424"/>
      <c r="M4" s="424"/>
      <c r="N4" s="424"/>
      <c r="O4" s="424"/>
      <c r="P4" s="424"/>
      <c r="Q4" s="424"/>
      <c r="R4" s="430"/>
      <c r="S4" s="430"/>
      <c r="T4" s="430"/>
      <c r="U4" s="430"/>
      <c r="V4" s="431"/>
      <c r="W4" s="434"/>
      <c r="X4" s="435"/>
      <c r="Y4" s="435"/>
      <c r="Z4" s="435"/>
      <c r="AA4" s="435"/>
      <c r="AB4" s="423"/>
      <c r="AC4" s="430"/>
      <c r="AD4" s="435"/>
      <c r="AE4" s="435"/>
      <c r="AF4" s="435"/>
      <c r="AG4" s="435"/>
      <c r="AH4" s="435"/>
      <c r="AI4" s="435"/>
      <c r="AJ4" s="435"/>
      <c r="AK4" s="435"/>
      <c r="AL4" s="438"/>
      <c r="AM4" s="436"/>
      <c r="AN4" s="437"/>
      <c r="AO4" s="437"/>
      <c r="AP4" s="437"/>
      <c r="AQ4" s="437"/>
      <c r="AR4" s="437"/>
      <c r="AS4" s="437"/>
      <c r="AT4" s="437"/>
      <c r="AU4" s="437"/>
      <c r="AV4" s="437"/>
      <c r="AW4" s="437"/>
      <c r="AX4" s="439"/>
      <c r="AY4" s="406" t="s">
        <v>91</v>
      </c>
      <c r="AZ4" s="407"/>
      <c r="BA4" s="407"/>
      <c r="BB4" s="407"/>
      <c r="BC4" s="407"/>
      <c r="BD4" s="407"/>
      <c r="BE4" s="407"/>
      <c r="BF4" s="407"/>
      <c r="BG4" s="407"/>
      <c r="BH4" s="407"/>
      <c r="BI4" s="407"/>
      <c r="BJ4" s="407"/>
      <c r="BK4" s="407"/>
      <c r="BL4" s="407"/>
      <c r="BM4" s="408"/>
      <c r="BN4" s="409">
        <v>38593373</v>
      </c>
      <c r="BO4" s="410"/>
      <c r="BP4" s="410"/>
      <c r="BQ4" s="410"/>
      <c r="BR4" s="410"/>
      <c r="BS4" s="410"/>
      <c r="BT4" s="410"/>
      <c r="BU4" s="411"/>
      <c r="BV4" s="409">
        <v>45221064</v>
      </c>
      <c r="BW4" s="410"/>
      <c r="BX4" s="410"/>
      <c r="BY4" s="410"/>
      <c r="BZ4" s="410"/>
      <c r="CA4" s="410"/>
      <c r="CB4" s="410"/>
      <c r="CC4" s="411"/>
      <c r="CD4" s="412" t="s">
        <v>92</v>
      </c>
      <c r="CE4" s="413"/>
      <c r="CF4" s="413"/>
      <c r="CG4" s="413"/>
      <c r="CH4" s="413"/>
      <c r="CI4" s="413"/>
      <c r="CJ4" s="413"/>
      <c r="CK4" s="413"/>
      <c r="CL4" s="413"/>
      <c r="CM4" s="413"/>
      <c r="CN4" s="413"/>
      <c r="CO4" s="413"/>
      <c r="CP4" s="413"/>
      <c r="CQ4" s="413"/>
      <c r="CR4" s="413"/>
      <c r="CS4" s="414"/>
      <c r="CT4" s="415">
        <v>11.7</v>
      </c>
      <c r="CU4" s="416"/>
      <c r="CV4" s="416"/>
      <c r="CW4" s="416"/>
      <c r="CX4" s="416"/>
      <c r="CY4" s="416"/>
      <c r="CZ4" s="416"/>
      <c r="DA4" s="417"/>
      <c r="DB4" s="415">
        <v>6</v>
      </c>
      <c r="DC4" s="416"/>
      <c r="DD4" s="416"/>
      <c r="DE4" s="416"/>
      <c r="DF4" s="416"/>
      <c r="DG4" s="416"/>
      <c r="DH4" s="416"/>
      <c r="DI4" s="417"/>
    </row>
    <row r="5" spans="1:119" ht="18.75" customHeight="1" x14ac:dyDescent="0.2">
      <c r="A5" s="177"/>
      <c r="B5" s="425"/>
      <c r="C5" s="426"/>
      <c r="D5" s="426"/>
      <c r="E5" s="427"/>
      <c r="F5" s="427"/>
      <c r="G5" s="427"/>
      <c r="H5" s="427"/>
      <c r="I5" s="427"/>
      <c r="J5" s="427"/>
      <c r="K5" s="427"/>
      <c r="L5" s="427"/>
      <c r="M5" s="427"/>
      <c r="N5" s="427"/>
      <c r="O5" s="427"/>
      <c r="P5" s="427"/>
      <c r="Q5" s="427"/>
      <c r="R5" s="432"/>
      <c r="S5" s="432"/>
      <c r="T5" s="432"/>
      <c r="U5" s="432"/>
      <c r="V5" s="433"/>
      <c r="W5" s="436"/>
      <c r="X5" s="437"/>
      <c r="Y5" s="437"/>
      <c r="Z5" s="437"/>
      <c r="AA5" s="437"/>
      <c r="AB5" s="426"/>
      <c r="AC5" s="432"/>
      <c r="AD5" s="437"/>
      <c r="AE5" s="437"/>
      <c r="AF5" s="437"/>
      <c r="AG5" s="437"/>
      <c r="AH5" s="437"/>
      <c r="AI5" s="437"/>
      <c r="AJ5" s="437"/>
      <c r="AK5" s="437"/>
      <c r="AL5" s="439"/>
      <c r="AM5" s="475" t="s">
        <v>93</v>
      </c>
      <c r="AN5" s="476"/>
      <c r="AO5" s="476"/>
      <c r="AP5" s="476"/>
      <c r="AQ5" s="476"/>
      <c r="AR5" s="476"/>
      <c r="AS5" s="476"/>
      <c r="AT5" s="477"/>
      <c r="AU5" s="478" t="s">
        <v>94</v>
      </c>
      <c r="AV5" s="479"/>
      <c r="AW5" s="479"/>
      <c r="AX5" s="479"/>
      <c r="AY5" s="480" t="s">
        <v>95</v>
      </c>
      <c r="AZ5" s="481"/>
      <c r="BA5" s="481"/>
      <c r="BB5" s="481"/>
      <c r="BC5" s="481"/>
      <c r="BD5" s="481"/>
      <c r="BE5" s="481"/>
      <c r="BF5" s="481"/>
      <c r="BG5" s="481"/>
      <c r="BH5" s="481"/>
      <c r="BI5" s="481"/>
      <c r="BJ5" s="481"/>
      <c r="BK5" s="481"/>
      <c r="BL5" s="481"/>
      <c r="BM5" s="482"/>
      <c r="BN5" s="446">
        <v>36101492</v>
      </c>
      <c r="BO5" s="447"/>
      <c r="BP5" s="447"/>
      <c r="BQ5" s="447"/>
      <c r="BR5" s="447"/>
      <c r="BS5" s="447"/>
      <c r="BT5" s="447"/>
      <c r="BU5" s="448"/>
      <c r="BV5" s="446">
        <v>44011758</v>
      </c>
      <c r="BW5" s="447"/>
      <c r="BX5" s="447"/>
      <c r="BY5" s="447"/>
      <c r="BZ5" s="447"/>
      <c r="CA5" s="447"/>
      <c r="CB5" s="447"/>
      <c r="CC5" s="448"/>
      <c r="CD5" s="449" t="s">
        <v>96</v>
      </c>
      <c r="CE5" s="450"/>
      <c r="CF5" s="450"/>
      <c r="CG5" s="450"/>
      <c r="CH5" s="450"/>
      <c r="CI5" s="450"/>
      <c r="CJ5" s="450"/>
      <c r="CK5" s="450"/>
      <c r="CL5" s="450"/>
      <c r="CM5" s="450"/>
      <c r="CN5" s="450"/>
      <c r="CO5" s="450"/>
      <c r="CP5" s="450"/>
      <c r="CQ5" s="450"/>
      <c r="CR5" s="450"/>
      <c r="CS5" s="451"/>
      <c r="CT5" s="443">
        <v>91.3</v>
      </c>
      <c r="CU5" s="444"/>
      <c r="CV5" s="444"/>
      <c r="CW5" s="444"/>
      <c r="CX5" s="444"/>
      <c r="CY5" s="444"/>
      <c r="CZ5" s="444"/>
      <c r="DA5" s="445"/>
      <c r="DB5" s="443">
        <v>98.4</v>
      </c>
      <c r="DC5" s="444"/>
      <c r="DD5" s="444"/>
      <c r="DE5" s="444"/>
      <c r="DF5" s="444"/>
      <c r="DG5" s="444"/>
      <c r="DH5" s="444"/>
      <c r="DI5" s="445"/>
    </row>
    <row r="6" spans="1:119" ht="18.75" customHeight="1" x14ac:dyDescent="0.2">
      <c r="A6" s="177"/>
      <c r="B6" s="452" t="s">
        <v>97</v>
      </c>
      <c r="C6" s="453"/>
      <c r="D6" s="453"/>
      <c r="E6" s="454"/>
      <c r="F6" s="454"/>
      <c r="G6" s="454"/>
      <c r="H6" s="454"/>
      <c r="I6" s="454"/>
      <c r="J6" s="454"/>
      <c r="K6" s="454"/>
      <c r="L6" s="454" t="s">
        <v>98</v>
      </c>
      <c r="M6" s="454"/>
      <c r="N6" s="454"/>
      <c r="O6" s="454"/>
      <c r="P6" s="454"/>
      <c r="Q6" s="454"/>
      <c r="R6" s="458"/>
      <c r="S6" s="458"/>
      <c r="T6" s="458"/>
      <c r="U6" s="458"/>
      <c r="V6" s="459"/>
      <c r="W6" s="462" t="s">
        <v>99</v>
      </c>
      <c r="X6" s="463"/>
      <c r="Y6" s="463"/>
      <c r="Z6" s="463"/>
      <c r="AA6" s="463"/>
      <c r="AB6" s="453"/>
      <c r="AC6" s="466" t="s">
        <v>100</v>
      </c>
      <c r="AD6" s="467"/>
      <c r="AE6" s="467"/>
      <c r="AF6" s="467"/>
      <c r="AG6" s="467"/>
      <c r="AH6" s="467"/>
      <c r="AI6" s="467"/>
      <c r="AJ6" s="467"/>
      <c r="AK6" s="467"/>
      <c r="AL6" s="468"/>
      <c r="AM6" s="475" t="s">
        <v>101</v>
      </c>
      <c r="AN6" s="476"/>
      <c r="AO6" s="476"/>
      <c r="AP6" s="476"/>
      <c r="AQ6" s="476"/>
      <c r="AR6" s="476"/>
      <c r="AS6" s="476"/>
      <c r="AT6" s="477"/>
      <c r="AU6" s="478" t="s">
        <v>94</v>
      </c>
      <c r="AV6" s="479"/>
      <c r="AW6" s="479"/>
      <c r="AX6" s="479"/>
      <c r="AY6" s="480" t="s">
        <v>102</v>
      </c>
      <c r="AZ6" s="481"/>
      <c r="BA6" s="481"/>
      <c r="BB6" s="481"/>
      <c r="BC6" s="481"/>
      <c r="BD6" s="481"/>
      <c r="BE6" s="481"/>
      <c r="BF6" s="481"/>
      <c r="BG6" s="481"/>
      <c r="BH6" s="481"/>
      <c r="BI6" s="481"/>
      <c r="BJ6" s="481"/>
      <c r="BK6" s="481"/>
      <c r="BL6" s="481"/>
      <c r="BM6" s="482"/>
      <c r="BN6" s="446">
        <v>2491881</v>
      </c>
      <c r="BO6" s="447"/>
      <c r="BP6" s="447"/>
      <c r="BQ6" s="447"/>
      <c r="BR6" s="447"/>
      <c r="BS6" s="447"/>
      <c r="BT6" s="447"/>
      <c r="BU6" s="448"/>
      <c r="BV6" s="446">
        <v>1209306</v>
      </c>
      <c r="BW6" s="447"/>
      <c r="BX6" s="447"/>
      <c r="BY6" s="447"/>
      <c r="BZ6" s="447"/>
      <c r="CA6" s="447"/>
      <c r="CB6" s="447"/>
      <c r="CC6" s="448"/>
      <c r="CD6" s="449" t="s">
        <v>103</v>
      </c>
      <c r="CE6" s="450"/>
      <c r="CF6" s="450"/>
      <c r="CG6" s="450"/>
      <c r="CH6" s="450"/>
      <c r="CI6" s="450"/>
      <c r="CJ6" s="450"/>
      <c r="CK6" s="450"/>
      <c r="CL6" s="450"/>
      <c r="CM6" s="450"/>
      <c r="CN6" s="450"/>
      <c r="CO6" s="450"/>
      <c r="CP6" s="450"/>
      <c r="CQ6" s="450"/>
      <c r="CR6" s="450"/>
      <c r="CS6" s="451"/>
      <c r="CT6" s="483">
        <v>96.6</v>
      </c>
      <c r="CU6" s="484"/>
      <c r="CV6" s="484"/>
      <c r="CW6" s="484"/>
      <c r="CX6" s="484"/>
      <c r="CY6" s="484"/>
      <c r="CZ6" s="484"/>
      <c r="DA6" s="485"/>
      <c r="DB6" s="483">
        <v>101.7</v>
      </c>
      <c r="DC6" s="484"/>
      <c r="DD6" s="484"/>
      <c r="DE6" s="484"/>
      <c r="DF6" s="484"/>
      <c r="DG6" s="484"/>
      <c r="DH6" s="484"/>
      <c r="DI6" s="485"/>
    </row>
    <row r="7" spans="1:119" ht="18.75" customHeight="1" x14ac:dyDescent="0.2">
      <c r="A7" s="177"/>
      <c r="B7" s="422"/>
      <c r="C7" s="423"/>
      <c r="D7" s="423"/>
      <c r="E7" s="424"/>
      <c r="F7" s="424"/>
      <c r="G7" s="424"/>
      <c r="H7" s="424"/>
      <c r="I7" s="424"/>
      <c r="J7" s="424"/>
      <c r="K7" s="424"/>
      <c r="L7" s="424"/>
      <c r="M7" s="424"/>
      <c r="N7" s="424"/>
      <c r="O7" s="424"/>
      <c r="P7" s="424"/>
      <c r="Q7" s="424"/>
      <c r="R7" s="430"/>
      <c r="S7" s="430"/>
      <c r="T7" s="430"/>
      <c r="U7" s="430"/>
      <c r="V7" s="431"/>
      <c r="W7" s="434"/>
      <c r="X7" s="435"/>
      <c r="Y7" s="435"/>
      <c r="Z7" s="435"/>
      <c r="AA7" s="435"/>
      <c r="AB7" s="423"/>
      <c r="AC7" s="469"/>
      <c r="AD7" s="470"/>
      <c r="AE7" s="470"/>
      <c r="AF7" s="470"/>
      <c r="AG7" s="470"/>
      <c r="AH7" s="470"/>
      <c r="AI7" s="470"/>
      <c r="AJ7" s="470"/>
      <c r="AK7" s="470"/>
      <c r="AL7" s="471"/>
      <c r="AM7" s="475" t="s">
        <v>104</v>
      </c>
      <c r="AN7" s="476"/>
      <c r="AO7" s="476"/>
      <c r="AP7" s="476"/>
      <c r="AQ7" s="476"/>
      <c r="AR7" s="476"/>
      <c r="AS7" s="476"/>
      <c r="AT7" s="477"/>
      <c r="AU7" s="478" t="s">
        <v>105</v>
      </c>
      <c r="AV7" s="479"/>
      <c r="AW7" s="479"/>
      <c r="AX7" s="479"/>
      <c r="AY7" s="480" t="s">
        <v>106</v>
      </c>
      <c r="AZ7" s="481"/>
      <c r="BA7" s="481"/>
      <c r="BB7" s="481"/>
      <c r="BC7" s="481"/>
      <c r="BD7" s="481"/>
      <c r="BE7" s="481"/>
      <c r="BF7" s="481"/>
      <c r="BG7" s="481"/>
      <c r="BH7" s="481"/>
      <c r="BI7" s="481"/>
      <c r="BJ7" s="481"/>
      <c r="BK7" s="481"/>
      <c r="BL7" s="481"/>
      <c r="BM7" s="482"/>
      <c r="BN7" s="446">
        <v>51584</v>
      </c>
      <c r="BO7" s="447"/>
      <c r="BP7" s="447"/>
      <c r="BQ7" s="447"/>
      <c r="BR7" s="447"/>
      <c r="BS7" s="447"/>
      <c r="BT7" s="447"/>
      <c r="BU7" s="448"/>
      <c r="BV7" s="446">
        <v>22894</v>
      </c>
      <c r="BW7" s="447"/>
      <c r="BX7" s="447"/>
      <c r="BY7" s="447"/>
      <c r="BZ7" s="447"/>
      <c r="CA7" s="447"/>
      <c r="CB7" s="447"/>
      <c r="CC7" s="448"/>
      <c r="CD7" s="449" t="s">
        <v>107</v>
      </c>
      <c r="CE7" s="450"/>
      <c r="CF7" s="450"/>
      <c r="CG7" s="450"/>
      <c r="CH7" s="450"/>
      <c r="CI7" s="450"/>
      <c r="CJ7" s="450"/>
      <c r="CK7" s="450"/>
      <c r="CL7" s="450"/>
      <c r="CM7" s="450"/>
      <c r="CN7" s="450"/>
      <c r="CO7" s="450"/>
      <c r="CP7" s="450"/>
      <c r="CQ7" s="450"/>
      <c r="CR7" s="450"/>
      <c r="CS7" s="451"/>
      <c r="CT7" s="446">
        <v>20871660</v>
      </c>
      <c r="CU7" s="447"/>
      <c r="CV7" s="447"/>
      <c r="CW7" s="447"/>
      <c r="CX7" s="447"/>
      <c r="CY7" s="447"/>
      <c r="CZ7" s="447"/>
      <c r="DA7" s="448"/>
      <c r="DB7" s="446">
        <v>19761297</v>
      </c>
      <c r="DC7" s="447"/>
      <c r="DD7" s="447"/>
      <c r="DE7" s="447"/>
      <c r="DF7" s="447"/>
      <c r="DG7" s="447"/>
      <c r="DH7" s="447"/>
      <c r="DI7" s="448"/>
    </row>
    <row r="8" spans="1:119" ht="18.75" customHeight="1" thickBot="1" x14ac:dyDescent="0.25">
      <c r="A8" s="177"/>
      <c r="B8" s="455"/>
      <c r="C8" s="456"/>
      <c r="D8" s="456"/>
      <c r="E8" s="457"/>
      <c r="F8" s="457"/>
      <c r="G8" s="457"/>
      <c r="H8" s="457"/>
      <c r="I8" s="457"/>
      <c r="J8" s="457"/>
      <c r="K8" s="457"/>
      <c r="L8" s="457"/>
      <c r="M8" s="457"/>
      <c r="N8" s="457"/>
      <c r="O8" s="457"/>
      <c r="P8" s="457"/>
      <c r="Q8" s="457"/>
      <c r="R8" s="460"/>
      <c r="S8" s="460"/>
      <c r="T8" s="460"/>
      <c r="U8" s="460"/>
      <c r="V8" s="461"/>
      <c r="W8" s="464"/>
      <c r="X8" s="465"/>
      <c r="Y8" s="465"/>
      <c r="Z8" s="465"/>
      <c r="AA8" s="465"/>
      <c r="AB8" s="456"/>
      <c r="AC8" s="472"/>
      <c r="AD8" s="473"/>
      <c r="AE8" s="473"/>
      <c r="AF8" s="473"/>
      <c r="AG8" s="473"/>
      <c r="AH8" s="473"/>
      <c r="AI8" s="473"/>
      <c r="AJ8" s="473"/>
      <c r="AK8" s="473"/>
      <c r="AL8" s="474"/>
      <c r="AM8" s="475" t="s">
        <v>108</v>
      </c>
      <c r="AN8" s="476"/>
      <c r="AO8" s="476"/>
      <c r="AP8" s="476"/>
      <c r="AQ8" s="476"/>
      <c r="AR8" s="476"/>
      <c r="AS8" s="476"/>
      <c r="AT8" s="477"/>
      <c r="AU8" s="478" t="s">
        <v>94</v>
      </c>
      <c r="AV8" s="479"/>
      <c r="AW8" s="479"/>
      <c r="AX8" s="479"/>
      <c r="AY8" s="480" t="s">
        <v>109</v>
      </c>
      <c r="AZ8" s="481"/>
      <c r="BA8" s="481"/>
      <c r="BB8" s="481"/>
      <c r="BC8" s="481"/>
      <c r="BD8" s="481"/>
      <c r="BE8" s="481"/>
      <c r="BF8" s="481"/>
      <c r="BG8" s="481"/>
      <c r="BH8" s="481"/>
      <c r="BI8" s="481"/>
      <c r="BJ8" s="481"/>
      <c r="BK8" s="481"/>
      <c r="BL8" s="481"/>
      <c r="BM8" s="482"/>
      <c r="BN8" s="446">
        <v>2440297</v>
      </c>
      <c r="BO8" s="447"/>
      <c r="BP8" s="447"/>
      <c r="BQ8" s="447"/>
      <c r="BR8" s="447"/>
      <c r="BS8" s="447"/>
      <c r="BT8" s="447"/>
      <c r="BU8" s="448"/>
      <c r="BV8" s="446">
        <v>1186412</v>
      </c>
      <c r="BW8" s="447"/>
      <c r="BX8" s="447"/>
      <c r="BY8" s="447"/>
      <c r="BZ8" s="447"/>
      <c r="CA8" s="447"/>
      <c r="CB8" s="447"/>
      <c r="CC8" s="448"/>
      <c r="CD8" s="449" t="s">
        <v>110</v>
      </c>
      <c r="CE8" s="450"/>
      <c r="CF8" s="450"/>
      <c r="CG8" s="450"/>
      <c r="CH8" s="450"/>
      <c r="CI8" s="450"/>
      <c r="CJ8" s="450"/>
      <c r="CK8" s="450"/>
      <c r="CL8" s="450"/>
      <c r="CM8" s="450"/>
      <c r="CN8" s="450"/>
      <c r="CO8" s="450"/>
      <c r="CP8" s="450"/>
      <c r="CQ8" s="450"/>
      <c r="CR8" s="450"/>
      <c r="CS8" s="451"/>
      <c r="CT8" s="486">
        <v>0.95</v>
      </c>
      <c r="CU8" s="487"/>
      <c r="CV8" s="487"/>
      <c r="CW8" s="487"/>
      <c r="CX8" s="487"/>
      <c r="CY8" s="487"/>
      <c r="CZ8" s="487"/>
      <c r="DA8" s="488"/>
      <c r="DB8" s="486">
        <v>0.98</v>
      </c>
      <c r="DC8" s="487"/>
      <c r="DD8" s="487"/>
      <c r="DE8" s="487"/>
      <c r="DF8" s="487"/>
      <c r="DG8" s="487"/>
      <c r="DH8" s="487"/>
      <c r="DI8" s="488"/>
    </row>
    <row r="9" spans="1:119" ht="18.75" customHeight="1" thickBot="1" x14ac:dyDescent="0.25">
      <c r="A9" s="177"/>
      <c r="B9" s="440" t="s">
        <v>111</v>
      </c>
      <c r="C9" s="441"/>
      <c r="D9" s="441"/>
      <c r="E9" s="441"/>
      <c r="F9" s="441"/>
      <c r="G9" s="441"/>
      <c r="H9" s="441"/>
      <c r="I9" s="441"/>
      <c r="J9" s="441"/>
      <c r="K9" s="489"/>
      <c r="L9" s="490" t="s">
        <v>112</v>
      </c>
      <c r="M9" s="491"/>
      <c r="N9" s="491"/>
      <c r="O9" s="491"/>
      <c r="P9" s="491"/>
      <c r="Q9" s="492"/>
      <c r="R9" s="493">
        <v>101780</v>
      </c>
      <c r="S9" s="494"/>
      <c r="T9" s="494"/>
      <c r="U9" s="494"/>
      <c r="V9" s="495"/>
      <c r="W9" s="403" t="s">
        <v>113</v>
      </c>
      <c r="X9" s="404"/>
      <c r="Y9" s="404"/>
      <c r="Z9" s="404"/>
      <c r="AA9" s="404"/>
      <c r="AB9" s="404"/>
      <c r="AC9" s="404"/>
      <c r="AD9" s="404"/>
      <c r="AE9" s="404"/>
      <c r="AF9" s="404"/>
      <c r="AG9" s="404"/>
      <c r="AH9" s="404"/>
      <c r="AI9" s="404"/>
      <c r="AJ9" s="404"/>
      <c r="AK9" s="404"/>
      <c r="AL9" s="405"/>
      <c r="AM9" s="475" t="s">
        <v>114</v>
      </c>
      <c r="AN9" s="476"/>
      <c r="AO9" s="476"/>
      <c r="AP9" s="476"/>
      <c r="AQ9" s="476"/>
      <c r="AR9" s="476"/>
      <c r="AS9" s="476"/>
      <c r="AT9" s="477"/>
      <c r="AU9" s="478" t="s">
        <v>94</v>
      </c>
      <c r="AV9" s="479"/>
      <c r="AW9" s="479"/>
      <c r="AX9" s="479"/>
      <c r="AY9" s="480" t="s">
        <v>115</v>
      </c>
      <c r="AZ9" s="481"/>
      <c r="BA9" s="481"/>
      <c r="BB9" s="481"/>
      <c r="BC9" s="481"/>
      <c r="BD9" s="481"/>
      <c r="BE9" s="481"/>
      <c r="BF9" s="481"/>
      <c r="BG9" s="481"/>
      <c r="BH9" s="481"/>
      <c r="BI9" s="481"/>
      <c r="BJ9" s="481"/>
      <c r="BK9" s="481"/>
      <c r="BL9" s="481"/>
      <c r="BM9" s="482"/>
      <c r="BN9" s="446">
        <v>1253885</v>
      </c>
      <c r="BO9" s="447"/>
      <c r="BP9" s="447"/>
      <c r="BQ9" s="447"/>
      <c r="BR9" s="447"/>
      <c r="BS9" s="447"/>
      <c r="BT9" s="447"/>
      <c r="BU9" s="448"/>
      <c r="BV9" s="446">
        <v>502471</v>
      </c>
      <c r="BW9" s="447"/>
      <c r="BX9" s="447"/>
      <c r="BY9" s="447"/>
      <c r="BZ9" s="447"/>
      <c r="CA9" s="447"/>
      <c r="CB9" s="447"/>
      <c r="CC9" s="448"/>
      <c r="CD9" s="449" t="s">
        <v>116</v>
      </c>
      <c r="CE9" s="450"/>
      <c r="CF9" s="450"/>
      <c r="CG9" s="450"/>
      <c r="CH9" s="450"/>
      <c r="CI9" s="450"/>
      <c r="CJ9" s="450"/>
      <c r="CK9" s="450"/>
      <c r="CL9" s="450"/>
      <c r="CM9" s="450"/>
      <c r="CN9" s="450"/>
      <c r="CO9" s="450"/>
      <c r="CP9" s="450"/>
      <c r="CQ9" s="450"/>
      <c r="CR9" s="450"/>
      <c r="CS9" s="451"/>
      <c r="CT9" s="443">
        <v>11.3</v>
      </c>
      <c r="CU9" s="444"/>
      <c r="CV9" s="444"/>
      <c r="CW9" s="444"/>
      <c r="CX9" s="444"/>
      <c r="CY9" s="444"/>
      <c r="CZ9" s="444"/>
      <c r="DA9" s="445"/>
      <c r="DB9" s="443">
        <v>11.4</v>
      </c>
      <c r="DC9" s="444"/>
      <c r="DD9" s="444"/>
      <c r="DE9" s="444"/>
      <c r="DF9" s="444"/>
      <c r="DG9" s="444"/>
      <c r="DH9" s="444"/>
      <c r="DI9" s="445"/>
    </row>
    <row r="10" spans="1:119" ht="18.75" customHeight="1" thickBot="1" x14ac:dyDescent="0.25">
      <c r="A10" s="177"/>
      <c r="B10" s="440"/>
      <c r="C10" s="441"/>
      <c r="D10" s="441"/>
      <c r="E10" s="441"/>
      <c r="F10" s="441"/>
      <c r="G10" s="441"/>
      <c r="H10" s="441"/>
      <c r="I10" s="441"/>
      <c r="J10" s="441"/>
      <c r="K10" s="489"/>
      <c r="L10" s="496" t="s">
        <v>117</v>
      </c>
      <c r="M10" s="476"/>
      <c r="N10" s="476"/>
      <c r="O10" s="476"/>
      <c r="P10" s="476"/>
      <c r="Q10" s="477"/>
      <c r="R10" s="497">
        <v>101514</v>
      </c>
      <c r="S10" s="498"/>
      <c r="T10" s="498"/>
      <c r="U10" s="498"/>
      <c r="V10" s="499"/>
      <c r="W10" s="434"/>
      <c r="X10" s="435"/>
      <c r="Y10" s="435"/>
      <c r="Z10" s="435"/>
      <c r="AA10" s="435"/>
      <c r="AB10" s="435"/>
      <c r="AC10" s="435"/>
      <c r="AD10" s="435"/>
      <c r="AE10" s="435"/>
      <c r="AF10" s="435"/>
      <c r="AG10" s="435"/>
      <c r="AH10" s="435"/>
      <c r="AI10" s="435"/>
      <c r="AJ10" s="435"/>
      <c r="AK10" s="435"/>
      <c r="AL10" s="438"/>
      <c r="AM10" s="475" t="s">
        <v>118</v>
      </c>
      <c r="AN10" s="476"/>
      <c r="AO10" s="476"/>
      <c r="AP10" s="476"/>
      <c r="AQ10" s="476"/>
      <c r="AR10" s="476"/>
      <c r="AS10" s="476"/>
      <c r="AT10" s="477"/>
      <c r="AU10" s="478" t="s">
        <v>119</v>
      </c>
      <c r="AV10" s="479"/>
      <c r="AW10" s="479"/>
      <c r="AX10" s="479"/>
      <c r="AY10" s="480" t="s">
        <v>120</v>
      </c>
      <c r="AZ10" s="481"/>
      <c r="BA10" s="481"/>
      <c r="BB10" s="481"/>
      <c r="BC10" s="481"/>
      <c r="BD10" s="481"/>
      <c r="BE10" s="481"/>
      <c r="BF10" s="481"/>
      <c r="BG10" s="481"/>
      <c r="BH10" s="481"/>
      <c r="BI10" s="481"/>
      <c r="BJ10" s="481"/>
      <c r="BK10" s="481"/>
      <c r="BL10" s="481"/>
      <c r="BM10" s="482"/>
      <c r="BN10" s="446">
        <v>583479</v>
      </c>
      <c r="BO10" s="447"/>
      <c r="BP10" s="447"/>
      <c r="BQ10" s="447"/>
      <c r="BR10" s="447"/>
      <c r="BS10" s="447"/>
      <c r="BT10" s="447"/>
      <c r="BU10" s="448"/>
      <c r="BV10" s="446">
        <v>204976</v>
      </c>
      <c r="BW10" s="447"/>
      <c r="BX10" s="447"/>
      <c r="BY10" s="447"/>
      <c r="BZ10" s="447"/>
      <c r="CA10" s="447"/>
      <c r="CB10" s="447"/>
      <c r="CC10" s="448"/>
      <c r="CD10" s="180" t="s">
        <v>121</v>
      </c>
      <c r="CE10" s="181"/>
      <c r="CF10" s="181"/>
      <c r="CG10" s="181"/>
      <c r="CH10" s="181"/>
      <c r="CI10" s="181"/>
      <c r="CJ10" s="181"/>
      <c r="CK10" s="181"/>
      <c r="CL10" s="181"/>
      <c r="CM10" s="181"/>
      <c r="CN10" s="181"/>
      <c r="CO10" s="181"/>
      <c r="CP10" s="181"/>
      <c r="CQ10" s="181"/>
      <c r="CR10" s="181"/>
      <c r="CS10" s="182"/>
      <c r="CT10" s="183"/>
      <c r="CU10" s="184"/>
      <c r="CV10" s="184"/>
      <c r="CW10" s="184"/>
      <c r="CX10" s="184"/>
      <c r="CY10" s="184"/>
      <c r="CZ10" s="184"/>
      <c r="DA10" s="185"/>
      <c r="DB10" s="183"/>
      <c r="DC10" s="184"/>
      <c r="DD10" s="184"/>
      <c r="DE10" s="184"/>
      <c r="DF10" s="184"/>
      <c r="DG10" s="184"/>
      <c r="DH10" s="184"/>
      <c r="DI10" s="185"/>
    </row>
    <row r="11" spans="1:119" ht="18.75" customHeight="1" thickBot="1" x14ac:dyDescent="0.25">
      <c r="A11" s="177"/>
      <c r="B11" s="440"/>
      <c r="C11" s="441"/>
      <c r="D11" s="441"/>
      <c r="E11" s="441"/>
      <c r="F11" s="441"/>
      <c r="G11" s="441"/>
      <c r="H11" s="441"/>
      <c r="I11" s="441"/>
      <c r="J11" s="441"/>
      <c r="K11" s="489"/>
      <c r="L11" s="500" t="s">
        <v>122</v>
      </c>
      <c r="M11" s="501"/>
      <c r="N11" s="501"/>
      <c r="O11" s="501"/>
      <c r="P11" s="501"/>
      <c r="Q11" s="502"/>
      <c r="R11" s="503" t="s">
        <v>123</v>
      </c>
      <c r="S11" s="504"/>
      <c r="T11" s="504"/>
      <c r="U11" s="504"/>
      <c r="V11" s="505"/>
      <c r="W11" s="434"/>
      <c r="X11" s="435"/>
      <c r="Y11" s="435"/>
      <c r="Z11" s="435"/>
      <c r="AA11" s="435"/>
      <c r="AB11" s="435"/>
      <c r="AC11" s="435"/>
      <c r="AD11" s="435"/>
      <c r="AE11" s="435"/>
      <c r="AF11" s="435"/>
      <c r="AG11" s="435"/>
      <c r="AH11" s="435"/>
      <c r="AI11" s="435"/>
      <c r="AJ11" s="435"/>
      <c r="AK11" s="435"/>
      <c r="AL11" s="438"/>
      <c r="AM11" s="475" t="s">
        <v>124</v>
      </c>
      <c r="AN11" s="476"/>
      <c r="AO11" s="476"/>
      <c r="AP11" s="476"/>
      <c r="AQ11" s="476"/>
      <c r="AR11" s="476"/>
      <c r="AS11" s="476"/>
      <c r="AT11" s="477"/>
      <c r="AU11" s="478" t="s">
        <v>94</v>
      </c>
      <c r="AV11" s="479"/>
      <c r="AW11" s="479"/>
      <c r="AX11" s="479"/>
      <c r="AY11" s="480" t="s">
        <v>125</v>
      </c>
      <c r="AZ11" s="481"/>
      <c r="BA11" s="481"/>
      <c r="BB11" s="481"/>
      <c r="BC11" s="481"/>
      <c r="BD11" s="481"/>
      <c r="BE11" s="481"/>
      <c r="BF11" s="481"/>
      <c r="BG11" s="481"/>
      <c r="BH11" s="481"/>
      <c r="BI11" s="481"/>
      <c r="BJ11" s="481"/>
      <c r="BK11" s="481"/>
      <c r="BL11" s="481"/>
      <c r="BM11" s="482"/>
      <c r="BN11" s="446">
        <v>0</v>
      </c>
      <c r="BO11" s="447"/>
      <c r="BP11" s="447"/>
      <c r="BQ11" s="447"/>
      <c r="BR11" s="447"/>
      <c r="BS11" s="447"/>
      <c r="BT11" s="447"/>
      <c r="BU11" s="448"/>
      <c r="BV11" s="446">
        <v>0</v>
      </c>
      <c r="BW11" s="447"/>
      <c r="BX11" s="447"/>
      <c r="BY11" s="447"/>
      <c r="BZ11" s="447"/>
      <c r="CA11" s="447"/>
      <c r="CB11" s="447"/>
      <c r="CC11" s="448"/>
      <c r="CD11" s="449" t="s">
        <v>126</v>
      </c>
      <c r="CE11" s="450"/>
      <c r="CF11" s="450"/>
      <c r="CG11" s="450"/>
      <c r="CH11" s="450"/>
      <c r="CI11" s="450"/>
      <c r="CJ11" s="450"/>
      <c r="CK11" s="450"/>
      <c r="CL11" s="450"/>
      <c r="CM11" s="450"/>
      <c r="CN11" s="450"/>
      <c r="CO11" s="450"/>
      <c r="CP11" s="450"/>
      <c r="CQ11" s="450"/>
      <c r="CR11" s="450"/>
      <c r="CS11" s="451"/>
      <c r="CT11" s="486" t="s">
        <v>127</v>
      </c>
      <c r="CU11" s="487"/>
      <c r="CV11" s="487"/>
      <c r="CW11" s="487"/>
      <c r="CX11" s="487"/>
      <c r="CY11" s="487"/>
      <c r="CZ11" s="487"/>
      <c r="DA11" s="488"/>
      <c r="DB11" s="486" t="s">
        <v>127</v>
      </c>
      <c r="DC11" s="487"/>
      <c r="DD11" s="487"/>
      <c r="DE11" s="487"/>
      <c r="DF11" s="487"/>
      <c r="DG11" s="487"/>
      <c r="DH11" s="487"/>
      <c r="DI11" s="488"/>
    </row>
    <row r="12" spans="1:119" ht="18.75" customHeight="1" x14ac:dyDescent="0.2">
      <c r="A12" s="177"/>
      <c r="B12" s="506" t="s">
        <v>128</v>
      </c>
      <c r="C12" s="507"/>
      <c r="D12" s="507"/>
      <c r="E12" s="507"/>
      <c r="F12" s="507"/>
      <c r="G12" s="507"/>
      <c r="H12" s="507"/>
      <c r="I12" s="507"/>
      <c r="J12" s="507"/>
      <c r="K12" s="508"/>
      <c r="L12" s="515" t="s">
        <v>129</v>
      </c>
      <c r="M12" s="516"/>
      <c r="N12" s="516"/>
      <c r="O12" s="516"/>
      <c r="P12" s="516"/>
      <c r="Q12" s="517"/>
      <c r="R12" s="518">
        <v>99795</v>
      </c>
      <c r="S12" s="519"/>
      <c r="T12" s="519"/>
      <c r="U12" s="519"/>
      <c r="V12" s="520"/>
      <c r="W12" s="521" t="s">
        <v>1</v>
      </c>
      <c r="X12" s="479"/>
      <c r="Y12" s="479"/>
      <c r="Z12" s="479"/>
      <c r="AA12" s="479"/>
      <c r="AB12" s="522"/>
      <c r="AC12" s="523" t="s">
        <v>130</v>
      </c>
      <c r="AD12" s="524"/>
      <c r="AE12" s="524"/>
      <c r="AF12" s="524"/>
      <c r="AG12" s="525"/>
      <c r="AH12" s="523" t="s">
        <v>131</v>
      </c>
      <c r="AI12" s="524"/>
      <c r="AJ12" s="524"/>
      <c r="AK12" s="524"/>
      <c r="AL12" s="526"/>
      <c r="AM12" s="475" t="s">
        <v>132</v>
      </c>
      <c r="AN12" s="476"/>
      <c r="AO12" s="476"/>
      <c r="AP12" s="476"/>
      <c r="AQ12" s="476"/>
      <c r="AR12" s="476"/>
      <c r="AS12" s="476"/>
      <c r="AT12" s="477"/>
      <c r="AU12" s="478" t="s">
        <v>119</v>
      </c>
      <c r="AV12" s="479"/>
      <c r="AW12" s="479"/>
      <c r="AX12" s="479"/>
      <c r="AY12" s="480" t="s">
        <v>133</v>
      </c>
      <c r="AZ12" s="481"/>
      <c r="BA12" s="481"/>
      <c r="BB12" s="481"/>
      <c r="BC12" s="481"/>
      <c r="BD12" s="481"/>
      <c r="BE12" s="481"/>
      <c r="BF12" s="481"/>
      <c r="BG12" s="481"/>
      <c r="BH12" s="481"/>
      <c r="BI12" s="481"/>
      <c r="BJ12" s="481"/>
      <c r="BK12" s="481"/>
      <c r="BL12" s="481"/>
      <c r="BM12" s="482"/>
      <c r="BN12" s="446">
        <v>0</v>
      </c>
      <c r="BO12" s="447"/>
      <c r="BP12" s="447"/>
      <c r="BQ12" s="447"/>
      <c r="BR12" s="447"/>
      <c r="BS12" s="447"/>
      <c r="BT12" s="447"/>
      <c r="BU12" s="448"/>
      <c r="BV12" s="446">
        <v>598510</v>
      </c>
      <c r="BW12" s="447"/>
      <c r="BX12" s="447"/>
      <c r="BY12" s="447"/>
      <c r="BZ12" s="447"/>
      <c r="CA12" s="447"/>
      <c r="CB12" s="447"/>
      <c r="CC12" s="448"/>
      <c r="CD12" s="449" t="s">
        <v>134</v>
      </c>
      <c r="CE12" s="450"/>
      <c r="CF12" s="450"/>
      <c r="CG12" s="450"/>
      <c r="CH12" s="450"/>
      <c r="CI12" s="450"/>
      <c r="CJ12" s="450"/>
      <c r="CK12" s="450"/>
      <c r="CL12" s="450"/>
      <c r="CM12" s="450"/>
      <c r="CN12" s="450"/>
      <c r="CO12" s="450"/>
      <c r="CP12" s="450"/>
      <c r="CQ12" s="450"/>
      <c r="CR12" s="450"/>
      <c r="CS12" s="451"/>
      <c r="CT12" s="486" t="s">
        <v>127</v>
      </c>
      <c r="CU12" s="487"/>
      <c r="CV12" s="487"/>
      <c r="CW12" s="487"/>
      <c r="CX12" s="487"/>
      <c r="CY12" s="487"/>
      <c r="CZ12" s="487"/>
      <c r="DA12" s="488"/>
      <c r="DB12" s="486" t="s">
        <v>127</v>
      </c>
      <c r="DC12" s="487"/>
      <c r="DD12" s="487"/>
      <c r="DE12" s="487"/>
      <c r="DF12" s="487"/>
      <c r="DG12" s="487"/>
      <c r="DH12" s="487"/>
      <c r="DI12" s="488"/>
    </row>
    <row r="13" spans="1:119" ht="18.75" customHeight="1" x14ac:dyDescent="0.2">
      <c r="A13" s="177"/>
      <c r="B13" s="509"/>
      <c r="C13" s="510"/>
      <c r="D13" s="510"/>
      <c r="E13" s="510"/>
      <c r="F13" s="510"/>
      <c r="G13" s="510"/>
      <c r="H13" s="510"/>
      <c r="I13" s="510"/>
      <c r="J13" s="510"/>
      <c r="K13" s="511"/>
      <c r="L13" s="186"/>
      <c r="M13" s="537" t="s">
        <v>135</v>
      </c>
      <c r="N13" s="538"/>
      <c r="O13" s="538"/>
      <c r="P13" s="538"/>
      <c r="Q13" s="539"/>
      <c r="R13" s="530">
        <v>97298</v>
      </c>
      <c r="S13" s="531"/>
      <c r="T13" s="531"/>
      <c r="U13" s="531"/>
      <c r="V13" s="532"/>
      <c r="W13" s="462" t="s">
        <v>136</v>
      </c>
      <c r="X13" s="463"/>
      <c r="Y13" s="463"/>
      <c r="Z13" s="463"/>
      <c r="AA13" s="463"/>
      <c r="AB13" s="453"/>
      <c r="AC13" s="497">
        <v>1025</v>
      </c>
      <c r="AD13" s="498"/>
      <c r="AE13" s="498"/>
      <c r="AF13" s="498"/>
      <c r="AG13" s="540"/>
      <c r="AH13" s="497">
        <v>1134</v>
      </c>
      <c r="AI13" s="498"/>
      <c r="AJ13" s="498"/>
      <c r="AK13" s="498"/>
      <c r="AL13" s="499"/>
      <c r="AM13" s="475" t="s">
        <v>137</v>
      </c>
      <c r="AN13" s="476"/>
      <c r="AO13" s="476"/>
      <c r="AP13" s="476"/>
      <c r="AQ13" s="476"/>
      <c r="AR13" s="476"/>
      <c r="AS13" s="476"/>
      <c r="AT13" s="477"/>
      <c r="AU13" s="478" t="s">
        <v>105</v>
      </c>
      <c r="AV13" s="479"/>
      <c r="AW13" s="479"/>
      <c r="AX13" s="479"/>
      <c r="AY13" s="480" t="s">
        <v>138</v>
      </c>
      <c r="AZ13" s="481"/>
      <c r="BA13" s="481"/>
      <c r="BB13" s="481"/>
      <c r="BC13" s="481"/>
      <c r="BD13" s="481"/>
      <c r="BE13" s="481"/>
      <c r="BF13" s="481"/>
      <c r="BG13" s="481"/>
      <c r="BH13" s="481"/>
      <c r="BI13" s="481"/>
      <c r="BJ13" s="481"/>
      <c r="BK13" s="481"/>
      <c r="BL13" s="481"/>
      <c r="BM13" s="482"/>
      <c r="BN13" s="446">
        <v>1837364</v>
      </c>
      <c r="BO13" s="447"/>
      <c r="BP13" s="447"/>
      <c r="BQ13" s="447"/>
      <c r="BR13" s="447"/>
      <c r="BS13" s="447"/>
      <c r="BT13" s="447"/>
      <c r="BU13" s="448"/>
      <c r="BV13" s="446">
        <v>108937</v>
      </c>
      <c r="BW13" s="447"/>
      <c r="BX13" s="447"/>
      <c r="BY13" s="447"/>
      <c r="BZ13" s="447"/>
      <c r="CA13" s="447"/>
      <c r="CB13" s="447"/>
      <c r="CC13" s="448"/>
      <c r="CD13" s="449" t="s">
        <v>139</v>
      </c>
      <c r="CE13" s="450"/>
      <c r="CF13" s="450"/>
      <c r="CG13" s="450"/>
      <c r="CH13" s="450"/>
      <c r="CI13" s="450"/>
      <c r="CJ13" s="450"/>
      <c r="CK13" s="450"/>
      <c r="CL13" s="450"/>
      <c r="CM13" s="450"/>
      <c r="CN13" s="450"/>
      <c r="CO13" s="450"/>
      <c r="CP13" s="450"/>
      <c r="CQ13" s="450"/>
      <c r="CR13" s="450"/>
      <c r="CS13" s="451"/>
      <c r="CT13" s="443">
        <v>7.5</v>
      </c>
      <c r="CU13" s="444"/>
      <c r="CV13" s="444"/>
      <c r="CW13" s="444"/>
      <c r="CX13" s="444"/>
      <c r="CY13" s="444"/>
      <c r="CZ13" s="444"/>
      <c r="DA13" s="445"/>
      <c r="DB13" s="443">
        <v>7.3</v>
      </c>
      <c r="DC13" s="444"/>
      <c r="DD13" s="444"/>
      <c r="DE13" s="444"/>
      <c r="DF13" s="444"/>
      <c r="DG13" s="444"/>
      <c r="DH13" s="444"/>
      <c r="DI13" s="445"/>
    </row>
    <row r="14" spans="1:119" ht="18.75" customHeight="1" thickBot="1" x14ac:dyDescent="0.25">
      <c r="A14" s="177"/>
      <c r="B14" s="509"/>
      <c r="C14" s="510"/>
      <c r="D14" s="510"/>
      <c r="E14" s="510"/>
      <c r="F14" s="510"/>
      <c r="G14" s="510"/>
      <c r="H14" s="510"/>
      <c r="I14" s="510"/>
      <c r="J14" s="510"/>
      <c r="K14" s="511"/>
      <c r="L14" s="527" t="s">
        <v>140</v>
      </c>
      <c r="M14" s="528"/>
      <c r="N14" s="528"/>
      <c r="O14" s="528"/>
      <c r="P14" s="528"/>
      <c r="Q14" s="529"/>
      <c r="R14" s="530">
        <v>100213</v>
      </c>
      <c r="S14" s="531"/>
      <c r="T14" s="531"/>
      <c r="U14" s="531"/>
      <c r="V14" s="532"/>
      <c r="W14" s="436"/>
      <c r="X14" s="437"/>
      <c r="Y14" s="437"/>
      <c r="Z14" s="437"/>
      <c r="AA14" s="437"/>
      <c r="AB14" s="426"/>
      <c r="AC14" s="533">
        <v>2.2999999999999998</v>
      </c>
      <c r="AD14" s="534"/>
      <c r="AE14" s="534"/>
      <c r="AF14" s="534"/>
      <c r="AG14" s="535"/>
      <c r="AH14" s="533">
        <v>2.5</v>
      </c>
      <c r="AI14" s="534"/>
      <c r="AJ14" s="534"/>
      <c r="AK14" s="534"/>
      <c r="AL14" s="536"/>
      <c r="AM14" s="475"/>
      <c r="AN14" s="476"/>
      <c r="AO14" s="476"/>
      <c r="AP14" s="476"/>
      <c r="AQ14" s="476"/>
      <c r="AR14" s="476"/>
      <c r="AS14" s="476"/>
      <c r="AT14" s="477"/>
      <c r="AU14" s="478"/>
      <c r="AV14" s="479"/>
      <c r="AW14" s="479"/>
      <c r="AX14" s="479"/>
      <c r="AY14" s="480"/>
      <c r="AZ14" s="481"/>
      <c r="BA14" s="481"/>
      <c r="BB14" s="481"/>
      <c r="BC14" s="481"/>
      <c r="BD14" s="481"/>
      <c r="BE14" s="481"/>
      <c r="BF14" s="481"/>
      <c r="BG14" s="481"/>
      <c r="BH14" s="481"/>
      <c r="BI14" s="481"/>
      <c r="BJ14" s="481"/>
      <c r="BK14" s="481"/>
      <c r="BL14" s="481"/>
      <c r="BM14" s="482"/>
      <c r="BN14" s="446"/>
      <c r="BO14" s="447"/>
      <c r="BP14" s="447"/>
      <c r="BQ14" s="447"/>
      <c r="BR14" s="447"/>
      <c r="BS14" s="447"/>
      <c r="BT14" s="447"/>
      <c r="BU14" s="448"/>
      <c r="BV14" s="446"/>
      <c r="BW14" s="447"/>
      <c r="BX14" s="447"/>
      <c r="BY14" s="447"/>
      <c r="BZ14" s="447"/>
      <c r="CA14" s="447"/>
      <c r="CB14" s="447"/>
      <c r="CC14" s="448"/>
      <c r="CD14" s="541" t="s">
        <v>141</v>
      </c>
      <c r="CE14" s="542"/>
      <c r="CF14" s="542"/>
      <c r="CG14" s="542"/>
      <c r="CH14" s="542"/>
      <c r="CI14" s="542"/>
      <c r="CJ14" s="542"/>
      <c r="CK14" s="542"/>
      <c r="CL14" s="542"/>
      <c r="CM14" s="542"/>
      <c r="CN14" s="542"/>
      <c r="CO14" s="542"/>
      <c r="CP14" s="542"/>
      <c r="CQ14" s="542"/>
      <c r="CR14" s="542"/>
      <c r="CS14" s="543"/>
      <c r="CT14" s="544">
        <v>42.4</v>
      </c>
      <c r="CU14" s="545"/>
      <c r="CV14" s="545"/>
      <c r="CW14" s="545"/>
      <c r="CX14" s="545"/>
      <c r="CY14" s="545"/>
      <c r="CZ14" s="545"/>
      <c r="DA14" s="546"/>
      <c r="DB14" s="544">
        <v>59.3</v>
      </c>
      <c r="DC14" s="545"/>
      <c r="DD14" s="545"/>
      <c r="DE14" s="545"/>
      <c r="DF14" s="545"/>
      <c r="DG14" s="545"/>
      <c r="DH14" s="545"/>
      <c r="DI14" s="546"/>
    </row>
    <row r="15" spans="1:119" ht="18.75" customHeight="1" x14ac:dyDescent="0.2">
      <c r="A15" s="177"/>
      <c r="B15" s="509"/>
      <c r="C15" s="510"/>
      <c r="D15" s="510"/>
      <c r="E15" s="510"/>
      <c r="F15" s="510"/>
      <c r="G15" s="510"/>
      <c r="H15" s="510"/>
      <c r="I15" s="510"/>
      <c r="J15" s="510"/>
      <c r="K15" s="511"/>
      <c r="L15" s="186"/>
      <c r="M15" s="537" t="s">
        <v>142</v>
      </c>
      <c r="N15" s="538"/>
      <c r="O15" s="538"/>
      <c r="P15" s="538"/>
      <c r="Q15" s="539"/>
      <c r="R15" s="530">
        <v>97584</v>
      </c>
      <c r="S15" s="531"/>
      <c r="T15" s="531"/>
      <c r="U15" s="531"/>
      <c r="V15" s="532"/>
      <c r="W15" s="462" t="s">
        <v>143</v>
      </c>
      <c r="X15" s="463"/>
      <c r="Y15" s="463"/>
      <c r="Z15" s="463"/>
      <c r="AA15" s="463"/>
      <c r="AB15" s="453"/>
      <c r="AC15" s="497">
        <v>11272</v>
      </c>
      <c r="AD15" s="498"/>
      <c r="AE15" s="498"/>
      <c r="AF15" s="498"/>
      <c r="AG15" s="540"/>
      <c r="AH15" s="497">
        <v>12202</v>
      </c>
      <c r="AI15" s="498"/>
      <c r="AJ15" s="498"/>
      <c r="AK15" s="498"/>
      <c r="AL15" s="499"/>
      <c r="AM15" s="475"/>
      <c r="AN15" s="476"/>
      <c r="AO15" s="476"/>
      <c r="AP15" s="476"/>
      <c r="AQ15" s="476"/>
      <c r="AR15" s="476"/>
      <c r="AS15" s="476"/>
      <c r="AT15" s="477"/>
      <c r="AU15" s="478"/>
      <c r="AV15" s="479"/>
      <c r="AW15" s="479"/>
      <c r="AX15" s="479"/>
      <c r="AY15" s="406" t="s">
        <v>144</v>
      </c>
      <c r="AZ15" s="407"/>
      <c r="BA15" s="407"/>
      <c r="BB15" s="407"/>
      <c r="BC15" s="407"/>
      <c r="BD15" s="407"/>
      <c r="BE15" s="407"/>
      <c r="BF15" s="407"/>
      <c r="BG15" s="407"/>
      <c r="BH15" s="407"/>
      <c r="BI15" s="407"/>
      <c r="BJ15" s="407"/>
      <c r="BK15" s="407"/>
      <c r="BL15" s="407"/>
      <c r="BM15" s="408"/>
      <c r="BN15" s="409">
        <v>13979126</v>
      </c>
      <c r="BO15" s="410"/>
      <c r="BP15" s="410"/>
      <c r="BQ15" s="410"/>
      <c r="BR15" s="410"/>
      <c r="BS15" s="410"/>
      <c r="BT15" s="410"/>
      <c r="BU15" s="411"/>
      <c r="BV15" s="409">
        <v>14525122</v>
      </c>
      <c r="BW15" s="410"/>
      <c r="BX15" s="410"/>
      <c r="BY15" s="410"/>
      <c r="BZ15" s="410"/>
      <c r="CA15" s="410"/>
      <c r="CB15" s="410"/>
      <c r="CC15" s="411"/>
      <c r="CD15" s="547" t="s">
        <v>145</v>
      </c>
      <c r="CE15" s="548"/>
      <c r="CF15" s="548"/>
      <c r="CG15" s="548"/>
      <c r="CH15" s="548"/>
      <c r="CI15" s="548"/>
      <c r="CJ15" s="548"/>
      <c r="CK15" s="548"/>
      <c r="CL15" s="548"/>
      <c r="CM15" s="548"/>
      <c r="CN15" s="548"/>
      <c r="CO15" s="548"/>
      <c r="CP15" s="548"/>
      <c r="CQ15" s="548"/>
      <c r="CR15" s="548"/>
      <c r="CS15" s="549"/>
      <c r="CT15" s="187"/>
      <c r="CU15" s="188"/>
      <c r="CV15" s="188"/>
      <c r="CW15" s="188"/>
      <c r="CX15" s="188"/>
      <c r="CY15" s="188"/>
      <c r="CZ15" s="188"/>
      <c r="DA15" s="189"/>
      <c r="DB15" s="187"/>
      <c r="DC15" s="188"/>
      <c r="DD15" s="188"/>
      <c r="DE15" s="188"/>
      <c r="DF15" s="188"/>
      <c r="DG15" s="188"/>
      <c r="DH15" s="188"/>
      <c r="DI15" s="189"/>
    </row>
    <row r="16" spans="1:119" ht="18.75" customHeight="1" x14ac:dyDescent="0.2">
      <c r="A16" s="177"/>
      <c r="B16" s="509"/>
      <c r="C16" s="510"/>
      <c r="D16" s="510"/>
      <c r="E16" s="510"/>
      <c r="F16" s="510"/>
      <c r="G16" s="510"/>
      <c r="H16" s="510"/>
      <c r="I16" s="510"/>
      <c r="J16" s="510"/>
      <c r="K16" s="511"/>
      <c r="L16" s="527" t="s">
        <v>146</v>
      </c>
      <c r="M16" s="550"/>
      <c r="N16" s="550"/>
      <c r="O16" s="550"/>
      <c r="P16" s="550"/>
      <c r="Q16" s="551"/>
      <c r="R16" s="552" t="s">
        <v>147</v>
      </c>
      <c r="S16" s="553"/>
      <c r="T16" s="553"/>
      <c r="U16" s="553"/>
      <c r="V16" s="554"/>
      <c r="W16" s="436"/>
      <c r="X16" s="437"/>
      <c r="Y16" s="437"/>
      <c r="Z16" s="437"/>
      <c r="AA16" s="437"/>
      <c r="AB16" s="426"/>
      <c r="AC16" s="533">
        <v>24.9</v>
      </c>
      <c r="AD16" s="534"/>
      <c r="AE16" s="534"/>
      <c r="AF16" s="534"/>
      <c r="AG16" s="535"/>
      <c r="AH16" s="533">
        <v>27</v>
      </c>
      <c r="AI16" s="534"/>
      <c r="AJ16" s="534"/>
      <c r="AK16" s="534"/>
      <c r="AL16" s="536"/>
      <c r="AM16" s="475"/>
      <c r="AN16" s="476"/>
      <c r="AO16" s="476"/>
      <c r="AP16" s="476"/>
      <c r="AQ16" s="476"/>
      <c r="AR16" s="476"/>
      <c r="AS16" s="476"/>
      <c r="AT16" s="477"/>
      <c r="AU16" s="478"/>
      <c r="AV16" s="479"/>
      <c r="AW16" s="479"/>
      <c r="AX16" s="479"/>
      <c r="AY16" s="480" t="s">
        <v>148</v>
      </c>
      <c r="AZ16" s="481"/>
      <c r="BA16" s="481"/>
      <c r="BB16" s="481"/>
      <c r="BC16" s="481"/>
      <c r="BD16" s="481"/>
      <c r="BE16" s="481"/>
      <c r="BF16" s="481"/>
      <c r="BG16" s="481"/>
      <c r="BH16" s="481"/>
      <c r="BI16" s="481"/>
      <c r="BJ16" s="481"/>
      <c r="BK16" s="481"/>
      <c r="BL16" s="481"/>
      <c r="BM16" s="482"/>
      <c r="BN16" s="446">
        <v>15316135</v>
      </c>
      <c r="BO16" s="447"/>
      <c r="BP16" s="447"/>
      <c r="BQ16" s="447"/>
      <c r="BR16" s="447"/>
      <c r="BS16" s="447"/>
      <c r="BT16" s="447"/>
      <c r="BU16" s="448"/>
      <c r="BV16" s="446">
        <v>15031176</v>
      </c>
      <c r="BW16" s="447"/>
      <c r="BX16" s="447"/>
      <c r="BY16" s="447"/>
      <c r="BZ16" s="447"/>
      <c r="CA16" s="447"/>
      <c r="CB16" s="447"/>
      <c r="CC16" s="448"/>
      <c r="CD16" s="190"/>
      <c r="CE16" s="560"/>
      <c r="CF16" s="560"/>
      <c r="CG16" s="560"/>
      <c r="CH16" s="560"/>
      <c r="CI16" s="560"/>
      <c r="CJ16" s="560"/>
      <c r="CK16" s="560"/>
      <c r="CL16" s="560"/>
      <c r="CM16" s="560"/>
      <c r="CN16" s="560"/>
      <c r="CO16" s="560"/>
      <c r="CP16" s="560"/>
      <c r="CQ16" s="560"/>
      <c r="CR16" s="560"/>
      <c r="CS16" s="561"/>
      <c r="CT16" s="443"/>
      <c r="CU16" s="444"/>
      <c r="CV16" s="444"/>
      <c r="CW16" s="444"/>
      <c r="CX16" s="444"/>
      <c r="CY16" s="444"/>
      <c r="CZ16" s="444"/>
      <c r="DA16" s="445"/>
      <c r="DB16" s="443"/>
      <c r="DC16" s="444"/>
      <c r="DD16" s="444"/>
      <c r="DE16" s="444"/>
      <c r="DF16" s="444"/>
      <c r="DG16" s="444"/>
      <c r="DH16" s="444"/>
      <c r="DI16" s="445"/>
    </row>
    <row r="17" spans="1:113" ht="18.75" customHeight="1" thickBot="1" x14ac:dyDescent="0.25">
      <c r="A17" s="177"/>
      <c r="B17" s="512"/>
      <c r="C17" s="513"/>
      <c r="D17" s="513"/>
      <c r="E17" s="513"/>
      <c r="F17" s="513"/>
      <c r="G17" s="513"/>
      <c r="H17" s="513"/>
      <c r="I17" s="513"/>
      <c r="J17" s="513"/>
      <c r="K17" s="514"/>
      <c r="L17" s="191"/>
      <c r="M17" s="557" t="s">
        <v>149</v>
      </c>
      <c r="N17" s="558"/>
      <c r="O17" s="558"/>
      <c r="P17" s="558"/>
      <c r="Q17" s="559"/>
      <c r="R17" s="552" t="s">
        <v>150</v>
      </c>
      <c r="S17" s="553"/>
      <c r="T17" s="553"/>
      <c r="U17" s="553"/>
      <c r="V17" s="554"/>
      <c r="W17" s="462" t="s">
        <v>151</v>
      </c>
      <c r="X17" s="463"/>
      <c r="Y17" s="463"/>
      <c r="Z17" s="463"/>
      <c r="AA17" s="463"/>
      <c r="AB17" s="453"/>
      <c r="AC17" s="497">
        <v>32925</v>
      </c>
      <c r="AD17" s="498"/>
      <c r="AE17" s="498"/>
      <c r="AF17" s="498"/>
      <c r="AG17" s="540"/>
      <c r="AH17" s="497">
        <v>31910</v>
      </c>
      <c r="AI17" s="498"/>
      <c r="AJ17" s="498"/>
      <c r="AK17" s="498"/>
      <c r="AL17" s="499"/>
      <c r="AM17" s="475"/>
      <c r="AN17" s="476"/>
      <c r="AO17" s="476"/>
      <c r="AP17" s="476"/>
      <c r="AQ17" s="476"/>
      <c r="AR17" s="476"/>
      <c r="AS17" s="476"/>
      <c r="AT17" s="477"/>
      <c r="AU17" s="478"/>
      <c r="AV17" s="479"/>
      <c r="AW17" s="479"/>
      <c r="AX17" s="479"/>
      <c r="AY17" s="480" t="s">
        <v>152</v>
      </c>
      <c r="AZ17" s="481"/>
      <c r="BA17" s="481"/>
      <c r="BB17" s="481"/>
      <c r="BC17" s="481"/>
      <c r="BD17" s="481"/>
      <c r="BE17" s="481"/>
      <c r="BF17" s="481"/>
      <c r="BG17" s="481"/>
      <c r="BH17" s="481"/>
      <c r="BI17" s="481"/>
      <c r="BJ17" s="481"/>
      <c r="BK17" s="481"/>
      <c r="BL17" s="481"/>
      <c r="BM17" s="482"/>
      <c r="BN17" s="446">
        <v>17844344</v>
      </c>
      <c r="BO17" s="447"/>
      <c r="BP17" s="447"/>
      <c r="BQ17" s="447"/>
      <c r="BR17" s="447"/>
      <c r="BS17" s="447"/>
      <c r="BT17" s="447"/>
      <c r="BU17" s="448"/>
      <c r="BV17" s="446">
        <v>18588021</v>
      </c>
      <c r="BW17" s="447"/>
      <c r="BX17" s="447"/>
      <c r="BY17" s="447"/>
      <c r="BZ17" s="447"/>
      <c r="CA17" s="447"/>
      <c r="CB17" s="447"/>
      <c r="CC17" s="448"/>
      <c r="CD17" s="190"/>
      <c r="CE17" s="560"/>
      <c r="CF17" s="560"/>
      <c r="CG17" s="560"/>
      <c r="CH17" s="560"/>
      <c r="CI17" s="560"/>
      <c r="CJ17" s="560"/>
      <c r="CK17" s="560"/>
      <c r="CL17" s="560"/>
      <c r="CM17" s="560"/>
      <c r="CN17" s="560"/>
      <c r="CO17" s="560"/>
      <c r="CP17" s="560"/>
      <c r="CQ17" s="560"/>
      <c r="CR17" s="560"/>
      <c r="CS17" s="561"/>
      <c r="CT17" s="443"/>
      <c r="CU17" s="444"/>
      <c r="CV17" s="444"/>
      <c r="CW17" s="444"/>
      <c r="CX17" s="444"/>
      <c r="CY17" s="444"/>
      <c r="CZ17" s="444"/>
      <c r="DA17" s="445"/>
      <c r="DB17" s="443"/>
      <c r="DC17" s="444"/>
      <c r="DD17" s="444"/>
      <c r="DE17" s="444"/>
      <c r="DF17" s="444"/>
      <c r="DG17" s="444"/>
      <c r="DH17" s="444"/>
      <c r="DI17" s="445"/>
    </row>
    <row r="18" spans="1:113" ht="18.75" customHeight="1" thickBot="1" x14ac:dyDescent="0.25">
      <c r="A18" s="177"/>
      <c r="B18" s="568" t="s">
        <v>153</v>
      </c>
      <c r="C18" s="489"/>
      <c r="D18" s="489"/>
      <c r="E18" s="569"/>
      <c r="F18" s="569"/>
      <c r="G18" s="569"/>
      <c r="H18" s="569"/>
      <c r="I18" s="569"/>
      <c r="J18" s="569"/>
      <c r="K18" s="569"/>
      <c r="L18" s="570">
        <v>55.56</v>
      </c>
      <c r="M18" s="570"/>
      <c r="N18" s="570"/>
      <c r="O18" s="570"/>
      <c r="P18" s="570"/>
      <c r="Q18" s="570"/>
      <c r="R18" s="571"/>
      <c r="S18" s="571"/>
      <c r="T18" s="571"/>
      <c r="U18" s="571"/>
      <c r="V18" s="572"/>
      <c r="W18" s="464"/>
      <c r="X18" s="465"/>
      <c r="Y18" s="465"/>
      <c r="Z18" s="465"/>
      <c r="AA18" s="465"/>
      <c r="AB18" s="456"/>
      <c r="AC18" s="573">
        <v>72.8</v>
      </c>
      <c r="AD18" s="574"/>
      <c r="AE18" s="574"/>
      <c r="AF18" s="574"/>
      <c r="AG18" s="575"/>
      <c r="AH18" s="573">
        <v>70.5</v>
      </c>
      <c r="AI18" s="574"/>
      <c r="AJ18" s="574"/>
      <c r="AK18" s="574"/>
      <c r="AL18" s="576"/>
      <c r="AM18" s="475"/>
      <c r="AN18" s="476"/>
      <c r="AO18" s="476"/>
      <c r="AP18" s="476"/>
      <c r="AQ18" s="476"/>
      <c r="AR18" s="476"/>
      <c r="AS18" s="476"/>
      <c r="AT18" s="477"/>
      <c r="AU18" s="478"/>
      <c r="AV18" s="479"/>
      <c r="AW18" s="479"/>
      <c r="AX18" s="479"/>
      <c r="AY18" s="480" t="s">
        <v>154</v>
      </c>
      <c r="AZ18" s="481"/>
      <c r="BA18" s="481"/>
      <c r="BB18" s="481"/>
      <c r="BC18" s="481"/>
      <c r="BD18" s="481"/>
      <c r="BE18" s="481"/>
      <c r="BF18" s="481"/>
      <c r="BG18" s="481"/>
      <c r="BH18" s="481"/>
      <c r="BI18" s="481"/>
      <c r="BJ18" s="481"/>
      <c r="BK18" s="481"/>
      <c r="BL18" s="481"/>
      <c r="BM18" s="482"/>
      <c r="BN18" s="446">
        <v>19800121</v>
      </c>
      <c r="BO18" s="447"/>
      <c r="BP18" s="447"/>
      <c r="BQ18" s="447"/>
      <c r="BR18" s="447"/>
      <c r="BS18" s="447"/>
      <c r="BT18" s="447"/>
      <c r="BU18" s="448"/>
      <c r="BV18" s="446">
        <v>19567028</v>
      </c>
      <c r="BW18" s="447"/>
      <c r="BX18" s="447"/>
      <c r="BY18" s="447"/>
      <c r="BZ18" s="447"/>
      <c r="CA18" s="447"/>
      <c r="CB18" s="447"/>
      <c r="CC18" s="448"/>
      <c r="CD18" s="190"/>
      <c r="CE18" s="560"/>
      <c r="CF18" s="560"/>
      <c r="CG18" s="560"/>
      <c r="CH18" s="560"/>
      <c r="CI18" s="560"/>
      <c r="CJ18" s="560"/>
      <c r="CK18" s="560"/>
      <c r="CL18" s="560"/>
      <c r="CM18" s="560"/>
      <c r="CN18" s="560"/>
      <c r="CO18" s="560"/>
      <c r="CP18" s="560"/>
      <c r="CQ18" s="560"/>
      <c r="CR18" s="560"/>
      <c r="CS18" s="561"/>
      <c r="CT18" s="443"/>
      <c r="CU18" s="444"/>
      <c r="CV18" s="444"/>
      <c r="CW18" s="444"/>
      <c r="CX18" s="444"/>
      <c r="CY18" s="444"/>
      <c r="CZ18" s="444"/>
      <c r="DA18" s="445"/>
      <c r="DB18" s="443"/>
      <c r="DC18" s="444"/>
      <c r="DD18" s="444"/>
      <c r="DE18" s="444"/>
      <c r="DF18" s="444"/>
      <c r="DG18" s="444"/>
      <c r="DH18" s="444"/>
      <c r="DI18" s="445"/>
    </row>
    <row r="19" spans="1:113" ht="18.75" customHeight="1" thickBot="1" x14ac:dyDescent="0.25">
      <c r="A19" s="177"/>
      <c r="B19" s="568" t="s">
        <v>155</v>
      </c>
      <c r="C19" s="489"/>
      <c r="D19" s="489"/>
      <c r="E19" s="569"/>
      <c r="F19" s="569"/>
      <c r="G19" s="569"/>
      <c r="H19" s="569"/>
      <c r="I19" s="569"/>
      <c r="J19" s="569"/>
      <c r="K19" s="569"/>
      <c r="L19" s="577">
        <v>1832</v>
      </c>
      <c r="M19" s="577"/>
      <c r="N19" s="577"/>
      <c r="O19" s="577"/>
      <c r="P19" s="577"/>
      <c r="Q19" s="577"/>
      <c r="R19" s="578"/>
      <c r="S19" s="578"/>
      <c r="T19" s="578"/>
      <c r="U19" s="578"/>
      <c r="V19" s="579"/>
      <c r="W19" s="403"/>
      <c r="X19" s="404"/>
      <c r="Y19" s="404"/>
      <c r="Z19" s="404"/>
      <c r="AA19" s="404"/>
      <c r="AB19" s="404"/>
      <c r="AC19" s="555"/>
      <c r="AD19" s="555"/>
      <c r="AE19" s="555"/>
      <c r="AF19" s="555"/>
      <c r="AG19" s="555"/>
      <c r="AH19" s="555"/>
      <c r="AI19" s="555"/>
      <c r="AJ19" s="555"/>
      <c r="AK19" s="555"/>
      <c r="AL19" s="556"/>
      <c r="AM19" s="475"/>
      <c r="AN19" s="476"/>
      <c r="AO19" s="476"/>
      <c r="AP19" s="476"/>
      <c r="AQ19" s="476"/>
      <c r="AR19" s="476"/>
      <c r="AS19" s="476"/>
      <c r="AT19" s="477"/>
      <c r="AU19" s="478"/>
      <c r="AV19" s="479"/>
      <c r="AW19" s="479"/>
      <c r="AX19" s="479"/>
      <c r="AY19" s="480" t="s">
        <v>156</v>
      </c>
      <c r="AZ19" s="481"/>
      <c r="BA19" s="481"/>
      <c r="BB19" s="481"/>
      <c r="BC19" s="481"/>
      <c r="BD19" s="481"/>
      <c r="BE19" s="481"/>
      <c r="BF19" s="481"/>
      <c r="BG19" s="481"/>
      <c r="BH19" s="481"/>
      <c r="BI19" s="481"/>
      <c r="BJ19" s="481"/>
      <c r="BK19" s="481"/>
      <c r="BL19" s="481"/>
      <c r="BM19" s="482"/>
      <c r="BN19" s="446">
        <v>24803451</v>
      </c>
      <c r="BO19" s="447"/>
      <c r="BP19" s="447"/>
      <c r="BQ19" s="447"/>
      <c r="BR19" s="447"/>
      <c r="BS19" s="447"/>
      <c r="BT19" s="447"/>
      <c r="BU19" s="448"/>
      <c r="BV19" s="446">
        <v>23416367</v>
      </c>
      <c r="BW19" s="447"/>
      <c r="BX19" s="447"/>
      <c r="BY19" s="447"/>
      <c r="BZ19" s="447"/>
      <c r="CA19" s="447"/>
      <c r="CB19" s="447"/>
      <c r="CC19" s="448"/>
      <c r="CD19" s="190"/>
      <c r="CE19" s="560"/>
      <c r="CF19" s="560"/>
      <c r="CG19" s="560"/>
      <c r="CH19" s="560"/>
      <c r="CI19" s="560"/>
      <c r="CJ19" s="560"/>
      <c r="CK19" s="560"/>
      <c r="CL19" s="560"/>
      <c r="CM19" s="560"/>
      <c r="CN19" s="560"/>
      <c r="CO19" s="560"/>
      <c r="CP19" s="560"/>
      <c r="CQ19" s="560"/>
      <c r="CR19" s="560"/>
      <c r="CS19" s="561"/>
      <c r="CT19" s="443"/>
      <c r="CU19" s="444"/>
      <c r="CV19" s="444"/>
      <c r="CW19" s="444"/>
      <c r="CX19" s="444"/>
      <c r="CY19" s="444"/>
      <c r="CZ19" s="444"/>
      <c r="DA19" s="445"/>
      <c r="DB19" s="443"/>
      <c r="DC19" s="444"/>
      <c r="DD19" s="444"/>
      <c r="DE19" s="444"/>
      <c r="DF19" s="444"/>
      <c r="DG19" s="444"/>
      <c r="DH19" s="444"/>
      <c r="DI19" s="445"/>
    </row>
    <row r="20" spans="1:113" ht="18.75" customHeight="1" thickBot="1" x14ac:dyDescent="0.25">
      <c r="A20" s="177"/>
      <c r="B20" s="568" t="s">
        <v>157</v>
      </c>
      <c r="C20" s="489"/>
      <c r="D20" s="489"/>
      <c r="E20" s="569"/>
      <c r="F20" s="569"/>
      <c r="G20" s="569"/>
      <c r="H20" s="569"/>
      <c r="I20" s="569"/>
      <c r="J20" s="569"/>
      <c r="K20" s="569"/>
      <c r="L20" s="577">
        <v>45361</v>
      </c>
      <c r="M20" s="577"/>
      <c r="N20" s="577"/>
      <c r="O20" s="577"/>
      <c r="P20" s="577"/>
      <c r="Q20" s="577"/>
      <c r="R20" s="578"/>
      <c r="S20" s="578"/>
      <c r="T20" s="578"/>
      <c r="U20" s="578"/>
      <c r="V20" s="579"/>
      <c r="W20" s="464"/>
      <c r="X20" s="465"/>
      <c r="Y20" s="465"/>
      <c r="Z20" s="465"/>
      <c r="AA20" s="465"/>
      <c r="AB20" s="465"/>
      <c r="AC20" s="580"/>
      <c r="AD20" s="580"/>
      <c r="AE20" s="580"/>
      <c r="AF20" s="580"/>
      <c r="AG20" s="580"/>
      <c r="AH20" s="580"/>
      <c r="AI20" s="580"/>
      <c r="AJ20" s="580"/>
      <c r="AK20" s="580"/>
      <c r="AL20" s="581"/>
      <c r="AM20" s="582"/>
      <c r="AN20" s="501"/>
      <c r="AO20" s="501"/>
      <c r="AP20" s="501"/>
      <c r="AQ20" s="501"/>
      <c r="AR20" s="501"/>
      <c r="AS20" s="501"/>
      <c r="AT20" s="502"/>
      <c r="AU20" s="583"/>
      <c r="AV20" s="584"/>
      <c r="AW20" s="584"/>
      <c r="AX20" s="585"/>
      <c r="AY20" s="480"/>
      <c r="AZ20" s="481"/>
      <c r="BA20" s="481"/>
      <c r="BB20" s="481"/>
      <c r="BC20" s="481"/>
      <c r="BD20" s="481"/>
      <c r="BE20" s="481"/>
      <c r="BF20" s="481"/>
      <c r="BG20" s="481"/>
      <c r="BH20" s="481"/>
      <c r="BI20" s="481"/>
      <c r="BJ20" s="481"/>
      <c r="BK20" s="481"/>
      <c r="BL20" s="481"/>
      <c r="BM20" s="482"/>
      <c r="BN20" s="446"/>
      <c r="BO20" s="447"/>
      <c r="BP20" s="447"/>
      <c r="BQ20" s="447"/>
      <c r="BR20" s="447"/>
      <c r="BS20" s="447"/>
      <c r="BT20" s="447"/>
      <c r="BU20" s="448"/>
      <c r="BV20" s="446"/>
      <c r="BW20" s="447"/>
      <c r="BX20" s="447"/>
      <c r="BY20" s="447"/>
      <c r="BZ20" s="447"/>
      <c r="CA20" s="447"/>
      <c r="CB20" s="447"/>
      <c r="CC20" s="448"/>
      <c r="CD20" s="190"/>
      <c r="CE20" s="560"/>
      <c r="CF20" s="560"/>
      <c r="CG20" s="560"/>
      <c r="CH20" s="560"/>
      <c r="CI20" s="560"/>
      <c r="CJ20" s="560"/>
      <c r="CK20" s="560"/>
      <c r="CL20" s="560"/>
      <c r="CM20" s="560"/>
      <c r="CN20" s="560"/>
      <c r="CO20" s="560"/>
      <c r="CP20" s="560"/>
      <c r="CQ20" s="560"/>
      <c r="CR20" s="560"/>
      <c r="CS20" s="561"/>
      <c r="CT20" s="443"/>
      <c r="CU20" s="444"/>
      <c r="CV20" s="444"/>
      <c r="CW20" s="444"/>
      <c r="CX20" s="444"/>
      <c r="CY20" s="444"/>
      <c r="CZ20" s="444"/>
      <c r="DA20" s="445"/>
      <c r="DB20" s="443"/>
      <c r="DC20" s="444"/>
      <c r="DD20" s="444"/>
      <c r="DE20" s="444"/>
      <c r="DF20" s="444"/>
      <c r="DG20" s="444"/>
      <c r="DH20" s="444"/>
      <c r="DI20" s="445"/>
    </row>
    <row r="21" spans="1:113" ht="18.75" customHeight="1" thickBot="1" x14ac:dyDescent="0.25">
      <c r="A21" s="177"/>
      <c r="B21" s="586" t="s">
        <v>158</v>
      </c>
      <c r="C21" s="587"/>
      <c r="D21" s="587"/>
      <c r="E21" s="587"/>
      <c r="F21" s="587"/>
      <c r="G21" s="587"/>
      <c r="H21" s="587"/>
      <c r="I21" s="587"/>
      <c r="J21" s="587"/>
      <c r="K21" s="587"/>
      <c r="L21" s="587"/>
      <c r="M21" s="587"/>
      <c r="N21" s="587"/>
      <c r="O21" s="587"/>
      <c r="P21" s="587"/>
      <c r="Q21" s="587"/>
      <c r="R21" s="587"/>
      <c r="S21" s="587"/>
      <c r="T21" s="587"/>
      <c r="U21" s="587"/>
      <c r="V21" s="587"/>
      <c r="W21" s="587"/>
      <c r="X21" s="587"/>
      <c r="Y21" s="587"/>
      <c r="Z21" s="587"/>
      <c r="AA21" s="587"/>
      <c r="AB21" s="587"/>
      <c r="AC21" s="587"/>
      <c r="AD21" s="587"/>
      <c r="AE21" s="587"/>
      <c r="AF21" s="587"/>
      <c r="AG21" s="587"/>
      <c r="AH21" s="587"/>
      <c r="AI21" s="587"/>
      <c r="AJ21" s="587"/>
      <c r="AK21" s="587"/>
      <c r="AL21" s="587"/>
      <c r="AM21" s="587"/>
      <c r="AN21" s="587"/>
      <c r="AO21" s="587"/>
      <c r="AP21" s="587"/>
      <c r="AQ21" s="587"/>
      <c r="AR21" s="587"/>
      <c r="AS21" s="587"/>
      <c r="AT21" s="587"/>
      <c r="AU21" s="587"/>
      <c r="AV21" s="587"/>
      <c r="AW21" s="587"/>
      <c r="AX21" s="588"/>
      <c r="AY21" s="562"/>
      <c r="AZ21" s="563"/>
      <c r="BA21" s="563"/>
      <c r="BB21" s="563"/>
      <c r="BC21" s="563"/>
      <c r="BD21" s="563"/>
      <c r="BE21" s="563"/>
      <c r="BF21" s="563"/>
      <c r="BG21" s="563"/>
      <c r="BH21" s="563"/>
      <c r="BI21" s="563"/>
      <c r="BJ21" s="563"/>
      <c r="BK21" s="563"/>
      <c r="BL21" s="563"/>
      <c r="BM21" s="564"/>
      <c r="BN21" s="565"/>
      <c r="BO21" s="566"/>
      <c r="BP21" s="566"/>
      <c r="BQ21" s="566"/>
      <c r="BR21" s="566"/>
      <c r="BS21" s="566"/>
      <c r="BT21" s="566"/>
      <c r="BU21" s="567"/>
      <c r="BV21" s="565"/>
      <c r="BW21" s="566"/>
      <c r="BX21" s="566"/>
      <c r="BY21" s="566"/>
      <c r="BZ21" s="566"/>
      <c r="CA21" s="566"/>
      <c r="CB21" s="566"/>
      <c r="CC21" s="567"/>
      <c r="CD21" s="190"/>
      <c r="CE21" s="560"/>
      <c r="CF21" s="560"/>
      <c r="CG21" s="560"/>
      <c r="CH21" s="560"/>
      <c r="CI21" s="560"/>
      <c r="CJ21" s="560"/>
      <c r="CK21" s="560"/>
      <c r="CL21" s="560"/>
      <c r="CM21" s="560"/>
      <c r="CN21" s="560"/>
      <c r="CO21" s="560"/>
      <c r="CP21" s="560"/>
      <c r="CQ21" s="560"/>
      <c r="CR21" s="560"/>
      <c r="CS21" s="561"/>
      <c r="CT21" s="443"/>
      <c r="CU21" s="444"/>
      <c r="CV21" s="444"/>
      <c r="CW21" s="444"/>
      <c r="CX21" s="444"/>
      <c r="CY21" s="444"/>
      <c r="CZ21" s="444"/>
      <c r="DA21" s="445"/>
      <c r="DB21" s="443"/>
      <c r="DC21" s="444"/>
      <c r="DD21" s="444"/>
      <c r="DE21" s="444"/>
      <c r="DF21" s="444"/>
      <c r="DG21" s="444"/>
      <c r="DH21" s="444"/>
      <c r="DI21" s="445"/>
    </row>
    <row r="22" spans="1:113" ht="18.75" customHeight="1" x14ac:dyDescent="0.2">
      <c r="A22" s="177"/>
      <c r="B22" s="616" t="s">
        <v>159</v>
      </c>
      <c r="C22" s="590"/>
      <c r="D22" s="591"/>
      <c r="E22" s="458" t="s">
        <v>1</v>
      </c>
      <c r="F22" s="463"/>
      <c r="G22" s="463"/>
      <c r="H22" s="463"/>
      <c r="I22" s="463"/>
      <c r="J22" s="463"/>
      <c r="K22" s="453"/>
      <c r="L22" s="458" t="s">
        <v>160</v>
      </c>
      <c r="M22" s="463"/>
      <c r="N22" s="463"/>
      <c r="O22" s="463"/>
      <c r="P22" s="453"/>
      <c r="Q22" s="621" t="s">
        <v>161</v>
      </c>
      <c r="R22" s="622"/>
      <c r="S22" s="622"/>
      <c r="T22" s="622"/>
      <c r="U22" s="622"/>
      <c r="V22" s="623"/>
      <c r="W22" s="589" t="s">
        <v>162</v>
      </c>
      <c r="X22" s="590"/>
      <c r="Y22" s="591"/>
      <c r="Z22" s="458" t="s">
        <v>1</v>
      </c>
      <c r="AA22" s="463"/>
      <c r="AB22" s="463"/>
      <c r="AC22" s="463"/>
      <c r="AD22" s="463"/>
      <c r="AE22" s="463"/>
      <c r="AF22" s="463"/>
      <c r="AG22" s="453"/>
      <c r="AH22" s="627" t="s">
        <v>163</v>
      </c>
      <c r="AI22" s="463"/>
      <c r="AJ22" s="463"/>
      <c r="AK22" s="463"/>
      <c r="AL22" s="453"/>
      <c r="AM22" s="627" t="s">
        <v>164</v>
      </c>
      <c r="AN22" s="628"/>
      <c r="AO22" s="628"/>
      <c r="AP22" s="628"/>
      <c r="AQ22" s="628"/>
      <c r="AR22" s="629"/>
      <c r="AS22" s="621" t="s">
        <v>161</v>
      </c>
      <c r="AT22" s="622"/>
      <c r="AU22" s="622"/>
      <c r="AV22" s="622"/>
      <c r="AW22" s="622"/>
      <c r="AX22" s="633"/>
      <c r="AY22" s="406" t="s">
        <v>165</v>
      </c>
      <c r="AZ22" s="407"/>
      <c r="BA22" s="407"/>
      <c r="BB22" s="407"/>
      <c r="BC22" s="407"/>
      <c r="BD22" s="407"/>
      <c r="BE22" s="407"/>
      <c r="BF22" s="407"/>
      <c r="BG22" s="407"/>
      <c r="BH22" s="407"/>
      <c r="BI22" s="407"/>
      <c r="BJ22" s="407"/>
      <c r="BK22" s="407"/>
      <c r="BL22" s="407"/>
      <c r="BM22" s="408"/>
      <c r="BN22" s="409">
        <v>22402604</v>
      </c>
      <c r="BO22" s="410"/>
      <c r="BP22" s="410"/>
      <c r="BQ22" s="410"/>
      <c r="BR22" s="410"/>
      <c r="BS22" s="410"/>
      <c r="BT22" s="410"/>
      <c r="BU22" s="411"/>
      <c r="BV22" s="409">
        <v>23073228</v>
      </c>
      <c r="BW22" s="410"/>
      <c r="BX22" s="410"/>
      <c r="BY22" s="410"/>
      <c r="BZ22" s="410"/>
      <c r="CA22" s="410"/>
      <c r="CB22" s="410"/>
      <c r="CC22" s="411"/>
      <c r="CD22" s="190"/>
      <c r="CE22" s="560"/>
      <c r="CF22" s="560"/>
      <c r="CG22" s="560"/>
      <c r="CH22" s="560"/>
      <c r="CI22" s="560"/>
      <c r="CJ22" s="560"/>
      <c r="CK22" s="560"/>
      <c r="CL22" s="560"/>
      <c r="CM22" s="560"/>
      <c r="CN22" s="560"/>
      <c r="CO22" s="560"/>
      <c r="CP22" s="560"/>
      <c r="CQ22" s="560"/>
      <c r="CR22" s="560"/>
      <c r="CS22" s="561"/>
      <c r="CT22" s="443"/>
      <c r="CU22" s="444"/>
      <c r="CV22" s="444"/>
      <c r="CW22" s="444"/>
      <c r="CX22" s="444"/>
      <c r="CY22" s="444"/>
      <c r="CZ22" s="444"/>
      <c r="DA22" s="445"/>
      <c r="DB22" s="443"/>
      <c r="DC22" s="444"/>
      <c r="DD22" s="444"/>
      <c r="DE22" s="444"/>
      <c r="DF22" s="444"/>
      <c r="DG22" s="444"/>
      <c r="DH22" s="444"/>
      <c r="DI22" s="445"/>
    </row>
    <row r="23" spans="1:113" ht="18.75" customHeight="1" x14ac:dyDescent="0.2">
      <c r="A23" s="177"/>
      <c r="B23" s="617"/>
      <c r="C23" s="593"/>
      <c r="D23" s="594"/>
      <c r="E23" s="432"/>
      <c r="F23" s="437"/>
      <c r="G23" s="437"/>
      <c r="H23" s="437"/>
      <c r="I23" s="437"/>
      <c r="J23" s="437"/>
      <c r="K23" s="426"/>
      <c r="L23" s="432"/>
      <c r="M23" s="437"/>
      <c r="N23" s="437"/>
      <c r="O23" s="437"/>
      <c r="P23" s="426"/>
      <c r="Q23" s="624"/>
      <c r="R23" s="625"/>
      <c r="S23" s="625"/>
      <c r="T23" s="625"/>
      <c r="U23" s="625"/>
      <c r="V23" s="626"/>
      <c r="W23" s="592"/>
      <c r="X23" s="593"/>
      <c r="Y23" s="594"/>
      <c r="Z23" s="432"/>
      <c r="AA23" s="437"/>
      <c r="AB23" s="437"/>
      <c r="AC23" s="437"/>
      <c r="AD23" s="437"/>
      <c r="AE23" s="437"/>
      <c r="AF23" s="437"/>
      <c r="AG23" s="426"/>
      <c r="AH23" s="432"/>
      <c r="AI23" s="437"/>
      <c r="AJ23" s="437"/>
      <c r="AK23" s="437"/>
      <c r="AL23" s="426"/>
      <c r="AM23" s="630"/>
      <c r="AN23" s="631"/>
      <c r="AO23" s="631"/>
      <c r="AP23" s="631"/>
      <c r="AQ23" s="631"/>
      <c r="AR23" s="632"/>
      <c r="AS23" s="624"/>
      <c r="AT23" s="625"/>
      <c r="AU23" s="625"/>
      <c r="AV23" s="625"/>
      <c r="AW23" s="625"/>
      <c r="AX23" s="634"/>
      <c r="AY23" s="480" t="s">
        <v>166</v>
      </c>
      <c r="AZ23" s="481"/>
      <c r="BA23" s="481"/>
      <c r="BB23" s="481"/>
      <c r="BC23" s="481"/>
      <c r="BD23" s="481"/>
      <c r="BE23" s="481"/>
      <c r="BF23" s="481"/>
      <c r="BG23" s="481"/>
      <c r="BH23" s="481"/>
      <c r="BI23" s="481"/>
      <c r="BJ23" s="481"/>
      <c r="BK23" s="481"/>
      <c r="BL23" s="481"/>
      <c r="BM23" s="482"/>
      <c r="BN23" s="446">
        <v>16105845</v>
      </c>
      <c r="BO23" s="447"/>
      <c r="BP23" s="447"/>
      <c r="BQ23" s="447"/>
      <c r="BR23" s="447"/>
      <c r="BS23" s="447"/>
      <c r="BT23" s="447"/>
      <c r="BU23" s="448"/>
      <c r="BV23" s="446">
        <v>16598982</v>
      </c>
      <c r="BW23" s="447"/>
      <c r="BX23" s="447"/>
      <c r="BY23" s="447"/>
      <c r="BZ23" s="447"/>
      <c r="CA23" s="447"/>
      <c r="CB23" s="447"/>
      <c r="CC23" s="448"/>
      <c r="CD23" s="190"/>
      <c r="CE23" s="560"/>
      <c r="CF23" s="560"/>
      <c r="CG23" s="560"/>
      <c r="CH23" s="560"/>
      <c r="CI23" s="560"/>
      <c r="CJ23" s="560"/>
      <c r="CK23" s="560"/>
      <c r="CL23" s="560"/>
      <c r="CM23" s="560"/>
      <c r="CN23" s="560"/>
      <c r="CO23" s="560"/>
      <c r="CP23" s="560"/>
      <c r="CQ23" s="560"/>
      <c r="CR23" s="560"/>
      <c r="CS23" s="561"/>
      <c r="CT23" s="443"/>
      <c r="CU23" s="444"/>
      <c r="CV23" s="444"/>
      <c r="CW23" s="444"/>
      <c r="CX23" s="444"/>
      <c r="CY23" s="444"/>
      <c r="CZ23" s="444"/>
      <c r="DA23" s="445"/>
      <c r="DB23" s="443"/>
      <c r="DC23" s="444"/>
      <c r="DD23" s="444"/>
      <c r="DE23" s="444"/>
      <c r="DF23" s="444"/>
      <c r="DG23" s="444"/>
      <c r="DH23" s="444"/>
      <c r="DI23" s="445"/>
    </row>
    <row r="24" spans="1:113" ht="18.75" customHeight="1" thickBot="1" x14ac:dyDescent="0.25">
      <c r="A24" s="177"/>
      <c r="B24" s="617"/>
      <c r="C24" s="593"/>
      <c r="D24" s="594"/>
      <c r="E24" s="496" t="s">
        <v>167</v>
      </c>
      <c r="F24" s="476"/>
      <c r="G24" s="476"/>
      <c r="H24" s="476"/>
      <c r="I24" s="476"/>
      <c r="J24" s="476"/>
      <c r="K24" s="477"/>
      <c r="L24" s="497">
        <v>1</v>
      </c>
      <c r="M24" s="498"/>
      <c r="N24" s="498"/>
      <c r="O24" s="498"/>
      <c r="P24" s="540"/>
      <c r="Q24" s="497">
        <v>8694</v>
      </c>
      <c r="R24" s="498"/>
      <c r="S24" s="498"/>
      <c r="T24" s="498"/>
      <c r="U24" s="498"/>
      <c r="V24" s="540"/>
      <c r="W24" s="592"/>
      <c r="X24" s="593"/>
      <c r="Y24" s="594"/>
      <c r="Z24" s="496" t="s">
        <v>168</v>
      </c>
      <c r="AA24" s="476"/>
      <c r="AB24" s="476"/>
      <c r="AC24" s="476"/>
      <c r="AD24" s="476"/>
      <c r="AE24" s="476"/>
      <c r="AF24" s="476"/>
      <c r="AG24" s="477"/>
      <c r="AH24" s="497">
        <v>596</v>
      </c>
      <c r="AI24" s="498"/>
      <c r="AJ24" s="498"/>
      <c r="AK24" s="498"/>
      <c r="AL24" s="540"/>
      <c r="AM24" s="497">
        <v>1875612</v>
      </c>
      <c r="AN24" s="498"/>
      <c r="AO24" s="498"/>
      <c r="AP24" s="498"/>
      <c r="AQ24" s="498"/>
      <c r="AR24" s="540"/>
      <c r="AS24" s="497">
        <v>3147</v>
      </c>
      <c r="AT24" s="498"/>
      <c r="AU24" s="498"/>
      <c r="AV24" s="498"/>
      <c r="AW24" s="498"/>
      <c r="AX24" s="499"/>
      <c r="AY24" s="562" t="s">
        <v>169</v>
      </c>
      <c r="AZ24" s="563"/>
      <c r="BA24" s="563"/>
      <c r="BB24" s="563"/>
      <c r="BC24" s="563"/>
      <c r="BD24" s="563"/>
      <c r="BE24" s="563"/>
      <c r="BF24" s="563"/>
      <c r="BG24" s="563"/>
      <c r="BH24" s="563"/>
      <c r="BI24" s="563"/>
      <c r="BJ24" s="563"/>
      <c r="BK24" s="563"/>
      <c r="BL24" s="563"/>
      <c r="BM24" s="564"/>
      <c r="BN24" s="446">
        <v>11350187</v>
      </c>
      <c r="BO24" s="447"/>
      <c r="BP24" s="447"/>
      <c r="BQ24" s="447"/>
      <c r="BR24" s="447"/>
      <c r="BS24" s="447"/>
      <c r="BT24" s="447"/>
      <c r="BU24" s="448"/>
      <c r="BV24" s="446">
        <v>12166996</v>
      </c>
      <c r="BW24" s="447"/>
      <c r="BX24" s="447"/>
      <c r="BY24" s="447"/>
      <c r="BZ24" s="447"/>
      <c r="CA24" s="447"/>
      <c r="CB24" s="447"/>
      <c r="CC24" s="448"/>
      <c r="CD24" s="190"/>
      <c r="CE24" s="560"/>
      <c r="CF24" s="560"/>
      <c r="CG24" s="560"/>
      <c r="CH24" s="560"/>
      <c r="CI24" s="560"/>
      <c r="CJ24" s="560"/>
      <c r="CK24" s="560"/>
      <c r="CL24" s="560"/>
      <c r="CM24" s="560"/>
      <c r="CN24" s="560"/>
      <c r="CO24" s="560"/>
      <c r="CP24" s="560"/>
      <c r="CQ24" s="560"/>
      <c r="CR24" s="560"/>
      <c r="CS24" s="561"/>
      <c r="CT24" s="443"/>
      <c r="CU24" s="444"/>
      <c r="CV24" s="444"/>
      <c r="CW24" s="444"/>
      <c r="CX24" s="444"/>
      <c r="CY24" s="444"/>
      <c r="CZ24" s="444"/>
      <c r="DA24" s="445"/>
      <c r="DB24" s="443"/>
      <c r="DC24" s="444"/>
      <c r="DD24" s="444"/>
      <c r="DE24" s="444"/>
      <c r="DF24" s="444"/>
      <c r="DG24" s="444"/>
      <c r="DH24" s="444"/>
      <c r="DI24" s="445"/>
    </row>
    <row r="25" spans="1:113" ht="18.75" customHeight="1" x14ac:dyDescent="0.2">
      <c r="A25" s="177"/>
      <c r="B25" s="617"/>
      <c r="C25" s="593"/>
      <c r="D25" s="594"/>
      <c r="E25" s="496" t="s">
        <v>170</v>
      </c>
      <c r="F25" s="476"/>
      <c r="G25" s="476"/>
      <c r="H25" s="476"/>
      <c r="I25" s="476"/>
      <c r="J25" s="476"/>
      <c r="K25" s="477"/>
      <c r="L25" s="497">
        <v>2</v>
      </c>
      <c r="M25" s="498"/>
      <c r="N25" s="498"/>
      <c r="O25" s="498"/>
      <c r="P25" s="540"/>
      <c r="Q25" s="497">
        <v>7115</v>
      </c>
      <c r="R25" s="498"/>
      <c r="S25" s="498"/>
      <c r="T25" s="498"/>
      <c r="U25" s="498"/>
      <c r="V25" s="540"/>
      <c r="W25" s="592"/>
      <c r="X25" s="593"/>
      <c r="Y25" s="594"/>
      <c r="Z25" s="496" t="s">
        <v>171</v>
      </c>
      <c r="AA25" s="476"/>
      <c r="AB25" s="476"/>
      <c r="AC25" s="476"/>
      <c r="AD25" s="476"/>
      <c r="AE25" s="476"/>
      <c r="AF25" s="476"/>
      <c r="AG25" s="477"/>
      <c r="AH25" s="497">
        <v>128</v>
      </c>
      <c r="AI25" s="498"/>
      <c r="AJ25" s="498"/>
      <c r="AK25" s="498"/>
      <c r="AL25" s="540"/>
      <c r="AM25" s="497">
        <v>390144</v>
      </c>
      <c r="AN25" s="498"/>
      <c r="AO25" s="498"/>
      <c r="AP25" s="498"/>
      <c r="AQ25" s="498"/>
      <c r="AR25" s="540"/>
      <c r="AS25" s="497">
        <v>3048</v>
      </c>
      <c r="AT25" s="498"/>
      <c r="AU25" s="498"/>
      <c r="AV25" s="498"/>
      <c r="AW25" s="498"/>
      <c r="AX25" s="499"/>
      <c r="AY25" s="406" t="s">
        <v>172</v>
      </c>
      <c r="AZ25" s="407"/>
      <c r="BA25" s="407"/>
      <c r="BB25" s="407"/>
      <c r="BC25" s="407"/>
      <c r="BD25" s="407"/>
      <c r="BE25" s="407"/>
      <c r="BF25" s="407"/>
      <c r="BG25" s="407"/>
      <c r="BH25" s="407"/>
      <c r="BI25" s="407"/>
      <c r="BJ25" s="407"/>
      <c r="BK25" s="407"/>
      <c r="BL25" s="407"/>
      <c r="BM25" s="408"/>
      <c r="BN25" s="409">
        <v>7843789</v>
      </c>
      <c r="BO25" s="410"/>
      <c r="BP25" s="410"/>
      <c r="BQ25" s="410"/>
      <c r="BR25" s="410"/>
      <c r="BS25" s="410"/>
      <c r="BT25" s="410"/>
      <c r="BU25" s="411"/>
      <c r="BV25" s="409">
        <v>8030802</v>
      </c>
      <c r="BW25" s="410"/>
      <c r="BX25" s="410"/>
      <c r="BY25" s="410"/>
      <c r="BZ25" s="410"/>
      <c r="CA25" s="410"/>
      <c r="CB25" s="410"/>
      <c r="CC25" s="411"/>
      <c r="CD25" s="190"/>
      <c r="CE25" s="560"/>
      <c r="CF25" s="560"/>
      <c r="CG25" s="560"/>
      <c r="CH25" s="560"/>
      <c r="CI25" s="560"/>
      <c r="CJ25" s="560"/>
      <c r="CK25" s="560"/>
      <c r="CL25" s="560"/>
      <c r="CM25" s="560"/>
      <c r="CN25" s="560"/>
      <c r="CO25" s="560"/>
      <c r="CP25" s="560"/>
      <c r="CQ25" s="560"/>
      <c r="CR25" s="560"/>
      <c r="CS25" s="561"/>
      <c r="CT25" s="443"/>
      <c r="CU25" s="444"/>
      <c r="CV25" s="444"/>
      <c r="CW25" s="444"/>
      <c r="CX25" s="444"/>
      <c r="CY25" s="444"/>
      <c r="CZ25" s="444"/>
      <c r="DA25" s="445"/>
      <c r="DB25" s="443"/>
      <c r="DC25" s="444"/>
      <c r="DD25" s="444"/>
      <c r="DE25" s="444"/>
      <c r="DF25" s="444"/>
      <c r="DG25" s="444"/>
      <c r="DH25" s="444"/>
      <c r="DI25" s="445"/>
    </row>
    <row r="26" spans="1:113" ht="18.75" customHeight="1" x14ac:dyDescent="0.2">
      <c r="A26" s="177"/>
      <c r="B26" s="617"/>
      <c r="C26" s="593"/>
      <c r="D26" s="594"/>
      <c r="E26" s="496" t="s">
        <v>173</v>
      </c>
      <c r="F26" s="476"/>
      <c r="G26" s="476"/>
      <c r="H26" s="476"/>
      <c r="I26" s="476"/>
      <c r="J26" s="476"/>
      <c r="K26" s="477"/>
      <c r="L26" s="497">
        <v>1</v>
      </c>
      <c r="M26" s="498"/>
      <c r="N26" s="498"/>
      <c r="O26" s="498"/>
      <c r="P26" s="540"/>
      <c r="Q26" s="497">
        <v>6536</v>
      </c>
      <c r="R26" s="498"/>
      <c r="S26" s="498"/>
      <c r="T26" s="498"/>
      <c r="U26" s="498"/>
      <c r="V26" s="540"/>
      <c r="W26" s="592"/>
      <c r="X26" s="593"/>
      <c r="Y26" s="594"/>
      <c r="Z26" s="496" t="s">
        <v>174</v>
      </c>
      <c r="AA26" s="598"/>
      <c r="AB26" s="598"/>
      <c r="AC26" s="598"/>
      <c r="AD26" s="598"/>
      <c r="AE26" s="598"/>
      <c r="AF26" s="598"/>
      <c r="AG26" s="599"/>
      <c r="AH26" s="497">
        <v>58</v>
      </c>
      <c r="AI26" s="498"/>
      <c r="AJ26" s="498"/>
      <c r="AK26" s="498"/>
      <c r="AL26" s="540"/>
      <c r="AM26" s="497">
        <v>178292</v>
      </c>
      <c r="AN26" s="498"/>
      <c r="AO26" s="498"/>
      <c r="AP26" s="498"/>
      <c r="AQ26" s="498"/>
      <c r="AR26" s="540"/>
      <c r="AS26" s="497">
        <v>3074</v>
      </c>
      <c r="AT26" s="498"/>
      <c r="AU26" s="498"/>
      <c r="AV26" s="498"/>
      <c r="AW26" s="498"/>
      <c r="AX26" s="499"/>
      <c r="AY26" s="449" t="s">
        <v>175</v>
      </c>
      <c r="AZ26" s="450"/>
      <c r="BA26" s="450"/>
      <c r="BB26" s="450"/>
      <c r="BC26" s="450"/>
      <c r="BD26" s="450"/>
      <c r="BE26" s="450"/>
      <c r="BF26" s="450"/>
      <c r="BG26" s="450"/>
      <c r="BH26" s="450"/>
      <c r="BI26" s="450"/>
      <c r="BJ26" s="450"/>
      <c r="BK26" s="450"/>
      <c r="BL26" s="450"/>
      <c r="BM26" s="451"/>
      <c r="BN26" s="446" t="s">
        <v>176</v>
      </c>
      <c r="BO26" s="447"/>
      <c r="BP26" s="447"/>
      <c r="BQ26" s="447"/>
      <c r="BR26" s="447"/>
      <c r="BS26" s="447"/>
      <c r="BT26" s="447"/>
      <c r="BU26" s="448"/>
      <c r="BV26" s="446" t="s">
        <v>176</v>
      </c>
      <c r="BW26" s="447"/>
      <c r="BX26" s="447"/>
      <c r="BY26" s="447"/>
      <c r="BZ26" s="447"/>
      <c r="CA26" s="447"/>
      <c r="CB26" s="447"/>
      <c r="CC26" s="448"/>
      <c r="CD26" s="190"/>
      <c r="CE26" s="560"/>
      <c r="CF26" s="560"/>
      <c r="CG26" s="560"/>
      <c r="CH26" s="560"/>
      <c r="CI26" s="560"/>
      <c r="CJ26" s="560"/>
      <c r="CK26" s="560"/>
      <c r="CL26" s="560"/>
      <c r="CM26" s="560"/>
      <c r="CN26" s="560"/>
      <c r="CO26" s="560"/>
      <c r="CP26" s="560"/>
      <c r="CQ26" s="560"/>
      <c r="CR26" s="560"/>
      <c r="CS26" s="561"/>
      <c r="CT26" s="443"/>
      <c r="CU26" s="444"/>
      <c r="CV26" s="444"/>
      <c r="CW26" s="444"/>
      <c r="CX26" s="444"/>
      <c r="CY26" s="444"/>
      <c r="CZ26" s="444"/>
      <c r="DA26" s="445"/>
      <c r="DB26" s="443"/>
      <c r="DC26" s="444"/>
      <c r="DD26" s="444"/>
      <c r="DE26" s="444"/>
      <c r="DF26" s="444"/>
      <c r="DG26" s="444"/>
      <c r="DH26" s="444"/>
      <c r="DI26" s="445"/>
    </row>
    <row r="27" spans="1:113" ht="18.75" customHeight="1" thickBot="1" x14ac:dyDescent="0.25">
      <c r="A27" s="177"/>
      <c r="B27" s="617"/>
      <c r="C27" s="593"/>
      <c r="D27" s="594"/>
      <c r="E27" s="496" t="s">
        <v>177</v>
      </c>
      <c r="F27" s="476"/>
      <c r="G27" s="476"/>
      <c r="H27" s="476"/>
      <c r="I27" s="476"/>
      <c r="J27" s="476"/>
      <c r="K27" s="477"/>
      <c r="L27" s="497">
        <v>1</v>
      </c>
      <c r="M27" s="498"/>
      <c r="N27" s="498"/>
      <c r="O27" s="498"/>
      <c r="P27" s="540"/>
      <c r="Q27" s="497">
        <v>5440</v>
      </c>
      <c r="R27" s="498"/>
      <c r="S27" s="498"/>
      <c r="T27" s="498"/>
      <c r="U27" s="498"/>
      <c r="V27" s="540"/>
      <c r="W27" s="592"/>
      <c r="X27" s="593"/>
      <c r="Y27" s="594"/>
      <c r="Z27" s="496" t="s">
        <v>178</v>
      </c>
      <c r="AA27" s="476"/>
      <c r="AB27" s="476"/>
      <c r="AC27" s="476"/>
      <c r="AD27" s="476"/>
      <c r="AE27" s="476"/>
      <c r="AF27" s="476"/>
      <c r="AG27" s="477"/>
      <c r="AH27" s="497">
        <v>13</v>
      </c>
      <c r="AI27" s="498"/>
      <c r="AJ27" s="498"/>
      <c r="AK27" s="498"/>
      <c r="AL27" s="540"/>
      <c r="AM27" s="497">
        <v>49179</v>
      </c>
      <c r="AN27" s="498"/>
      <c r="AO27" s="498"/>
      <c r="AP27" s="498"/>
      <c r="AQ27" s="498"/>
      <c r="AR27" s="540"/>
      <c r="AS27" s="497">
        <v>3783</v>
      </c>
      <c r="AT27" s="498"/>
      <c r="AU27" s="498"/>
      <c r="AV27" s="498"/>
      <c r="AW27" s="498"/>
      <c r="AX27" s="499"/>
      <c r="AY27" s="541" t="s">
        <v>179</v>
      </c>
      <c r="AZ27" s="542"/>
      <c r="BA27" s="542"/>
      <c r="BB27" s="542"/>
      <c r="BC27" s="542"/>
      <c r="BD27" s="542"/>
      <c r="BE27" s="542"/>
      <c r="BF27" s="542"/>
      <c r="BG27" s="542"/>
      <c r="BH27" s="542"/>
      <c r="BI27" s="542"/>
      <c r="BJ27" s="542"/>
      <c r="BK27" s="542"/>
      <c r="BL27" s="542"/>
      <c r="BM27" s="543"/>
      <c r="BN27" s="565">
        <v>18224</v>
      </c>
      <c r="BO27" s="566"/>
      <c r="BP27" s="566"/>
      <c r="BQ27" s="566"/>
      <c r="BR27" s="566"/>
      <c r="BS27" s="566"/>
      <c r="BT27" s="566"/>
      <c r="BU27" s="567"/>
      <c r="BV27" s="565">
        <v>18224</v>
      </c>
      <c r="BW27" s="566"/>
      <c r="BX27" s="566"/>
      <c r="BY27" s="566"/>
      <c r="BZ27" s="566"/>
      <c r="CA27" s="566"/>
      <c r="CB27" s="566"/>
      <c r="CC27" s="567"/>
      <c r="CD27" s="192"/>
      <c r="CE27" s="560"/>
      <c r="CF27" s="560"/>
      <c r="CG27" s="560"/>
      <c r="CH27" s="560"/>
      <c r="CI27" s="560"/>
      <c r="CJ27" s="560"/>
      <c r="CK27" s="560"/>
      <c r="CL27" s="560"/>
      <c r="CM27" s="560"/>
      <c r="CN27" s="560"/>
      <c r="CO27" s="560"/>
      <c r="CP27" s="560"/>
      <c r="CQ27" s="560"/>
      <c r="CR27" s="560"/>
      <c r="CS27" s="561"/>
      <c r="CT27" s="443"/>
      <c r="CU27" s="444"/>
      <c r="CV27" s="444"/>
      <c r="CW27" s="444"/>
      <c r="CX27" s="444"/>
      <c r="CY27" s="444"/>
      <c r="CZ27" s="444"/>
      <c r="DA27" s="445"/>
      <c r="DB27" s="443"/>
      <c r="DC27" s="444"/>
      <c r="DD27" s="444"/>
      <c r="DE27" s="444"/>
      <c r="DF27" s="444"/>
      <c r="DG27" s="444"/>
      <c r="DH27" s="444"/>
      <c r="DI27" s="445"/>
    </row>
    <row r="28" spans="1:113" ht="18.75" customHeight="1" x14ac:dyDescent="0.2">
      <c r="A28" s="177"/>
      <c r="B28" s="617"/>
      <c r="C28" s="593"/>
      <c r="D28" s="594"/>
      <c r="E28" s="496" t="s">
        <v>180</v>
      </c>
      <c r="F28" s="476"/>
      <c r="G28" s="476"/>
      <c r="H28" s="476"/>
      <c r="I28" s="476"/>
      <c r="J28" s="476"/>
      <c r="K28" s="477"/>
      <c r="L28" s="497">
        <v>1</v>
      </c>
      <c r="M28" s="498"/>
      <c r="N28" s="498"/>
      <c r="O28" s="498"/>
      <c r="P28" s="540"/>
      <c r="Q28" s="497">
        <v>4690</v>
      </c>
      <c r="R28" s="498"/>
      <c r="S28" s="498"/>
      <c r="T28" s="498"/>
      <c r="U28" s="498"/>
      <c r="V28" s="540"/>
      <c r="W28" s="592"/>
      <c r="X28" s="593"/>
      <c r="Y28" s="594"/>
      <c r="Z28" s="496" t="s">
        <v>181</v>
      </c>
      <c r="AA28" s="476"/>
      <c r="AB28" s="476"/>
      <c r="AC28" s="476"/>
      <c r="AD28" s="476"/>
      <c r="AE28" s="476"/>
      <c r="AF28" s="476"/>
      <c r="AG28" s="477"/>
      <c r="AH28" s="497" t="s">
        <v>176</v>
      </c>
      <c r="AI28" s="498"/>
      <c r="AJ28" s="498"/>
      <c r="AK28" s="498"/>
      <c r="AL28" s="540"/>
      <c r="AM28" s="497" t="s">
        <v>176</v>
      </c>
      <c r="AN28" s="498"/>
      <c r="AO28" s="498"/>
      <c r="AP28" s="498"/>
      <c r="AQ28" s="498"/>
      <c r="AR28" s="540"/>
      <c r="AS28" s="497" t="s">
        <v>176</v>
      </c>
      <c r="AT28" s="498"/>
      <c r="AU28" s="498"/>
      <c r="AV28" s="498"/>
      <c r="AW28" s="498"/>
      <c r="AX28" s="499"/>
      <c r="AY28" s="600" t="s">
        <v>182</v>
      </c>
      <c r="AZ28" s="601"/>
      <c r="BA28" s="601"/>
      <c r="BB28" s="602"/>
      <c r="BC28" s="406" t="s">
        <v>48</v>
      </c>
      <c r="BD28" s="407"/>
      <c r="BE28" s="407"/>
      <c r="BF28" s="407"/>
      <c r="BG28" s="407"/>
      <c r="BH28" s="407"/>
      <c r="BI28" s="407"/>
      <c r="BJ28" s="407"/>
      <c r="BK28" s="407"/>
      <c r="BL28" s="407"/>
      <c r="BM28" s="408"/>
      <c r="BN28" s="409">
        <v>1725786</v>
      </c>
      <c r="BO28" s="410"/>
      <c r="BP28" s="410"/>
      <c r="BQ28" s="410"/>
      <c r="BR28" s="410"/>
      <c r="BS28" s="410"/>
      <c r="BT28" s="410"/>
      <c r="BU28" s="411"/>
      <c r="BV28" s="409">
        <v>1142307</v>
      </c>
      <c r="BW28" s="410"/>
      <c r="BX28" s="410"/>
      <c r="BY28" s="410"/>
      <c r="BZ28" s="410"/>
      <c r="CA28" s="410"/>
      <c r="CB28" s="410"/>
      <c r="CC28" s="411"/>
      <c r="CD28" s="190"/>
      <c r="CE28" s="560"/>
      <c r="CF28" s="560"/>
      <c r="CG28" s="560"/>
      <c r="CH28" s="560"/>
      <c r="CI28" s="560"/>
      <c r="CJ28" s="560"/>
      <c r="CK28" s="560"/>
      <c r="CL28" s="560"/>
      <c r="CM28" s="560"/>
      <c r="CN28" s="560"/>
      <c r="CO28" s="560"/>
      <c r="CP28" s="560"/>
      <c r="CQ28" s="560"/>
      <c r="CR28" s="560"/>
      <c r="CS28" s="561"/>
      <c r="CT28" s="443"/>
      <c r="CU28" s="444"/>
      <c r="CV28" s="444"/>
      <c r="CW28" s="444"/>
      <c r="CX28" s="444"/>
      <c r="CY28" s="444"/>
      <c r="CZ28" s="444"/>
      <c r="DA28" s="445"/>
      <c r="DB28" s="443"/>
      <c r="DC28" s="444"/>
      <c r="DD28" s="444"/>
      <c r="DE28" s="444"/>
      <c r="DF28" s="444"/>
      <c r="DG28" s="444"/>
      <c r="DH28" s="444"/>
      <c r="DI28" s="445"/>
    </row>
    <row r="29" spans="1:113" ht="18.75" customHeight="1" x14ac:dyDescent="0.2">
      <c r="A29" s="177"/>
      <c r="B29" s="617"/>
      <c r="C29" s="593"/>
      <c r="D29" s="594"/>
      <c r="E29" s="496" t="s">
        <v>183</v>
      </c>
      <c r="F29" s="476"/>
      <c r="G29" s="476"/>
      <c r="H29" s="476"/>
      <c r="I29" s="476"/>
      <c r="J29" s="476"/>
      <c r="K29" s="477"/>
      <c r="L29" s="497">
        <v>18</v>
      </c>
      <c r="M29" s="498"/>
      <c r="N29" s="498"/>
      <c r="O29" s="498"/>
      <c r="P29" s="540"/>
      <c r="Q29" s="497">
        <v>4350</v>
      </c>
      <c r="R29" s="498"/>
      <c r="S29" s="498"/>
      <c r="T29" s="498"/>
      <c r="U29" s="498"/>
      <c r="V29" s="540"/>
      <c r="W29" s="595"/>
      <c r="X29" s="596"/>
      <c r="Y29" s="597"/>
      <c r="Z29" s="496" t="s">
        <v>184</v>
      </c>
      <c r="AA29" s="476"/>
      <c r="AB29" s="476"/>
      <c r="AC29" s="476"/>
      <c r="AD29" s="476"/>
      <c r="AE29" s="476"/>
      <c r="AF29" s="476"/>
      <c r="AG29" s="477"/>
      <c r="AH29" s="497">
        <v>609</v>
      </c>
      <c r="AI29" s="498"/>
      <c r="AJ29" s="498"/>
      <c r="AK29" s="498"/>
      <c r="AL29" s="540"/>
      <c r="AM29" s="497">
        <v>1924791</v>
      </c>
      <c r="AN29" s="498"/>
      <c r="AO29" s="498"/>
      <c r="AP29" s="498"/>
      <c r="AQ29" s="498"/>
      <c r="AR29" s="540"/>
      <c r="AS29" s="497">
        <v>3161</v>
      </c>
      <c r="AT29" s="498"/>
      <c r="AU29" s="498"/>
      <c r="AV29" s="498"/>
      <c r="AW29" s="498"/>
      <c r="AX29" s="499"/>
      <c r="AY29" s="603"/>
      <c r="AZ29" s="604"/>
      <c r="BA29" s="604"/>
      <c r="BB29" s="605"/>
      <c r="BC29" s="480" t="s">
        <v>185</v>
      </c>
      <c r="BD29" s="481"/>
      <c r="BE29" s="481"/>
      <c r="BF29" s="481"/>
      <c r="BG29" s="481"/>
      <c r="BH29" s="481"/>
      <c r="BI29" s="481"/>
      <c r="BJ29" s="481"/>
      <c r="BK29" s="481"/>
      <c r="BL29" s="481"/>
      <c r="BM29" s="482"/>
      <c r="BN29" s="446" t="s">
        <v>176</v>
      </c>
      <c r="BO29" s="447"/>
      <c r="BP29" s="447"/>
      <c r="BQ29" s="447"/>
      <c r="BR29" s="447"/>
      <c r="BS29" s="447"/>
      <c r="BT29" s="447"/>
      <c r="BU29" s="448"/>
      <c r="BV29" s="446" t="s">
        <v>176</v>
      </c>
      <c r="BW29" s="447"/>
      <c r="BX29" s="447"/>
      <c r="BY29" s="447"/>
      <c r="BZ29" s="447"/>
      <c r="CA29" s="447"/>
      <c r="CB29" s="447"/>
      <c r="CC29" s="448"/>
      <c r="CD29" s="192"/>
      <c r="CE29" s="560"/>
      <c r="CF29" s="560"/>
      <c r="CG29" s="560"/>
      <c r="CH29" s="560"/>
      <c r="CI29" s="560"/>
      <c r="CJ29" s="560"/>
      <c r="CK29" s="560"/>
      <c r="CL29" s="560"/>
      <c r="CM29" s="560"/>
      <c r="CN29" s="560"/>
      <c r="CO29" s="560"/>
      <c r="CP29" s="560"/>
      <c r="CQ29" s="560"/>
      <c r="CR29" s="560"/>
      <c r="CS29" s="561"/>
      <c r="CT29" s="443"/>
      <c r="CU29" s="444"/>
      <c r="CV29" s="444"/>
      <c r="CW29" s="444"/>
      <c r="CX29" s="444"/>
      <c r="CY29" s="444"/>
      <c r="CZ29" s="444"/>
      <c r="DA29" s="445"/>
      <c r="DB29" s="443"/>
      <c r="DC29" s="444"/>
      <c r="DD29" s="444"/>
      <c r="DE29" s="444"/>
      <c r="DF29" s="444"/>
      <c r="DG29" s="444"/>
      <c r="DH29" s="444"/>
      <c r="DI29" s="445"/>
    </row>
    <row r="30" spans="1:113" ht="18.75" customHeight="1" thickBot="1" x14ac:dyDescent="0.25">
      <c r="A30" s="177"/>
      <c r="B30" s="618"/>
      <c r="C30" s="619"/>
      <c r="D30" s="620"/>
      <c r="E30" s="500"/>
      <c r="F30" s="501"/>
      <c r="G30" s="501"/>
      <c r="H30" s="501"/>
      <c r="I30" s="501"/>
      <c r="J30" s="501"/>
      <c r="K30" s="502"/>
      <c r="L30" s="610"/>
      <c r="M30" s="611"/>
      <c r="N30" s="611"/>
      <c r="O30" s="611"/>
      <c r="P30" s="612"/>
      <c r="Q30" s="610"/>
      <c r="R30" s="611"/>
      <c r="S30" s="611"/>
      <c r="T30" s="611"/>
      <c r="U30" s="611"/>
      <c r="V30" s="612"/>
      <c r="W30" s="613" t="s">
        <v>186</v>
      </c>
      <c r="X30" s="614"/>
      <c r="Y30" s="614"/>
      <c r="Z30" s="614"/>
      <c r="AA30" s="614"/>
      <c r="AB30" s="614"/>
      <c r="AC30" s="614"/>
      <c r="AD30" s="614"/>
      <c r="AE30" s="614"/>
      <c r="AF30" s="614"/>
      <c r="AG30" s="615"/>
      <c r="AH30" s="573">
        <v>99.9</v>
      </c>
      <c r="AI30" s="574"/>
      <c r="AJ30" s="574"/>
      <c r="AK30" s="574"/>
      <c r="AL30" s="574"/>
      <c r="AM30" s="574"/>
      <c r="AN30" s="574"/>
      <c r="AO30" s="574"/>
      <c r="AP30" s="574"/>
      <c r="AQ30" s="574"/>
      <c r="AR30" s="574"/>
      <c r="AS30" s="574"/>
      <c r="AT30" s="574"/>
      <c r="AU30" s="574"/>
      <c r="AV30" s="574"/>
      <c r="AW30" s="574"/>
      <c r="AX30" s="576"/>
      <c r="AY30" s="606"/>
      <c r="AZ30" s="607"/>
      <c r="BA30" s="607"/>
      <c r="BB30" s="608"/>
      <c r="BC30" s="562" t="s">
        <v>50</v>
      </c>
      <c r="BD30" s="563"/>
      <c r="BE30" s="563"/>
      <c r="BF30" s="563"/>
      <c r="BG30" s="563"/>
      <c r="BH30" s="563"/>
      <c r="BI30" s="563"/>
      <c r="BJ30" s="563"/>
      <c r="BK30" s="563"/>
      <c r="BL30" s="563"/>
      <c r="BM30" s="564"/>
      <c r="BN30" s="565">
        <v>636366</v>
      </c>
      <c r="BO30" s="566"/>
      <c r="BP30" s="566"/>
      <c r="BQ30" s="566"/>
      <c r="BR30" s="566"/>
      <c r="BS30" s="566"/>
      <c r="BT30" s="566"/>
      <c r="BU30" s="567"/>
      <c r="BV30" s="565">
        <v>615959</v>
      </c>
      <c r="BW30" s="566"/>
      <c r="BX30" s="566"/>
      <c r="BY30" s="566"/>
      <c r="BZ30" s="566"/>
      <c r="CA30" s="566"/>
      <c r="CB30" s="566"/>
      <c r="CC30" s="567"/>
      <c r="CD30" s="193"/>
      <c r="CE30" s="194"/>
      <c r="CF30" s="194"/>
      <c r="CG30" s="194"/>
      <c r="CH30" s="194"/>
      <c r="CI30" s="194"/>
      <c r="CJ30" s="194"/>
      <c r="CK30" s="194"/>
      <c r="CL30" s="194"/>
      <c r="CM30" s="194"/>
      <c r="CN30" s="194"/>
      <c r="CO30" s="194"/>
      <c r="CP30" s="194"/>
      <c r="CQ30" s="194"/>
      <c r="CR30" s="194"/>
      <c r="CS30" s="195"/>
      <c r="CT30" s="196"/>
      <c r="CU30" s="197"/>
      <c r="CV30" s="197"/>
      <c r="CW30" s="197"/>
      <c r="CX30" s="197"/>
      <c r="CY30" s="197"/>
      <c r="CZ30" s="197"/>
      <c r="DA30" s="198"/>
      <c r="DB30" s="196"/>
      <c r="DC30" s="197"/>
      <c r="DD30" s="197"/>
      <c r="DE30" s="197"/>
      <c r="DF30" s="197"/>
      <c r="DG30" s="197"/>
      <c r="DH30" s="197"/>
      <c r="DI30" s="198"/>
    </row>
    <row r="31" spans="1:113" ht="13.5" customHeight="1" x14ac:dyDescent="0.2">
      <c r="A31" s="177"/>
      <c r="B31" s="199"/>
      <c r="DI31" s="200"/>
    </row>
    <row r="32" spans="1:113" ht="13.5" customHeight="1" x14ac:dyDescent="0.2">
      <c r="A32" s="177"/>
      <c r="B32" s="201"/>
      <c r="C32" s="609" t="s">
        <v>187</v>
      </c>
      <c r="D32" s="609"/>
      <c r="E32" s="609"/>
      <c r="F32" s="609"/>
      <c r="G32" s="609"/>
      <c r="H32" s="609"/>
      <c r="I32" s="609"/>
      <c r="J32" s="609"/>
      <c r="K32" s="609"/>
      <c r="L32" s="609"/>
      <c r="M32" s="609"/>
      <c r="N32" s="609"/>
      <c r="O32" s="609"/>
      <c r="P32" s="609"/>
      <c r="Q32" s="609"/>
      <c r="R32" s="609"/>
      <c r="S32" s="609"/>
      <c r="U32" s="450" t="s">
        <v>188</v>
      </c>
      <c r="V32" s="450"/>
      <c r="W32" s="450"/>
      <c r="X32" s="450"/>
      <c r="Y32" s="450"/>
      <c r="Z32" s="450"/>
      <c r="AA32" s="450"/>
      <c r="AB32" s="450"/>
      <c r="AC32" s="450"/>
      <c r="AD32" s="450"/>
      <c r="AE32" s="450"/>
      <c r="AF32" s="450"/>
      <c r="AG32" s="450"/>
      <c r="AH32" s="450"/>
      <c r="AI32" s="450"/>
      <c r="AJ32" s="450"/>
      <c r="AK32" s="450"/>
      <c r="AM32" s="450" t="s">
        <v>189</v>
      </c>
      <c r="AN32" s="450"/>
      <c r="AO32" s="450"/>
      <c r="AP32" s="450"/>
      <c r="AQ32" s="450"/>
      <c r="AR32" s="450"/>
      <c r="AS32" s="450"/>
      <c r="AT32" s="450"/>
      <c r="AU32" s="450"/>
      <c r="AV32" s="450"/>
      <c r="AW32" s="450"/>
      <c r="AX32" s="450"/>
      <c r="AY32" s="450"/>
      <c r="AZ32" s="450"/>
      <c r="BA32" s="450"/>
      <c r="BB32" s="450"/>
      <c r="BC32" s="450"/>
      <c r="BE32" s="450" t="s">
        <v>190</v>
      </c>
      <c r="BF32" s="450"/>
      <c r="BG32" s="450"/>
      <c r="BH32" s="450"/>
      <c r="BI32" s="450"/>
      <c r="BJ32" s="450"/>
      <c r="BK32" s="450"/>
      <c r="BL32" s="450"/>
      <c r="BM32" s="450"/>
      <c r="BN32" s="450"/>
      <c r="BO32" s="450"/>
      <c r="BP32" s="450"/>
      <c r="BQ32" s="450"/>
      <c r="BR32" s="450"/>
      <c r="BS32" s="450"/>
      <c r="BT32" s="450"/>
      <c r="BU32" s="450"/>
      <c r="BW32" s="450" t="s">
        <v>191</v>
      </c>
      <c r="BX32" s="450"/>
      <c r="BY32" s="450"/>
      <c r="BZ32" s="450"/>
      <c r="CA32" s="450"/>
      <c r="CB32" s="450"/>
      <c r="CC32" s="450"/>
      <c r="CD32" s="450"/>
      <c r="CE32" s="450"/>
      <c r="CF32" s="450"/>
      <c r="CG32" s="450"/>
      <c r="CH32" s="450"/>
      <c r="CI32" s="450"/>
      <c r="CJ32" s="450"/>
      <c r="CK32" s="450"/>
      <c r="CL32" s="450"/>
      <c r="CM32" s="450"/>
      <c r="CO32" s="450" t="s">
        <v>192</v>
      </c>
      <c r="CP32" s="450"/>
      <c r="CQ32" s="450"/>
      <c r="CR32" s="450"/>
      <c r="CS32" s="450"/>
      <c r="CT32" s="450"/>
      <c r="CU32" s="450"/>
      <c r="CV32" s="450"/>
      <c r="CW32" s="450"/>
      <c r="CX32" s="450"/>
      <c r="CY32" s="450"/>
      <c r="CZ32" s="450"/>
      <c r="DA32" s="450"/>
      <c r="DB32" s="450"/>
      <c r="DC32" s="450"/>
      <c r="DD32" s="450"/>
      <c r="DE32" s="450"/>
      <c r="DI32" s="200"/>
    </row>
    <row r="33" spans="1:113" ht="13.5" customHeight="1" x14ac:dyDescent="0.2">
      <c r="A33" s="177"/>
      <c r="B33" s="201"/>
      <c r="C33" s="470" t="s">
        <v>193</v>
      </c>
      <c r="D33" s="470"/>
      <c r="E33" s="435" t="s">
        <v>194</v>
      </c>
      <c r="F33" s="435"/>
      <c r="G33" s="435"/>
      <c r="H33" s="435"/>
      <c r="I33" s="435"/>
      <c r="J33" s="435"/>
      <c r="K33" s="435"/>
      <c r="L33" s="435"/>
      <c r="M33" s="435"/>
      <c r="N33" s="435"/>
      <c r="O33" s="435"/>
      <c r="P33" s="435"/>
      <c r="Q33" s="435"/>
      <c r="R33" s="435"/>
      <c r="S33" s="435"/>
      <c r="T33" s="202"/>
      <c r="U33" s="470" t="s">
        <v>195</v>
      </c>
      <c r="V33" s="470"/>
      <c r="W33" s="435" t="s">
        <v>196</v>
      </c>
      <c r="X33" s="435"/>
      <c r="Y33" s="435"/>
      <c r="Z33" s="435"/>
      <c r="AA33" s="435"/>
      <c r="AB33" s="435"/>
      <c r="AC33" s="435"/>
      <c r="AD33" s="435"/>
      <c r="AE33" s="435"/>
      <c r="AF33" s="435"/>
      <c r="AG33" s="435"/>
      <c r="AH33" s="435"/>
      <c r="AI33" s="435"/>
      <c r="AJ33" s="435"/>
      <c r="AK33" s="435"/>
      <c r="AL33" s="202"/>
      <c r="AM33" s="470" t="s">
        <v>193</v>
      </c>
      <c r="AN33" s="470"/>
      <c r="AO33" s="435" t="s">
        <v>194</v>
      </c>
      <c r="AP33" s="435"/>
      <c r="AQ33" s="435"/>
      <c r="AR33" s="435"/>
      <c r="AS33" s="435"/>
      <c r="AT33" s="435"/>
      <c r="AU33" s="435"/>
      <c r="AV33" s="435"/>
      <c r="AW33" s="435"/>
      <c r="AX33" s="435"/>
      <c r="AY33" s="435"/>
      <c r="AZ33" s="435"/>
      <c r="BA33" s="435"/>
      <c r="BB33" s="435"/>
      <c r="BC33" s="435"/>
      <c r="BD33" s="203"/>
      <c r="BE33" s="435" t="s">
        <v>197</v>
      </c>
      <c r="BF33" s="435"/>
      <c r="BG33" s="435" t="s">
        <v>198</v>
      </c>
      <c r="BH33" s="435"/>
      <c r="BI33" s="435"/>
      <c r="BJ33" s="435"/>
      <c r="BK33" s="435"/>
      <c r="BL33" s="435"/>
      <c r="BM33" s="435"/>
      <c r="BN33" s="435"/>
      <c r="BO33" s="435"/>
      <c r="BP33" s="435"/>
      <c r="BQ33" s="435"/>
      <c r="BR33" s="435"/>
      <c r="BS33" s="435"/>
      <c r="BT33" s="435"/>
      <c r="BU33" s="435"/>
      <c r="BV33" s="203"/>
      <c r="BW33" s="470" t="s">
        <v>197</v>
      </c>
      <c r="BX33" s="470"/>
      <c r="BY33" s="435" t="s">
        <v>199</v>
      </c>
      <c r="BZ33" s="435"/>
      <c r="CA33" s="435"/>
      <c r="CB33" s="435"/>
      <c r="CC33" s="435"/>
      <c r="CD33" s="435"/>
      <c r="CE33" s="435"/>
      <c r="CF33" s="435"/>
      <c r="CG33" s="435"/>
      <c r="CH33" s="435"/>
      <c r="CI33" s="435"/>
      <c r="CJ33" s="435"/>
      <c r="CK33" s="435"/>
      <c r="CL33" s="435"/>
      <c r="CM33" s="435"/>
      <c r="CN33" s="202"/>
      <c r="CO33" s="470" t="s">
        <v>193</v>
      </c>
      <c r="CP33" s="470"/>
      <c r="CQ33" s="435" t="s">
        <v>200</v>
      </c>
      <c r="CR33" s="435"/>
      <c r="CS33" s="435"/>
      <c r="CT33" s="435"/>
      <c r="CU33" s="435"/>
      <c r="CV33" s="435"/>
      <c r="CW33" s="435"/>
      <c r="CX33" s="435"/>
      <c r="CY33" s="435"/>
      <c r="CZ33" s="435"/>
      <c r="DA33" s="435"/>
      <c r="DB33" s="435"/>
      <c r="DC33" s="435"/>
      <c r="DD33" s="435"/>
      <c r="DE33" s="435"/>
      <c r="DF33" s="202"/>
      <c r="DG33" s="635" t="s">
        <v>201</v>
      </c>
      <c r="DH33" s="635"/>
      <c r="DI33" s="204"/>
    </row>
    <row r="34" spans="1:113" ht="32.25" customHeight="1" x14ac:dyDescent="0.2">
      <c r="A34" s="177"/>
      <c r="B34" s="201"/>
      <c r="C34" s="636">
        <f>IF(E34="","",1)</f>
        <v>1</v>
      </c>
      <c r="D34" s="636"/>
      <c r="E34" s="637" t="str">
        <f>IF('各会計、関係団体の財政状況及び健全化判断比率'!B7="","",'各会計、関係団体の財政状況及び健全化判断比率'!B7)</f>
        <v>一般会計</v>
      </c>
      <c r="F34" s="637"/>
      <c r="G34" s="637"/>
      <c r="H34" s="637"/>
      <c r="I34" s="637"/>
      <c r="J34" s="637"/>
      <c r="K34" s="637"/>
      <c r="L34" s="637"/>
      <c r="M34" s="637"/>
      <c r="N34" s="637"/>
      <c r="O34" s="637"/>
      <c r="P34" s="637"/>
      <c r="Q34" s="637"/>
      <c r="R34" s="637"/>
      <c r="S34" s="637"/>
      <c r="T34" s="177"/>
      <c r="U34" s="636">
        <f>IF(W34="","",MAX(C34:D43)+1)</f>
        <v>3</v>
      </c>
      <c r="V34" s="636"/>
      <c r="W34" s="637" t="str">
        <f>IF('各会計、関係団体の財政状況及び健全化判断比率'!B28="","",'各会計、関係団体の財政状況及び健全化判断比率'!B28)</f>
        <v>国民健康保険事業特別会計</v>
      </c>
      <c r="X34" s="637"/>
      <c r="Y34" s="637"/>
      <c r="Z34" s="637"/>
      <c r="AA34" s="637"/>
      <c r="AB34" s="637"/>
      <c r="AC34" s="637"/>
      <c r="AD34" s="637"/>
      <c r="AE34" s="637"/>
      <c r="AF34" s="637"/>
      <c r="AG34" s="637"/>
      <c r="AH34" s="637"/>
      <c r="AI34" s="637"/>
      <c r="AJ34" s="637"/>
      <c r="AK34" s="637"/>
      <c r="AL34" s="177"/>
      <c r="AM34" s="636">
        <f>IF(AO34="","",MAX(C34:D43,U34:V43)+1)</f>
        <v>6</v>
      </c>
      <c r="AN34" s="636"/>
      <c r="AO34" s="637" t="str">
        <f>IF('各会計、関係団体の財政状況及び健全化判断比率'!B31="","",'各会計、関係団体の財政状況及び健全化判断比率'!B31)</f>
        <v>公共下水道事業会計</v>
      </c>
      <c r="AP34" s="637"/>
      <c r="AQ34" s="637"/>
      <c r="AR34" s="637"/>
      <c r="AS34" s="637"/>
      <c r="AT34" s="637"/>
      <c r="AU34" s="637"/>
      <c r="AV34" s="637"/>
      <c r="AW34" s="637"/>
      <c r="AX34" s="637"/>
      <c r="AY34" s="637"/>
      <c r="AZ34" s="637"/>
      <c r="BA34" s="637"/>
      <c r="BB34" s="637"/>
      <c r="BC34" s="637"/>
      <c r="BD34" s="177"/>
      <c r="BE34" s="636" t="str">
        <f>IF(BG34="","",MAX(C34:D43,U34:V43,AM34:AN43)+1)</f>
        <v/>
      </c>
      <c r="BF34" s="636"/>
      <c r="BG34" s="637"/>
      <c r="BH34" s="637"/>
      <c r="BI34" s="637"/>
      <c r="BJ34" s="637"/>
      <c r="BK34" s="637"/>
      <c r="BL34" s="637"/>
      <c r="BM34" s="637"/>
      <c r="BN34" s="637"/>
      <c r="BO34" s="637"/>
      <c r="BP34" s="637"/>
      <c r="BQ34" s="637"/>
      <c r="BR34" s="637"/>
      <c r="BS34" s="637"/>
      <c r="BT34" s="637"/>
      <c r="BU34" s="637"/>
      <c r="BV34" s="177"/>
      <c r="BW34" s="636">
        <f>IF(BY34="","",MAX(C34:D43,U34:V43,AM34:AN43,BE34:BF43)+1)</f>
        <v>7</v>
      </c>
      <c r="BX34" s="636"/>
      <c r="BY34" s="637" t="str">
        <f>IF('各会計、関係団体の財政状況及び健全化判断比率'!B68="","",'各会計、関係団体の財政状況及び健全化判断比率'!B68)</f>
        <v>秦野市伊勢原市環境衛生組合</v>
      </c>
      <c r="BZ34" s="637"/>
      <c r="CA34" s="637"/>
      <c r="CB34" s="637"/>
      <c r="CC34" s="637"/>
      <c r="CD34" s="637"/>
      <c r="CE34" s="637"/>
      <c r="CF34" s="637"/>
      <c r="CG34" s="637"/>
      <c r="CH34" s="637"/>
      <c r="CI34" s="637"/>
      <c r="CJ34" s="637"/>
      <c r="CK34" s="637"/>
      <c r="CL34" s="637"/>
      <c r="CM34" s="637"/>
      <c r="CN34" s="177"/>
      <c r="CO34" s="636">
        <f>IF(CQ34="","",MAX(C34:D43,U34:V43,AM34:AN43,BE34:BF43,BW34:BX43)+1)</f>
        <v>12</v>
      </c>
      <c r="CP34" s="636"/>
      <c r="CQ34" s="637" t="str">
        <f>IF('各会計、関係団体の財政状況及び健全化判断比率'!BS7="","",'各会計、関係団体の財政状況及び健全化判断比率'!BS7)</f>
        <v>伊勢原市土地開発公社</v>
      </c>
      <c r="CR34" s="637"/>
      <c r="CS34" s="637"/>
      <c r="CT34" s="637"/>
      <c r="CU34" s="637"/>
      <c r="CV34" s="637"/>
      <c r="CW34" s="637"/>
      <c r="CX34" s="637"/>
      <c r="CY34" s="637"/>
      <c r="CZ34" s="637"/>
      <c r="DA34" s="637"/>
      <c r="DB34" s="637"/>
      <c r="DC34" s="637"/>
      <c r="DD34" s="637"/>
      <c r="DE34" s="637"/>
      <c r="DG34" s="638" t="str">
        <f>IF('各会計、関係団体の財政状況及び健全化判断比率'!BR7="","",'各会計、関係団体の財政状況及び健全化判断比率'!BR7)</f>
        <v/>
      </c>
      <c r="DH34" s="638"/>
      <c r="DI34" s="204"/>
    </row>
    <row r="35" spans="1:113" ht="32.25" customHeight="1" x14ac:dyDescent="0.2">
      <c r="A35" s="177"/>
      <c r="B35" s="201"/>
      <c r="C35" s="636">
        <f>IF(E35="","",C34+1)</f>
        <v>2</v>
      </c>
      <c r="D35" s="636"/>
      <c r="E35" s="637" t="str">
        <f>IF('各会計、関係団体の財政状況及び健全化判断比率'!B8="","",'各会計、関係団体の財政状況及び健全化判断比率'!B8)</f>
        <v>用地取得事業特別会計</v>
      </c>
      <c r="F35" s="637"/>
      <c r="G35" s="637"/>
      <c r="H35" s="637"/>
      <c r="I35" s="637"/>
      <c r="J35" s="637"/>
      <c r="K35" s="637"/>
      <c r="L35" s="637"/>
      <c r="M35" s="637"/>
      <c r="N35" s="637"/>
      <c r="O35" s="637"/>
      <c r="P35" s="637"/>
      <c r="Q35" s="637"/>
      <c r="R35" s="637"/>
      <c r="S35" s="637"/>
      <c r="T35" s="177"/>
      <c r="U35" s="636">
        <f>IF(W35="","",U34+1)</f>
        <v>4</v>
      </c>
      <c r="V35" s="636"/>
      <c r="W35" s="637" t="str">
        <f>IF('各会計、関係団体の財政状況及び健全化判断比率'!B29="","",'各会計、関係団体の財政状況及び健全化判断比率'!B29)</f>
        <v>介護保険事業特別会計</v>
      </c>
      <c r="X35" s="637"/>
      <c r="Y35" s="637"/>
      <c r="Z35" s="637"/>
      <c r="AA35" s="637"/>
      <c r="AB35" s="637"/>
      <c r="AC35" s="637"/>
      <c r="AD35" s="637"/>
      <c r="AE35" s="637"/>
      <c r="AF35" s="637"/>
      <c r="AG35" s="637"/>
      <c r="AH35" s="637"/>
      <c r="AI35" s="637"/>
      <c r="AJ35" s="637"/>
      <c r="AK35" s="637"/>
      <c r="AL35" s="177"/>
      <c r="AM35" s="636" t="str">
        <f t="shared" ref="AM35:AM43" si="0">IF(AO35="","",AM34+1)</f>
        <v/>
      </c>
      <c r="AN35" s="636"/>
      <c r="AO35" s="637"/>
      <c r="AP35" s="637"/>
      <c r="AQ35" s="637"/>
      <c r="AR35" s="637"/>
      <c r="AS35" s="637"/>
      <c r="AT35" s="637"/>
      <c r="AU35" s="637"/>
      <c r="AV35" s="637"/>
      <c r="AW35" s="637"/>
      <c r="AX35" s="637"/>
      <c r="AY35" s="637"/>
      <c r="AZ35" s="637"/>
      <c r="BA35" s="637"/>
      <c r="BB35" s="637"/>
      <c r="BC35" s="637"/>
      <c r="BD35" s="177"/>
      <c r="BE35" s="636" t="str">
        <f t="shared" ref="BE35:BE43" si="1">IF(BG35="","",BE34+1)</f>
        <v/>
      </c>
      <c r="BF35" s="636"/>
      <c r="BG35" s="637"/>
      <c r="BH35" s="637"/>
      <c r="BI35" s="637"/>
      <c r="BJ35" s="637"/>
      <c r="BK35" s="637"/>
      <c r="BL35" s="637"/>
      <c r="BM35" s="637"/>
      <c r="BN35" s="637"/>
      <c r="BO35" s="637"/>
      <c r="BP35" s="637"/>
      <c r="BQ35" s="637"/>
      <c r="BR35" s="637"/>
      <c r="BS35" s="637"/>
      <c r="BT35" s="637"/>
      <c r="BU35" s="637"/>
      <c r="BV35" s="177"/>
      <c r="BW35" s="636">
        <f t="shared" ref="BW35:BW43" si="2">IF(BY35="","",BW34+1)</f>
        <v>8</v>
      </c>
      <c r="BX35" s="636"/>
      <c r="BY35" s="637" t="str">
        <f>IF('各会計、関係団体の財政状況及び健全化判断比率'!B69="","",'各会計、関係団体の財政状況及び健全化判断比率'!B69)</f>
        <v>金目川水害予防組合</v>
      </c>
      <c r="BZ35" s="637"/>
      <c r="CA35" s="637"/>
      <c r="CB35" s="637"/>
      <c r="CC35" s="637"/>
      <c r="CD35" s="637"/>
      <c r="CE35" s="637"/>
      <c r="CF35" s="637"/>
      <c r="CG35" s="637"/>
      <c r="CH35" s="637"/>
      <c r="CI35" s="637"/>
      <c r="CJ35" s="637"/>
      <c r="CK35" s="637"/>
      <c r="CL35" s="637"/>
      <c r="CM35" s="637"/>
      <c r="CN35" s="177"/>
      <c r="CO35" s="636">
        <f t="shared" ref="CO35:CO43" si="3">IF(CQ35="","",CO34+1)</f>
        <v>13</v>
      </c>
      <c r="CP35" s="636"/>
      <c r="CQ35" s="637" t="str">
        <f>IF('各会計、関係団体の財政状況及び健全化判断比率'!BS8="","",'各会計、関係団体の財政状況及び健全化判断比率'!BS8)</f>
        <v>(一財)伊勢原市事業公社</v>
      </c>
      <c r="CR35" s="637"/>
      <c r="CS35" s="637"/>
      <c r="CT35" s="637"/>
      <c r="CU35" s="637"/>
      <c r="CV35" s="637"/>
      <c r="CW35" s="637"/>
      <c r="CX35" s="637"/>
      <c r="CY35" s="637"/>
      <c r="CZ35" s="637"/>
      <c r="DA35" s="637"/>
      <c r="DB35" s="637"/>
      <c r="DC35" s="637"/>
      <c r="DD35" s="637"/>
      <c r="DE35" s="637"/>
      <c r="DG35" s="638" t="str">
        <f>IF('各会計、関係団体の財政状況及び健全化判断比率'!BR8="","",'各会計、関係団体の財政状況及び健全化判断比率'!BR8)</f>
        <v/>
      </c>
      <c r="DH35" s="638"/>
      <c r="DI35" s="204"/>
    </row>
    <row r="36" spans="1:113" ht="32.25" customHeight="1" x14ac:dyDescent="0.2">
      <c r="A36" s="177"/>
      <c r="B36" s="201"/>
      <c r="C36" s="636" t="str">
        <f>IF(E36="","",C35+1)</f>
        <v/>
      </c>
      <c r="D36" s="636"/>
      <c r="E36" s="637" t="str">
        <f>IF('各会計、関係団体の財政状況及び健全化判断比率'!B9="","",'各会計、関係団体の財政状況及び健全化判断比率'!B9)</f>
        <v/>
      </c>
      <c r="F36" s="637"/>
      <c r="G36" s="637"/>
      <c r="H36" s="637"/>
      <c r="I36" s="637"/>
      <c r="J36" s="637"/>
      <c r="K36" s="637"/>
      <c r="L36" s="637"/>
      <c r="M36" s="637"/>
      <c r="N36" s="637"/>
      <c r="O36" s="637"/>
      <c r="P36" s="637"/>
      <c r="Q36" s="637"/>
      <c r="R36" s="637"/>
      <c r="S36" s="637"/>
      <c r="T36" s="177"/>
      <c r="U36" s="636">
        <f t="shared" ref="U36:U43" si="4">IF(W36="","",U35+1)</f>
        <v>5</v>
      </c>
      <c r="V36" s="636"/>
      <c r="W36" s="637" t="str">
        <f>IF('各会計、関係団体の財政状況及び健全化判断比率'!B30="","",'各会計、関係団体の財政状況及び健全化判断比率'!B30)</f>
        <v>後期高齢者医療事業特別会計</v>
      </c>
      <c r="X36" s="637"/>
      <c r="Y36" s="637"/>
      <c r="Z36" s="637"/>
      <c r="AA36" s="637"/>
      <c r="AB36" s="637"/>
      <c r="AC36" s="637"/>
      <c r="AD36" s="637"/>
      <c r="AE36" s="637"/>
      <c r="AF36" s="637"/>
      <c r="AG36" s="637"/>
      <c r="AH36" s="637"/>
      <c r="AI36" s="637"/>
      <c r="AJ36" s="637"/>
      <c r="AK36" s="637"/>
      <c r="AL36" s="177"/>
      <c r="AM36" s="636" t="str">
        <f t="shared" si="0"/>
        <v/>
      </c>
      <c r="AN36" s="636"/>
      <c r="AO36" s="637"/>
      <c r="AP36" s="637"/>
      <c r="AQ36" s="637"/>
      <c r="AR36" s="637"/>
      <c r="AS36" s="637"/>
      <c r="AT36" s="637"/>
      <c r="AU36" s="637"/>
      <c r="AV36" s="637"/>
      <c r="AW36" s="637"/>
      <c r="AX36" s="637"/>
      <c r="AY36" s="637"/>
      <c r="AZ36" s="637"/>
      <c r="BA36" s="637"/>
      <c r="BB36" s="637"/>
      <c r="BC36" s="637"/>
      <c r="BD36" s="177"/>
      <c r="BE36" s="636" t="str">
        <f t="shared" si="1"/>
        <v/>
      </c>
      <c r="BF36" s="636"/>
      <c r="BG36" s="637"/>
      <c r="BH36" s="637"/>
      <c r="BI36" s="637"/>
      <c r="BJ36" s="637"/>
      <c r="BK36" s="637"/>
      <c r="BL36" s="637"/>
      <c r="BM36" s="637"/>
      <c r="BN36" s="637"/>
      <c r="BO36" s="637"/>
      <c r="BP36" s="637"/>
      <c r="BQ36" s="637"/>
      <c r="BR36" s="637"/>
      <c r="BS36" s="637"/>
      <c r="BT36" s="637"/>
      <c r="BU36" s="637"/>
      <c r="BV36" s="177"/>
      <c r="BW36" s="636">
        <f t="shared" si="2"/>
        <v>9</v>
      </c>
      <c r="BX36" s="636"/>
      <c r="BY36" s="637" t="str">
        <f>IF('各会計、関係団体の財政状況及び健全化判断比率'!B70="","",'各会計、関係団体の財政状況及び健全化判断比率'!B70)</f>
        <v>神奈川県後期高齢者医療広域連合(一般会計)</v>
      </c>
      <c r="BZ36" s="637"/>
      <c r="CA36" s="637"/>
      <c r="CB36" s="637"/>
      <c r="CC36" s="637"/>
      <c r="CD36" s="637"/>
      <c r="CE36" s="637"/>
      <c r="CF36" s="637"/>
      <c r="CG36" s="637"/>
      <c r="CH36" s="637"/>
      <c r="CI36" s="637"/>
      <c r="CJ36" s="637"/>
      <c r="CK36" s="637"/>
      <c r="CL36" s="637"/>
      <c r="CM36" s="637"/>
      <c r="CN36" s="177"/>
      <c r="CO36" s="636" t="str">
        <f t="shared" si="3"/>
        <v/>
      </c>
      <c r="CP36" s="636"/>
      <c r="CQ36" s="637" t="str">
        <f>IF('各会計、関係団体の財政状況及び健全化判断比率'!BS9="","",'各会計、関係団体の財政状況及び健全化判断比率'!BS9)</f>
        <v/>
      </c>
      <c r="CR36" s="637"/>
      <c r="CS36" s="637"/>
      <c r="CT36" s="637"/>
      <c r="CU36" s="637"/>
      <c r="CV36" s="637"/>
      <c r="CW36" s="637"/>
      <c r="CX36" s="637"/>
      <c r="CY36" s="637"/>
      <c r="CZ36" s="637"/>
      <c r="DA36" s="637"/>
      <c r="DB36" s="637"/>
      <c r="DC36" s="637"/>
      <c r="DD36" s="637"/>
      <c r="DE36" s="637"/>
      <c r="DG36" s="638" t="str">
        <f>IF('各会計、関係団体の財政状況及び健全化判断比率'!BR9="","",'各会計、関係団体の財政状況及び健全化判断比率'!BR9)</f>
        <v/>
      </c>
      <c r="DH36" s="638"/>
      <c r="DI36" s="204"/>
    </row>
    <row r="37" spans="1:113" ht="32.25" customHeight="1" x14ac:dyDescent="0.2">
      <c r="A37" s="177"/>
      <c r="B37" s="201"/>
      <c r="C37" s="636" t="str">
        <f>IF(E37="","",C36+1)</f>
        <v/>
      </c>
      <c r="D37" s="636"/>
      <c r="E37" s="637" t="str">
        <f>IF('各会計、関係団体の財政状況及び健全化判断比率'!B10="","",'各会計、関係団体の財政状況及び健全化判断比率'!B10)</f>
        <v/>
      </c>
      <c r="F37" s="637"/>
      <c r="G37" s="637"/>
      <c r="H37" s="637"/>
      <c r="I37" s="637"/>
      <c r="J37" s="637"/>
      <c r="K37" s="637"/>
      <c r="L37" s="637"/>
      <c r="M37" s="637"/>
      <c r="N37" s="637"/>
      <c r="O37" s="637"/>
      <c r="P37" s="637"/>
      <c r="Q37" s="637"/>
      <c r="R37" s="637"/>
      <c r="S37" s="637"/>
      <c r="T37" s="177"/>
      <c r="U37" s="636" t="str">
        <f t="shared" si="4"/>
        <v/>
      </c>
      <c r="V37" s="636"/>
      <c r="W37" s="637"/>
      <c r="X37" s="637"/>
      <c r="Y37" s="637"/>
      <c r="Z37" s="637"/>
      <c r="AA37" s="637"/>
      <c r="AB37" s="637"/>
      <c r="AC37" s="637"/>
      <c r="AD37" s="637"/>
      <c r="AE37" s="637"/>
      <c r="AF37" s="637"/>
      <c r="AG37" s="637"/>
      <c r="AH37" s="637"/>
      <c r="AI37" s="637"/>
      <c r="AJ37" s="637"/>
      <c r="AK37" s="637"/>
      <c r="AL37" s="177"/>
      <c r="AM37" s="636" t="str">
        <f t="shared" si="0"/>
        <v/>
      </c>
      <c r="AN37" s="636"/>
      <c r="AO37" s="637"/>
      <c r="AP37" s="637"/>
      <c r="AQ37" s="637"/>
      <c r="AR37" s="637"/>
      <c r="AS37" s="637"/>
      <c r="AT37" s="637"/>
      <c r="AU37" s="637"/>
      <c r="AV37" s="637"/>
      <c r="AW37" s="637"/>
      <c r="AX37" s="637"/>
      <c r="AY37" s="637"/>
      <c r="AZ37" s="637"/>
      <c r="BA37" s="637"/>
      <c r="BB37" s="637"/>
      <c r="BC37" s="637"/>
      <c r="BD37" s="177"/>
      <c r="BE37" s="636" t="str">
        <f t="shared" si="1"/>
        <v/>
      </c>
      <c r="BF37" s="636"/>
      <c r="BG37" s="637"/>
      <c r="BH37" s="637"/>
      <c r="BI37" s="637"/>
      <c r="BJ37" s="637"/>
      <c r="BK37" s="637"/>
      <c r="BL37" s="637"/>
      <c r="BM37" s="637"/>
      <c r="BN37" s="637"/>
      <c r="BO37" s="637"/>
      <c r="BP37" s="637"/>
      <c r="BQ37" s="637"/>
      <c r="BR37" s="637"/>
      <c r="BS37" s="637"/>
      <c r="BT37" s="637"/>
      <c r="BU37" s="637"/>
      <c r="BV37" s="177"/>
      <c r="BW37" s="636">
        <f t="shared" si="2"/>
        <v>10</v>
      </c>
      <c r="BX37" s="636"/>
      <c r="BY37" s="637" t="str">
        <f>IF('各会計、関係団体の財政状況及び健全化判断比率'!B71="","",'各会計、関係団体の財政状況及び健全化判断比率'!B71)</f>
        <v>神奈川県後期高齢者医療広域連合(事業会計)</v>
      </c>
      <c r="BZ37" s="637"/>
      <c r="CA37" s="637"/>
      <c r="CB37" s="637"/>
      <c r="CC37" s="637"/>
      <c r="CD37" s="637"/>
      <c r="CE37" s="637"/>
      <c r="CF37" s="637"/>
      <c r="CG37" s="637"/>
      <c r="CH37" s="637"/>
      <c r="CI37" s="637"/>
      <c r="CJ37" s="637"/>
      <c r="CK37" s="637"/>
      <c r="CL37" s="637"/>
      <c r="CM37" s="637"/>
      <c r="CN37" s="177"/>
      <c r="CO37" s="636" t="str">
        <f t="shared" si="3"/>
        <v/>
      </c>
      <c r="CP37" s="636"/>
      <c r="CQ37" s="637" t="str">
        <f>IF('各会計、関係団体の財政状況及び健全化判断比率'!BS10="","",'各会計、関係団体の財政状況及び健全化判断比率'!BS10)</f>
        <v/>
      </c>
      <c r="CR37" s="637"/>
      <c r="CS37" s="637"/>
      <c r="CT37" s="637"/>
      <c r="CU37" s="637"/>
      <c r="CV37" s="637"/>
      <c r="CW37" s="637"/>
      <c r="CX37" s="637"/>
      <c r="CY37" s="637"/>
      <c r="CZ37" s="637"/>
      <c r="DA37" s="637"/>
      <c r="DB37" s="637"/>
      <c r="DC37" s="637"/>
      <c r="DD37" s="637"/>
      <c r="DE37" s="637"/>
      <c r="DG37" s="638" t="str">
        <f>IF('各会計、関係団体の財政状況及び健全化判断比率'!BR10="","",'各会計、関係団体の財政状況及び健全化判断比率'!BR10)</f>
        <v/>
      </c>
      <c r="DH37" s="638"/>
      <c r="DI37" s="204"/>
    </row>
    <row r="38" spans="1:113" ht="32.25" customHeight="1" x14ac:dyDescent="0.2">
      <c r="A38" s="177"/>
      <c r="B38" s="201"/>
      <c r="C38" s="636" t="str">
        <f t="shared" ref="C38:C43" si="5">IF(E38="","",C37+1)</f>
        <v/>
      </c>
      <c r="D38" s="636"/>
      <c r="E38" s="637" t="str">
        <f>IF('各会計、関係団体の財政状況及び健全化判断比率'!B11="","",'各会計、関係団体の財政状況及び健全化判断比率'!B11)</f>
        <v/>
      </c>
      <c r="F38" s="637"/>
      <c r="G38" s="637"/>
      <c r="H38" s="637"/>
      <c r="I38" s="637"/>
      <c r="J38" s="637"/>
      <c r="K38" s="637"/>
      <c r="L38" s="637"/>
      <c r="M38" s="637"/>
      <c r="N38" s="637"/>
      <c r="O38" s="637"/>
      <c r="P38" s="637"/>
      <c r="Q38" s="637"/>
      <c r="R38" s="637"/>
      <c r="S38" s="637"/>
      <c r="T38" s="177"/>
      <c r="U38" s="636" t="str">
        <f t="shared" si="4"/>
        <v/>
      </c>
      <c r="V38" s="636"/>
      <c r="W38" s="637"/>
      <c r="X38" s="637"/>
      <c r="Y38" s="637"/>
      <c r="Z38" s="637"/>
      <c r="AA38" s="637"/>
      <c r="AB38" s="637"/>
      <c r="AC38" s="637"/>
      <c r="AD38" s="637"/>
      <c r="AE38" s="637"/>
      <c r="AF38" s="637"/>
      <c r="AG38" s="637"/>
      <c r="AH38" s="637"/>
      <c r="AI38" s="637"/>
      <c r="AJ38" s="637"/>
      <c r="AK38" s="637"/>
      <c r="AL38" s="177"/>
      <c r="AM38" s="636" t="str">
        <f t="shared" si="0"/>
        <v/>
      </c>
      <c r="AN38" s="636"/>
      <c r="AO38" s="637"/>
      <c r="AP38" s="637"/>
      <c r="AQ38" s="637"/>
      <c r="AR38" s="637"/>
      <c r="AS38" s="637"/>
      <c r="AT38" s="637"/>
      <c r="AU38" s="637"/>
      <c r="AV38" s="637"/>
      <c r="AW38" s="637"/>
      <c r="AX38" s="637"/>
      <c r="AY38" s="637"/>
      <c r="AZ38" s="637"/>
      <c r="BA38" s="637"/>
      <c r="BB38" s="637"/>
      <c r="BC38" s="637"/>
      <c r="BD38" s="177"/>
      <c r="BE38" s="636" t="str">
        <f t="shared" si="1"/>
        <v/>
      </c>
      <c r="BF38" s="636"/>
      <c r="BG38" s="637"/>
      <c r="BH38" s="637"/>
      <c r="BI38" s="637"/>
      <c r="BJ38" s="637"/>
      <c r="BK38" s="637"/>
      <c r="BL38" s="637"/>
      <c r="BM38" s="637"/>
      <c r="BN38" s="637"/>
      <c r="BO38" s="637"/>
      <c r="BP38" s="637"/>
      <c r="BQ38" s="637"/>
      <c r="BR38" s="637"/>
      <c r="BS38" s="637"/>
      <c r="BT38" s="637"/>
      <c r="BU38" s="637"/>
      <c r="BV38" s="177"/>
      <c r="BW38" s="636">
        <f t="shared" si="2"/>
        <v>11</v>
      </c>
      <c r="BX38" s="636"/>
      <c r="BY38" s="637" t="str">
        <f>IF('各会計、関係団体の財政状況及び健全化判断比率'!B72="","",'各会計、関係団体の財政状況及び健全化判断比率'!B72)</f>
        <v>神奈川県市町村職員退職手当組合</v>
      </c>
      <c r="BZ38" s="637"/>
      <c r="CA38" s="637"/>
      <c r="CB38" s="637"/>
      <c r="CC38" s="637"/>
      <c r="CD38" s="637"/>
      <c r="CE38" s="637"/>
      <c r="CF38" s="637"/>
      <c r="CG38" s="637"/>
      <c r="CH38" s="637"/>
      <c r="CI38" s="637"/>
      <c r="CJ38" s="637"/>
      <c r="CK38" s="637"/>
      <c r="CL38" s="637"/>
      <c r="CM38" s="637"/>
      <c r="CN38" s="177"/>
      <c r="CO38" s="636" t="str">
        <f t="shared" si="3"/>
        <v/>
      </c>
      <c r="CP38" s="636"/>
      <c r="CQ38" s="637" t="str">
        <f>IF('各会計、関係団体の財政状況及び健全化判断比率'!BS11="","",'各会計、関係団体の財政状況及び健全化判断比率'!BS11)</f>
        <v/>
      </c>
      <c r="CR38" s="637"/>
      <c r="CS38" s="637"/>
      <c r="CT38" s="637"/>
      <c r="CU38" s="637"/>
      <c r="CV38" s="637"/>
      <c r="CW38" s="637"/>
      <c r="CX38" s="637"/>
      <c r="CY38" s="637"/>
      <c r="CZ38" s="637"/>
      <c r="DA38" s="637"/>
      <c r="DB38" s="637"/>
      <c r="DC38" s="637"/>
      <c r="DD38" s="637"/>
      <c r="DE38" s="637"/>
      <c r="DG38" s="638" t="str">
        <f>IF('各会計、関係団体の財政状況及び健全化判断比率'!BR11="","",'各会計、関係団体の財政状況及び健全化判断比率'!BR11)</f>
        <v/>
      </c>
      <c r="DH38" s="638"/>
      <c r="DI38" s="204"/>
    </row>
    <row r="39" spans="1:113" ht="32.25" customHeight="1" x14ac:dyDescent="0.2">
      <c r="A39" s="177"/>
      <c r="B39" s="201"/>
      <c r="C39" s="636" t="str">
        <f t="shared" si="5"/>
        <v/>
      </c>
      <c r="D39" s="636"/>
      <c r="E39" s="637" t="str">
        <f>IF('各会計、関係団体の財政状況及び健全化判断比率'!B12="","",'各会計、関係団体の財政状況及び健全化判断比率'!B12)</f>
        <v/>
      </c>
      <c r="F39" s="637"/>
      <c r="G39" s="637"/>
      <c r="H39" s="637"/>
      <c r="I39" s="637"/>
      <c r="J39" s="637"/>
      <c r="K39" s="637"/>
      <c r="L39" s="637"/>
      <c r="M39" s="637"/>
      <c r="N39" s="637"/>
      <c r="O39" s="637"/>
      <c r="P39" s="637"/>
      <c r="Q39" s="637"/>
      <c r="R39" s="637"/>
      <c r="S39" s="637"/>
      <c r="T39" s="177"/>
      <c r="U39" s="636" t="str">
        <f t="shared" si="4"/>
        <v/>
      </c>
      <c r="V39" s="636"/>
      <c r="W39" s="637"/>
      <c r="X39" s="637"/>
      <c r="Y39" s="637"/>
      <c r="Z39" s="637"/>
      <c r="AA39" s="637"/>
      <c r="AB39" s="637"/>
      <c r="AC39" s="637"/>
      <c r="AD39" s="637"/>
      <c r="AE39" s="637"/>
      <c r="AF39" s="637"/>
      <c r="AG39" s="637"/>
      <c r="AH39" s="637"/>
      <c r="AI39" s="637"/>
      <c r="AJ39" s="637"/>
      <c r="AK39" s="637"/>
      <c r="AL39" s="177"/>
      <c r="AM39" s="636" t="str">
        <f t="shared" si="0"/>
        <v/>
      </c>
      <c r="AN39" s="636"/>
      <c r="AO39" s="637"/>
      <c r="AP39" s="637"/>
      <c r="AQ39" s="637"/>
      <c r="AR39" s="637"/>
      <c r="AS39" s="637"/>
      <c r="AT39" s="637"/>
      <c r="AU39" s="637"/>
      <c r="AV39" s="637"/>
      <c r="AW39" s="637"/>
      <c r="AX39" s="637"/>
      <c r="AY39" s="637"/>
      <c r="AZ39" s="637"/>
      <c r="BA39" s="637"/>
      <c r="BB39" s="637"/>
      <c r="BC39" s="637"/>
      <c r="BD39" s="177"/>
      <c r="BE39" s="636" t="str">
        <f t="shared" si="1"/>
        <v/>
      </c>
      <c r="BF39" s="636"/>
      <c r="BG39" s="637"/>
      <c r="BH39" s="637"/>
      <c r="BI39" s="637"/>
      <c r="BJ39" s="637"/>
      <c r="BK39" s="637"/>
      <c r="BL39" s="637"/>
      <c r="BM39" s="637"/>
      <c r="BN39" s="637"/>
      <c r="BO39" s="637"/>
      <c r="BP39" s="637"/>
      <c r="BQ39" s="637"/>
      <c r="BR39" s="637"/>
      <c r="BS39" s="637"/>
      <c r="BT39" s="637"/>
      <c r="BU39" s="637"/>
      <c r="BV39" s="177"/>
      <c r="BW39" s="636" t="str">
        <f t="shared" si="2"/>
        <v/>
      </c>
      <c r="BX39" s="636"/>
      <c r="BY39" s="637" t="str">
        <f>IF('各会計、関係団体の財政状況及び健全化判断比率'!B73="","",'各会計、関係団体の財政状況及び健全化判断比率'!B73)</f>
        <v/>
      </c>
      <c r="BZ39" s="637"/>
      <c r="CA39" s="637"/>
      <c r="CB39" s="637"/>
      <c r="CC39" s="637"/>
      <c r="CD39" s="637"/>
      <c r="CE39" s="637"/>
      <c r="CF39" s="637"/>
      <c r="CG39" s="637"/>
      <c r="CH39" s="637"/>
      <c r="CI39" s="637"/>
      <c r="CJ39" s="637"/>
      <c r="CK39" s="637"/>
      <c r="CL39" s="637"/>
      <c r="CM39" s="637"/>
      <c r="CN39" s="177"/>
      <c r="CO39" s="636" t="str">
        <f t="shared" si="3"/>
        <v/>
      </c>
      <c r="CP39" s="636"/>
      <c r="CQ39" s="637" t="str">
        <f>IF('各会計、関係団体の財政状況及び健全化判断比率'!BS12="","",'各会計、関係団体の財政状況及び健全化判断比率'!BS12)</f>
        <v/>
      </c>
      <c r="CR39" s="637"/>
      <c r="CS39" s="637"/>
      <c r="CT39" s="637"/>
      <c r="CU39" s="637"/>
      <c r="CV39" s="637"/>
      <c r="CW39" s="637"/>
      <c r="CX39" s="637"/>
      <c r="CY39" s="637"/>
      <c r="CZ39" s="637"/>
      <c r="DA39" s="637"/>
      <c r="DB39" s="637"/>
      <c r="DC39" s="637"/>
      <c r="DD39" s="637"/>
      <c r="DE39" s="637"/>
      <c r="DG39" s="638" t="str">
        <f>IF('各会計、関係団体の財政状況及び健全化判断比率'!BR12="","",'各会計、関係団体の財政状況及び健全化判断比率'!BR12)</f>
        <v/>
      </c>
      <c r="DH39" s="638"/>
      <c r="DI39" s="204"/>
    </row>
    <row r="40" spans="1:113" ht="32.25" customHeight="1" x14ac:dyDescent="0.2">
      <c r="A40" s="177"/>
      <c r="B40" s="201"/>
      <c r="C40" s="636" t="str">
        <f t="shared" si="5"/>
        <v/>
      </c>
      <c r="D40" s="636"/>
      <c r="E40" s="637" t="str">
        <f>IF('各会計、関係団体の財政状況及び健全化判断比率'!B13="","",'各会計、関係団体の財政状況及び健全化判断比率'!B13)</f>
        <v/>
      </c>
      <c r="F40" s="637"/>
      <c r="G40" s="637"/>
      <c r="H40" s="637"/>
      <c r="I40" s="637"/>
      <c r="J40" s="637"/>
      <c r="K40" s="637"/>
      <c r="L40" s="637"/>
      <c r="M40" s="637"/>
      <c r="N40" s="637"/>
      <c r="O40" s="637"/>
      <c r="P40" s="637"/>
      <c r="Q40" s="637"/>
      <c r="R40" s="637"/>
      <c r="S40" s="637"/>
      <c r="T40" s="177"/>
      <c r="U40" s="636" t="str">
        <f t="shared" si="4"/>
        <v/>
      </c>
      <c r="V40" s="636"/>
      <c r="W40" s="637"/>
      <c r="X40" s="637"/>
      <c r="Y40" s="637"/>
      <c r="Z40" s="637"/>
      <c r="AA40" s="637"/>
      <c r="AB40" s="637"/>
      <c r="AC40" s="637"/>
      <c r="AD40" s="637"/>
      <c r="AE40" s="637"/>
      <c r="AF40" s="637"/>
      <c r="AG40" s="637"/>
      <c r="AH40" s="637"/>
      <c r="AI40" s="637"/>
      <c r="AJ40" s="637"/>
      <c r="AK40" s="637"/>
      <c r="AL40" s="177"/>
      <c r="AM40" s="636" t="str">
        <f t="shared" si="0"/>
        <v/>
      </c>
      <c r="AN40" s="636"/>
      <c r="AO40" s="637"/>
      <c r="AP40" s="637"/>
      <c r="AQ40" s="637"/>
      <c r="AR40" s="637"/>
      <c r="AS40" s="637"/>
      <c r="AT40" s="637"/>
      <c r="AU40" s="637"/>
      <c r="AV40" s="637"/>
      <c r="AW40" s="637"/>
      <c r="AX40" s="637"/>
      <c r="AY40" s="637"/>
      <c r="AZ40" s="637"/>
      <c r="BA40" s="637"/>
      <c r="BB40" s="637"/>
      <c r="BC40" s="637"/>
      <c r="BD40" s="177"/>
      <c r="BE40" s="636" t="str">
        <f t="shared" si="1"/>
        <v/>
      </c>
      <c r="BF40" s="636"/>
      <c r="BG40" s="637"/>
      <c r="BH40" s="637"/>
      <c r="BI40" s="637"/>
      <c r="BJ40" s="637"/>
      <c r="BK40" s="637"/>
      <c r="BL40" s="637"/>
      <c r="BM40" s="637"/>
      <c r="BN40" s="637"/>
      <c r="BO40" s="637"/>
      <c r="BP40" s="637"/>
      <c r="BQ40" s="637"/>
      <c r="BR40" s="637"/>
      <c r="BS40" s="637"/>
      <c r="BT40" s="637"/>
      <c r="BU40" s="637"/>
      <c r="BV40" s="177"/>
      <c r="BW40" s="636" t="str">
        <f t="shared" si="2"/>
        <v/>
      </c>
      <c r="BX40" s="636"/>
      <c r="BY40" s="637" t="str">
        <f>IF('各会計、関係団体の財政状況及び健全化判断比率'!B74="","",'各会計、関係団体の財政状況及び健全化判断比率'!B74)</f>
        <v/>
      </c>
      <c r="BZ40" s="637"/>
      <c r="CA40" s="637"/>
      <c r="CB40" s="637"/>
      <c r="CC40" s="637"/>
      <c r="CD40" s="637"/>
      <c r="CE40" s="637"/>
      <c r="CF40" s="637"/>
      <c r="CG40" s="637"/>
      <c r="CH40" s="637"/>
      <c r="CI40" s="637"/>
      <c r="CJ40" s="637"/>
      <c r="CK40" s="637"/>
      <c r="CL40" s="637"/>
      <c r="CM40" s="637"/>
      <c r="CN40" s="177"/>
      <c r="CO40" s="636" t="str">
        <f t="shared" si="3"/>
        <v/>
      </c>
      <c r="CP40" s="636"/>
      <c r="CQ40" s="637" t="str">
        <f>IF('各会計、関係団体の財政状況及び健全化判断比率'!BS13="","",'各会計、関係団体の財政状況及び健全化判断比率'!BS13)</f>
        <v/>
      </c>
      <c r="CR40" s="637"/>
      <c r="CS40" s="637"/>
      <c r="CT40" s="637"/>
      <c r="CU40" s="637"/>
      <c r="CV40" s="637"/>
      <c r="CW40" s="637"/>
      <c r="CX40" s="637"/>
      <c r="CY40" s="637"/>
      <c r="CZ40" s="637"/>
      <c r="DA40" s="637"/>
      <c r="DB40" s="637"/>
      <c r="DC40" s="637"/>
      <c r="DD40" s="637"/>
      <c r="DE40" s="637"/>
      <c r="DG40" s="638" t="str">
        <f>IF('各会計、関係団体の財政状況及び健全化判断比率'!BR13="","",'各会計、関係団体の財政状況及び健全化判断比率'!BR13)</f>
        <v/>
      </c>
      <c r="DH40" s="638"/>
      <c r="DI40" s="204"/>
    </row>
    <row r="41" spans="1:113" ht="32.25" customHeight="1" x14ac:dyDescent="0.2">
      <c r="A41" s="177"/>
      <c r="B41" s="201"/>
      <c r="C41" s="636" t="str">
        <f t="shared" si="5"/>
        <v/>
      </c>
      <c r="D41" s="636"/>
      <c r="E41" s="637" t="str">
        <f>IF('各会計、関係団体の財政状況及び健全化判断比率'!B14="","",'各会計、関係団体の財政状況及び健全化判断比率'!B14)</f>
        <v/>
      </c>
      <c r="F41" s="637"/>
      <c r="G41" s="637"/>
      <c r="H41" s="637"/>
      <c r="I41" s="637"/>
      <c r="J41" s="637"/>
      <c r="K41" s="637"/>
      <c r="L41" s="637"/>
      <c r="M41" s="637"/>
      <c r="N41" s="637"/>
      <c r="O41" s="637"/>
      <c r="P41" s="637"/>
      <c r="Q41" s="637"/>
      <c r="R41" s="637"/>
      <c r="S41" s="637"/>
      <c r="T41" s="177"/>
      <c r="U41" s="636" t="str">
        <f t="shared" si="4"/>
        <v/>
      </c>
      <c r="V41" s="636"/>
      <c r="W41" s="637"/>
      <c r="X41" s="637"/>
      <c r="Y41" s="637"/>
      <c r="Z41" s="637"/>
      <c r="AA41" s="637"/>
      <c r="AB41" s="637"/>
      <c r="AC41" s="637"/>
      <c r="AD41" s="637"/>
      <c r="AE41" s="637"/>
      <c r="AF41" s="637"/>
      <c r="AG41" s="637"/>
      <c r="AH41" s="637"/>
      <c r="AI41" s="637"/>
      <c r="AJ41" s="637"/>
      <c r="AK41" s="637"/>
      <c r="AL41" s="177"/>
      <c r="AM41" s="636" t="str">
        <f t="shared" si="0"/>
        <v/>
      </c>
      <c r="AN41" s="636"/>
      <c r="AO41" s="637"/>
      <c r="AP41" s="637"/>
      <c r="AQ41" s="637"/>
      <c r="AR41" s="637"/>
      <c r="AS41" s="637"/>
      <c r="AT41" s="637"/>
      <c r="AU41" s="637"/>
      <c r="AV41" s="637"/>
      <c r="AW41" s="637"/>
      <c r="AX41" s="637"/>
      <c r="AY41" s="637"/>
      <c r="AZ41" s="637"/>
      <c r="BA41" s="637"/>
      <c r="BB41" s="637"/>
      <c r="BC41" s="637"/>
      <c r="BD41" s="177"/>
      <c r="BE41" s="636" t="str">
        <f t="shared" si="1"/>
        <v/>
      </c>
      <c r="BF41" s="636"/>
      <c r="BG41" s="637"/>
      <c r="BH41" s="637"/>
      <c r="BI41" s="637"/>
      <c r="BJ41" s="637"/>
      <c r="BK41" s="637"/>
      <c r="BL41" s="637"/>
      <c r="BM41" s="637"/>
      <c r="BN41" s="637"/>
      <c r="BO41" s="637"/>
      <c r="BP41" s="637"/>
      <c r="BQ41" s="637"/>
      <c r="BR41" s="637"/>
      <c r="BS41" s="637"/>
      <c r="BT41" s="637"/>
      <c r="BU41" s="637"/>
      <c r="BV41" s="177"/>
      <c r="BW41" s="636" t="str">
        <f t="shared" si="2"/>
        <v/>
      </c>
      <c r="BX41" s="636"/>
      <c r="BY41" s="637" t="str">
        <f>IF('各会計、関係団体の財政状況及び健全化判断比率'!B75="","",'各会計、関係団体の財政状況及び健全化判断比率'!B75)</f>
        <v/>
      </c>
      <c r="BZ41" s="637"/>
      <c r="CA41" s="637"/>
      <c r="CB41" s="637"/>
      <c r="CC41" s="637"/>
      <c r="CD41" s="637"/>
      <c r="CE41" s="637"/>
      <c r="CF41" s="637"/>
      <c r="CG41" s="637"/>
      <c r="CH41" s="637"/>
      <c r="CI41" s="637"/>
      <c r="CJ41" s="637"/>
      <c r="CK41" s="637"/>
      <c r="CL41" s="637"/>
      <c r="CM41" s="637"/>
      <c r="CN41" s="177"/>
      <c r="CO41" s="636" t="str">
        <f t="shared" si="3"/>
        <v/>
      </c>
      <c r="CP41" s="636"/>
      <c r="CQ41" s="637" t="str">
        <f>IF('各会計、関係団体の財政状況及び健全化判断比率'!BS14="","",'各会計、関係団体の財政状況及び健全化判断比率'!BS14)</f>
        <v/>
      </c>
      <c r="CR41" s="637"/>
      <c r="CS41" s="637"/>
      <c r="CT41" s="637"/>
      <c r="CU41" s="637"/>
      <c r="CV41" s="637"/>
      <c r="CW41" s="637"/>
      <c r="CX41" s="637"/>
      <c r="CY41" s="637"/>
      <c r="CZ41" s="637"/>
      <c r="DA41" s="637"/>
      <c r="DB41" s="637"/>
      <c r="DC41" s="637"/>
      <c r="DD41" s="637"/>
      <c r="DE41" s="637"/>
      <c r="DG41" s="638" t="str">
        <f>IF('各会計、関係団体の財政状況及び健全化判断比率'!BR14="","",'各会計、関係団体の財政状況及び健全化判断比率'!BR14)</f>
        <v/>
      </c>
      <c r="DH41" s="638"/>
      <c r="DI41" s="204"/>
    </row>
    <row r="42" spans="1:113" ht="32.25" customHeight="1" x14ac:dyDescent="0.2">
      <c r="B42" s="201"/>
      <c r="C42" s="636" t="str">
        <f t="shared" si="5"/>
        <v/>
      </c>
      <c r="D42" s="636"/>
      <c r="E42" s="637" t="str">
        <f>IF('各会計、関係団体の財政状況及び健全化判断比率'!B15="","",'各会計、関係団体の財政状況及び健全化判断比率'!B15)</f>
        <v/>
      </c>
      <c r="F42" s="637"/>
      <c r="G42" s="637"/>
      <c r="H42" s="637"/>
      <c r="I42" s="637"/>
      <c r="J42" s="637"/>
      <c r="K42" s="637"/>
      <c r="L42" s="637"/>
      <c r="M42" s="637"/>
      <c r="N42" s="637"/>
      <c r="O42" s="637"/>
      <c r="P42" s="637"/>
      <c r="Q42" s="637"/>
      <c r="R42" s="637"/>
      <c r="S42" s="637"/>
      <c r="T42" s="177"/>
      <c r="U42" s="636" t="str">
        <f t="shared" si="4"/>
        <v/>
      </c>
      <c r="V42" s="636"/>
      <c r="W42" s="637"/>
      <c r="X42" s="637"/>
      <c r="Y42" s="637"/>
      <c r="Z42" s="637"/>
      <c r="AA42" s="637"/>
      <c r="AB42" s="637"/>
      <c r="AC42" s="637"/>
      <c r="AD42" s="637"/>
      <c r="AE42" s="637"/>
      <c r="AF42" s="637"/>
      <c r="AG42" s="637"/>
      <c r="AH42" s="637"/>
      <c r="AI42" s="637"/>
      <c r="AJ42" s="637"/>
      <c r="AK42" s="637"/>
      <c r="AL42" s="177"/>
      <c r="AM42" s="636" t="str">
        <f t="shared" si="0"/>
        <v/>
      </c>
      <c r="AN42" s="636"/>
      <c r="AO42" s="637"/>
      <c r="AP42" s="637"/>
      <c r="AQ42" s="637"/>
      <c r="AR42" s="637"/>
      <c r="AS42" s="637"/>
      <c r="AT42" s="637"/>
      <c r="AU42" s="637"/>
      <c r="AV42" s="637"/>
      <c r="AW42" s="637"/>
      <c r="AX42" s="637"/>
      <c r="AY42" s="637"/>
      <c r="AZ42" s="637"/>
      <c r="BA42" s="637"/>
      <c r="BB42" s="637"/>
      <c r="BC42" s="637"/>
      <c r="BD42" s="177"/>
      <c r="BE42" s="636" t="str">
        <f t="shared" si="1"/>
        <v/>
      </c>
      <c r="BF42" s="636"/>
      <c r="BG42" s="637"/>
      <c r="BH42" s="637"/>
      <c r="BI42" s="637"/>
      <c r="BJ42" s="637"/>
      <c r="BK42" s="637"/>
      <c r="BL42" s="637"/>
      <c r="BM42" s="637"/>
      <c r="BN42" s="637"/>
      <c r="BO42" s="637"/>
      <c r="BP42" s="637"/>
      <c r="BQ42" s="637"/>
      <c r="BR42" s="637"/>
      <c r="BS42" s="637"/>
      <c r="BT42" s="637"/>
      <c r="BU42" s="637"/>
      <c r="BV42" s="177"/>
      <c r="BW42" s="636" t="str">
        <f t="shared" si="2"/>
        <v/>
      </c>
      <c r="BX42" s="636"/>
      <c r="BY42" s="637" t="str">
        <f>IF('各会計、関係団体の財政状況及び健全化判断比率'!B76="","",'各会計、関係団体の財政状況及び健全化判断比率'!B76)</f>
        <v/>
      </c>
      <c r="BZ42" s="637"/>
      <c r="CA42" s="637"/>
      <c r="CB42" s="637"/>
      <c r="CC42" s="637"/>
      <c r="CD42" s="637"/>
      <c r="CE42" s="637"/>
      <c r="CF42" s="637"/>
      <c r="CG42" s="637"/>
      <c r="CH42" s="637"/>
      <c r="CI42" s="637"/>
      <c r="CJ42" s="637"/>
      <c r="CK42" s="637"/>
      <c r="CL42" s="637"/>
      <c r="CM42" s="637"/>
      <c r="CN42" s="177"/>
      <c r="CO42" s="636" t="str">
        <f t="shared" si="3"/>
        <v/>
      </c>
      <c r="CP42" s="636"/>
      <c r="CQ42" s="637" t="str">
        <f>IF('各会計、関係団体の財政状況及び健全化判断比率'!BS15="","",'各会計、関係団体の財政状況及び健全化判断比率'!BS15)</f>
        <v/>
      </c>
      <c r="CR42" s="637"/>
      <c r="CS42" s="637"/>
      <c r="CT42" s="637"/>
      <c r="CU42" s="637"/>
      <c r="CV42" s="637"/>
      <c r="CW42" s="637"/>
      <c r="CX42" s="637"/>
      <c r="CY42" s="637"/>
      <c r="CZ42" s="637"/>
      <c r="DA42" s="637"/>
      <c r="DB42" s="637"/>
      <c r="DC42" s="637"/>
      <c r="DD42" s="637"/>
      <c r="DE42" s="637"/>
      <c r="DG42" s="638" t="str">
        <f>IF('各会計、関係団体の財政状況及び健全化判断比率'!BR15="","",'各会計、関係団体の財政状況及び健全化判断比率'!BR15)</f>
        <v/>
      </c>
      <c r="DH42" s="638"/>
      <c r="DI42" s="204"/>
    </row>
    <row r="43" spans="1:113" ht="32.25" customHeight="1" x14ac:dyDescent="0.2">
      <c r="B43" s="201"/>
      <c r="C43" s="636" t="str">
        <f t="shared" si="5"/>
        <v/>
      </c>
      <c r="D43" s="636"/>
      <c r="E43" s="637" t="str">
        <f>IF('各会計、関係団体の財政状況及び健全化判断比率'!B16="","",'各会計、関係団体の財政状況及び健全化判断比率'!B16)</f>
        <v/>
      </c>
      <c r="F43" s="637"/>
      <c r="G43" s="637"/>
      <c r="H43" s="637"/>
      <c r="I43" s="637"/>
      <c r="J43" s="637"/>
      <c r="K43" s="637"/>
      <c r="L43" s="637"/>
      <c r="M43" s="637"/>
      <c r="N43" s="637"/>
      <c r="O43" s="637"/>
      <c r="P43" s="637"/>
      <c r="Q43" s="637"/>
      <c r="R43" s="637"/>
      <c r="S43" s="637"/>
      <c r="T43" s="177"/>
      <c r="U43" s="636" t="str">
        <f t="shared" si="4"/>
        <v/>
      </c>
      <c r="V43" s="636"/>
      <c r="W43" s="637"/>
      <c r="X43" s="637"/>
      <c r="Y43" s="637"/>
      <c r="Z43" s="637"/>
      <c r="AA43" s="637"/>
      <c r="AB43" s="637"/>
      <c r="AC43" s="637"/>
      <c r="AD43" s="637"/>
      <c r="AE43" s="637"/>
      <c r="AF43" s="637"/>
      <c r="AG43" s="637"/>
      <c r="AH43" s="637"/>
      <c r="AI43" s="637"/>
      <c r="AJ43" s="637"/>
      <c r="AK43" s="637"/>
      <c r="AL43" s="177"/>
      <c r="AM43" s="636" t="str">
        <f t="shared" si="0"/>
        <v/>
      </c>
      <c r="AN43" s="636"/>
      <c r="AO43" s="637"/>
      <c r="AP43" s="637"/>
      <c r="AQ43" s="637"/>
      <c r="AR43" s="637"/>
      <c r="AS43" s="637"/>
      <c r="AT43" s="637"/>
      <c r="AU43" s="637"/>
      <c r="AV43" s="637"/>
      <c r="AW43" s="637"/>
      <c r="AX43" s="637"/>
      <c r="AY43" s="637"/>
      <c r="AZ43" s="637"/>
      <c r="BA43" s="637"/>
      <c r="BB43" s="637"/>
      <c r="BC43" s="637"/>
      <c r="BD43" s="177"/>
      <c r="BE43" s="636" t="str">
        <f t="shared" si="1"/>
        <v/>
      </c>
      <c r="BF43" s="636"/>
      <c r="BG43" s="637"/>
      <c r="BH43" s="637"/>
      <c r="BI43" s="637"/>
      <c r="BJ43" s="637"/>
      <c r="BK43" s="637"/>
      <c r="BL43" s="637"/>
      <c r="BM43" s="637"/>
      <c r="BN43" s="637"/>
      <c r="BO43" s="637"/>
      <c r="BP43" s="637"/>
      <c r="BQ43" s="637"/>
      <c r="BR43" s="637"/>
      <c r="BS43" s="637"/>
      <c r="BT43" s="637"/>
      <c r="BU43" s="637"/>
      <c r="BV43" s="177"/>
      <c r="BW43" s="636" t="str">
        <f t="shared" si="2"/>
        <v/>
      </c>
      <c r="BX43" s="636"/>
      <c r="BY43" s="637" t="str">
        <f>IF('各会計、関係団体の財政状況及び健全化判断比率'!B77="","",'各会計、関係団体の財政状況及び健全化判断比率'!B77)</f>
        <v/>
      </c>
      <c r="BZ43" s="637"/>
      <c r="CA43" s="637"/>
      <c r="CB43" s="637"/>
      <c r="CC43" s="637"/>
      <c r="CD43" s="637"/>
      <c r="CE43" s="637"/>
      <c r="CF43" s="637"/>
      <c r="CG43" s="637"/>
      <c r="CH43" s="637"/>
      <c r="CI43" s="637"/>
      <c r="CJ43" s="637"/>
      <c r="CK43" s="637"/>
      <c r="CL43" s="637"/>
      <c r="CM43" s="637"/>
      <c r="CN43" s="177"/>
      <c r="CO43" s="636" t="str">
        <f t="shared" si="3"/>
        <v/>
      </c>
      <c r="CP43" s="636"/>
      <c r="CQ43" s="637" t="str">
        <f>IF('各会計、関係団体の財政状況及び健全化判断比率'!BS16="","",'各会計、関係団体の財政状況及び健全化判断比率'!BS16)</f>
        <v/>
      </c>
      <c r="CR43" s="637"/>
      <c r="CS43" s="637"/>
      <c r="CT43" s="637"/>
      <c r="CU43" s="637"/>
      <c r="CV43" s="637"/>
      <c r="CW43" s="637"/>
      <c r="CX43" s="637"/>
      <c r="CY43" s="637"/>
      <c r="CZ43" s="637"/>
      <c r="DA43" s="637"/>
      <c r="DB43" s="637"/>
      <c r="DC43" s="637"/>
      <c r="DD43" s="637"/>
      <c r="DE43" s="637"/>
      <c r="DG43" s="638" t="str">
        <f>IF('各会計、関係団体の財政状況及び健全化判断比率'!BR16="","",'各会計、関係団体の財政状況及び健全化判断比率'!BR16)</f>
        <v/>
      </c>
      <c r="DH43" s="638"/>
      <c r="DI43" s="204"/>
    </row>
    <row r="44" spans="1:113" ht="13.5" customHeight="1" thickBot="1" x14ac:dyDescent="0.25">
      <c r="B44" s="205"/>
      <c r="C44" s="206"/>
      <c r="D44" s="206"/>
      <c r="E44" s="206"/>
      <c r="F44" s="206"/>
      <c r="G44" s="206"/>
      <c r="H44" s="206"/>
      <c r="I44" s="206"/>
      <c r="J44" s="206"/>
      <c r="K44" s="206"/>
      <c r="L44" s="206"/>
      <c r="M44" s="206"/>
      <c r="N44" s="206"/>
      <c r="O44" s="206"/>
      <c r="P44" s="206"/>
      <c r="Q44" s="206"/>
      <c r="R44" s="206"/>
      <c r="S44" s="206"/>
      <c r="T44" s="206"/>
      <c r="U44" s="206"/>
      <c r="V44" s="206"/>
      <c r="W44" s="206"/>
      <c r="X44" s="206"/>
      <c r="Y44" s="206"/>
      <c r="Z44" s="206"/>
      <c r="AA44" s="206"/>
      <c r="AB44" s="206"/>
      <c r="AC44" s="206"/>
      <c r="AD44" s="206"/>
      <c r="AE44" s="206"/>
      <c r="AF44" s="206"/>
      <c r="AG44" s="206"/>
      <c r="AH44" s="206"/>
      <c r="AI44" s="206"/>
      <c r="AJ44" s="206"/>
      <c r="AK44" s="206"/>
      <c r="AL44" s="206"/>
      <c r="AM44" s="206"/>
      <c r="AN44" s="206"/>
      <c r="AO44" s="206"/>
      <c r="AP44" s="206"/>
      <c r="AQ44" s="206"/>
      <c r="AR44" s="206"/>
      <c r="AS44" s="206"/>
      <c r="AT44" s="206"/>
      <c r="AU44" s="206"/>
      <c r="AV44" s="206"/>
      <c r="AW44" s="206"/>
      <c r="AX44" s="206"/>
      <c r="AY44" s="206"/>
      <c r="AZ44" s="206"/>
      <c r="BA44" s="206"/>
      <c r="BB44" s="206"/>
      <c r="BC44" s="206"/>
      <c r="BD44" s="206"/>
      <c r="BE44" s="206"/>
      <c r="BF44" s="206"/>
      <c r="BG44" s="206"/>
      <c r="BH44" s="206"/>
      <c r="BI44" s="206"/>
      <c r="BJ44" s="206"/>
      <c r="BK44" s="206"/>
      <c r="BL44" s="206"/>
      <c r="BM44" s="206"/>
      <c r="BN44" s="206"/>
      <c r="BO44" s="206"/>
      <c r="BP44" s="206"/>
      <c r="BQ44" s="206"/>
      <c r="BR44" s="206"/>
      <c r="BS44" s="206"/>
      <c r="BT44" s="206"/>
      <c r="BU44" s="206"/>
      <c r="BV44" s="206"/>
      <c r="BW44" s="206"/>
      <c r="BX44" s="206"/>
      <c r="BY44" s="206"/>
      <c r="BZ44" s="206"/>
      <c r="CA44" s="206"/>
      <c r="CB44" s="206"/>
      <c r="CC44" s="206"/>
      <c r="CD44" s="206"/>
      <c r="CE44" s="206"/>
      <c r="CF44" s="206"/>
      <c r="CG44" s="206"/>
      <c r="CH44" s="206"/>
      <c r="CI44" s="206"/>
      <c r="CJ44" s="206"/>
      <c r="CK44" s="206"/>
      <c r="CL44" s="206"/>
      <c r="CM44" s="206"/>
      <c r="CN44" s="206"/>
      <c r="CO44" s="206"/>
      <c r="CP44" s="206"/>
      <c r="CQ44" s="206"/>
      <c r="CR44" s="206"/>
      <c r="CS44" s="206"/>
      <c r="CT44" s="206"/>
      <c r="CU44" s="206"/>
      <c r="CV44" s="206"/>
      <c r="CW44" s="206"/>
      <c r="CX44" s="206"/>
      <c r="CY44" s="206"/>
      <c r="CZ44" s="206"/>
      <c r="DA44" s="206"/>
      <c r="DB44" s="206"/>
      <c r="DC44" s="206"/>
      <c r="DD44" s="206"/>
      <c r="DE44" s="206"/>
      <c r="DF44" s="206"/>
      <c r="DG44" s="206"/>
      <c r="DH44" s="206"/>
      <c r="DI44" s="207"/>
    </row>
    <row r="45" spans="1:113" x14ac:dyDescent="0.2"/>
    <row r="46" spans="1:113" x14ac:dyDescent="0.2">
      <c r="B46" s="176" t="s">
        <v>202</v>
      </c>
      <c r="E46" s="639" t="s">
        <v>203</v>
      </c>
      <c r="F46" s="639"/>
      <c r="G46" s="639"/>
      <c r="H46" s="639"/>
      <c r="I46" s="639"/>
      <c r="J46" s="639"/>
      <c r="K46" s="639"/>
      <c r="L46" s="639"/>
      <c r="M46" s="639"/>
      <c r="N46" s="639"/>
      <c r="O46" s="639"/>
      <c r="P46" s="639"/>
      <c r="Q46" s="639"/>
      <c r="R46" s="639"/>
      <c r="S46" s="639"/>
      <c r="T46" s="639"/>
      <c r="U46" s="639"/>
      <c r="V46" s="639"/>
      <c r="W46" s="639"/>
      <c r="X46" s="639"/>
      <c r="Y46" s="639"/>
      <c r="Z46" s="639"/>
      <c r="AA46" s="639"/>
      <c r="AB46" s="639"/>
      <c r="AC46" s="639"/>
      <c r="AD46" s="639"/>
      <c r="AE46" s="639"/>
      <c r="AF46" s="639"/>
      <c r="AG46" s="639"/>
      <c r="AH46" s="639"/>
      <c r="AI46" s="639"/>
      <c r="AJ46" s="639"/>
      <c r="AK46" s="639"/>
      <c r="AL46" s="639"/>
      <c r="AM46" s="639"/>
      <c r="AN46" s="639"/>
      <c r="AO46" s="639"/>
      <c r="AP46" s="639"/>
      <c r="AQ46" s="639"/>
      <c r="AR46" s="639"/>
      <c r="AS46" s="639"/>
      <c r="AT46" s="639"/>
      <c r="AU46" s="639"/>
      <c r="AV46" s="639"/>
      <c r="AW46" s="639"/>
      <c r="AX46" s="639"/>
      <c r="AY46" s="639"/>
      <c r="AZ46" s="639"/>
      <c r="BA46" s="639"/>
      <c r="BB46" s="639"/>
      <c r="BC46" s="639"/>
      <c r="BD46" s="639"/>
      <c r="BE46" s="639"/>
      <c r="BF46" s="639"/>
      <c r="BG46" s="639"/>
      <c r="BH46" s="639"/>
      <c r="BI46" s="639"/>
      <c r="BJ46" s="639"/>
      <c r="BK46" s="639"/>
      <c r="BL46" s="639"/>
      <c r="BM46" s="639"/>
      <c r="BN46" s="639"/>
      <c r="BO46" s="639"/>
      <c r="BP46" s="639"/>
      <c r="BQ46" s="639"/>
      <c r="BR46" s="639"/>
      <c r="BS46" s="639"/>
      <c r="BT46" s="639"/>
      <c r="BU46" s="639"/>
      <c r="BV46" s="639"/>
      <c r="BW46" s="639"/>
      <c r="BX46" s="639"/>
      <c r="BY46" s="639"/>
      <c r="BZ46" s="639"/>
      <c r="CA46" s="639"/>
      <c r="CB46" s="639"/>
      <c r="CC46" s="639"/>
      <c r="CD46" s="639"/>
      <c r="CE46" s="639"/>
      <c r="CF46" s="639"/>
      <c r="CG46" s="639"/>
      <c r="CH46" s="639"/>
      <c r="CI46" s="639"/>
      <c r="CJ46" s="639"/>
      <c r="CK46" s="639"/>
      <c r="CL46" s="639"/>
      <c r="CM46" s="639"/>
      <c r="CN46" s="639"/>
      <c r="CO46" s="639"/>
      <c r="CP46" s="639"/>
      <c r="CQ46" s="639"/>
      <c r="CR46" s="639"/>
      <c r="CS46" s="639"/>
      <c r="CT46" s="639"/>
      <c r="CU46" s="639"/>
      <c r="CV46" s="639"/>
      <c r="CW46" s="639"/>
      <c r="CX46" s="639"/>
      <c r="CY46" s="639"/>
      <c r="CZ46" s="639"/>
      <c r="DA46" s="639"/>
      <c r="DB46" s="639"/>
      <c r="DC46" s="639"/>
      <c r="DD46" s="639"/>
      <c r="DE46" s="639"/>
      <c r="DF46" s="639"/>
      <c r="DG46" s="639"/>
      <c r="DH46" s="639"/>
      <c r="DI46" s="639"/>
    </row>
    <row r="47" spans="1:113" x14ac:dyDescent="0.2">
      <c r="E47" s="639" t="s">
        <v>204</v>
      </c>
      <c r="F47" s="639"/>
      <c r="G47" s="639"/>
      <c r="H47" s="639"/>
      <c r="I47" s="639"/>
      <c r="J47" s="639"/>
      <c r="K47" s="639"/>
      <c r="L47" s="639"/>
      <c r="M47" s="639"/>
      <c r="N47" s="639"/>
      <c r="O47" s="639"/>
      <c r="P47" s="639"/>
      <c r="Q47" s="639"/>
      <c r="R47" s="639"/>
      <c r="S47" s="639"/>
      <c r="T47" s="639"/>
      <c r="U47" s="639"/>
      <c r="V47" s="639"/>
      <c r="W47" s="639"/>
      <c r="X47" s="639"/>
      <c r="Y47" s="639"/>
      <c r="Z47" s="639"/>
      <c r="AA47" s="639"/>
      <c r="AB47" s="639"/>
      <c r="AC47" s="639"/>
      <c r="AD47" s="639"/>
      <c r="AE47" s="639"/>
      <c r="AF47" s="639"/>
      <c r="AG47" s="639"/>
      <c r="AH47" s="639"/>
      <c r="AI47" s="639"/>
      <c r="AJ47" s="639"/>
      <c r="AK47" s="639"/>
      <c r="AL47" s="639"/>
      <c r="AM47" s="639"/>
      <c r="AN47" s="639"/>
      <c r="AO47" s="639"/>
      <c r="AP47" s="639"/>
      <c r="AQ47" s="639"/>
      <c r="AR47" s="639"/>
      <c r="AS47" s="639"/>
      <c r="AT47" s="639"/>
      <c r="AU47" s="639"/>
      <c r="AV47" s="639"/>
      <c r="AW47" s="639"/>
      <c r="AX47" s="639"/>
      <c r="AY47" s="639"/>
      <c r="AZ47" s="639"/>
      <c r="BA47" s="639"/>
      <c r="BB47" s="639"/>
      <c r="BC47" s="639"/>
      <c r="BD47" s="639"/>
      <c r="BE47" s="639"/>
      <c r="BF47" s="639"/>
      <c r="BG47" s="639"/>
      <c r="BH47" s="639"/>
      <c r="BI47" s="639"/>
      <c r="BJ47" s="639"/>
      <c r="BK47" s="639"/>
      <c r="BL47" s="639"/>
      <c r="BM47" s="639"/>
      <c r="BN47" s="639"/>
      <c r="BO47" s="639"/>
      <c r="BP47" s="639"/>
      <c r="BQ47" s="639"/>
      <c r="BR47" s="639"/>
      <c r="BS47" s="639"/>
      <c r="BT47" s="639"/>
      <c r="BU47" s="639"/>
      <c r="BV47" s="639"/>
      <c r="BW47" s="639"/>
      <c r="BX47" s="639"/>
      <c r="BY47" s="639"/>
      <c r="BZ47" s="639"/>
      <c r="CA47" s="639"/>
      <c r="CB47" s="639"/>
      <c r="CC47" s="639"/>
      <c r="CD47" s="639"/>
      <c r="CE47" s="639"/>
      <c r="CF47" s="639"/>
      <c r="CG47" s="639"/>
      <c r="CH47" s="639"/>
      <c r="CI47" s="639"/>
      <c r="CJ47" s="639"/>
      <c r="CK47" s="639"/>
      <c r="CL47" s="639"/>
      <c r="CM47" s="639"/>
      <c r="CN47" s="639"/>
      <c r="CO47" s="639"/>
      <c r="CP47" s="639"/>
      <c r="CQ47" s="639"/>
      <c r="CR47" s="639"/>
      <c r="CS47" s="639"/>
      <c r="CT47" s="639"/>
      <c r="CU47" s="639"/>
      <c r="CV47" s="639"/>
      <c r="CW47" s="639"/>
      <c r="CX47" s="639"/>
      <c r="CY47" s="639"/>
      <c r="CZ47" s="639"/>
      <c r="DA47" s="639"/>
      <c r="DB47" s="639"/>
      <c r="DC47" s="639"/>
      <c r="DD47" s="639"/>
      <c r="DE47" s="639"/>
      <c r="DF47" s="639"/>
      <c r="DG47" s="639"/>
      <c r="DH47" s="639"/>
      <c r="DI47" s="639"/>
    </row>
    <row r="48" spans="1:113" x14ac:dyDescent="0.2">
      <c r="E48" s="639" t="s">
        <v>205</v>
      </c>
      <c r="F48" s="639"/>
      <c r="G48" s="639"/>
      <c r="H48" s="639"/>
      <c r="I48" s="639"/>
      <c r="J48" s="639"/>
      <c r="K48" s="639"/>
      <c r="L48" s="639"/>
      <c r="M48" s="639"/>
      <c r="N48" s="639"/>
      <c r="O48" s="639"/>
      <c r="P48" s="639"/>
      <c r="Q48" s="639"/>
      <c r="R48" s="639"/>
      <c r="S48" s="639"/>
      <c r="T48" s="639"/>
      <c r="U48" s="639"/>
      <c r="V48" s="639"/>
      <c r="W48" s="639"/>
      <c r="X48" s="639"/>
      <c r="Y48" s="639"/>
      <c r="Z48" s="639"/>
      <c r="AA48" s="639"/>
      <c r="AB48" s="639"/>
      <c r="AC48" s="639"/>
      <c r="AD48" s="639"/>
      <c r="AE48" s="639"/>
      <c r="AF48" s="639"/>
      <c r="AG48" s="639"/>
      <c r="AH48" s="639"/>
      <c r="AI48" s="639"/>
      <c r="AJ48" s="639"/>
      <c r="AK48" s="639"/>
      <c r="AL48" s="639"/>
      <c r="AM48" s="639"/>
      <c r="AN48" s="639"/>
      <c r="AO48" s="639"/>
      <c r="AP48" s="639"/>
      <c r="AQ48" s="639"/>
      <c r="AR48" s="639"/>
      <c r="AS48" s="639"/>
      <c r="AT48" s="639"/>
      <c r="AU48" s="639"/>
      <c r="AV48" s="639"/>
      <c r="AW48" s="639"/>
      <c r="AX48" s="639"/>
      <c r="AY48" s="639"/>
      <c r="AZ48" s="639"/>
      <c r="BA48" s="639"/>
      <c r="BB48" s="639"/>
      <c r="BC48" s="639"/>
      <c r="BD48" s="639"/>
      <c r="BE48" s="639"/>
      <c r="BF48" s="639"/>
      <c r="BG48" s="639"/>
      <c r="BH48" s="639"/>
      <c r="BI48" s="639"/>
      <c r="BJ48" s="639"/>
      <c r="BK48" s="639"/>
      <c r="BL48" s="639"/>
      <c r="BM48" s="639"/>
      <c r="BN48" s="639"/>
      <c r="BO48" s="639"/>
      <c r="BP48" s="639"/>
      <c r="BQ48" s="639"/>
      <c r="BR48" s="639"/>
      <c r="BS48" s="639"/>
      <c r="BT48" s="639"/>
      <c r="BU48" s="639"/>
      <c r="BV48" s="639"/>
      <c r="BW48" s="639"/>
      <c r="BX48" s="639"/>
      <c r="BY48" s="639"/>
      <c r="BZ48" s="639"/>
      <c r="CA48" s="639"/>
      <c r="CB48" s="639"/>
      <c r="CC48" s="639"/>
      <c r="CD48" s="639"/>
      <c r="CE48" s="639"/>
      <c r="CF48" s="639"/>
      <c r="CG48" s="639"/>
      <c r="CH48" s="639"/>
      <c r="CI48" s="639"/>
      <c r="CJ48" s="639"/>
      <c r="CK48" s="639"/>
      <c r="CL48" s="639"/>
      <c r="CM48" s="639"/>
      <c r="CN48" s="639"/>
      <c r="CO48" s="639"/>
      <c r="CP48" s="639"/>
      <c r="CQ48" s="639"/>
      <c r="CR48" s="639"/>
      <c r="CS48" s="639"/>
      <c r="CT48" s="639"/>
      <c r="CU48" s="639"/>
      <c r="CV48" s="639"/>
      <c r="CW48" s="639"/>
      <c r="CX48" s="639"/>
      <c r="CY48" s="639"/>
      <c r="CZ48" s="639"/>
      <c r="DA48" s="639"/>
      <c r="DB48" s="639"/>
      <c r="DC48" s="639"/>
      <c r="DD48" s="639"/>
      <c r="DE48" s="639"/>
      <c r="DF48" s="639"/>
      <c r="DG48" s="639"/>
      <c r="DH48" s="639"/>
      <c r="DI48" s="639"/>
    </row>
    <row r="49" spans="5:113" x14ac:dyDescent="0.2">
      <c r="E49" s="640" t="s">
        <v>206</v>
      </c>
      <c r="F49" s="640"/>
      <c r="G49" s="640"/>
      <c r="H49" s="640"/>
      <c r="I49" s="640"/>
      <c r="J49" s="640"/>
      <c r="K49" s="640"/>
      <c r="L49" s="640"/>
      <c r="M49" s="640"/>
      <c r="N49" s="640"/>
      <c r="O49" s="640"/>
      <c r="P49" s="640"/>
      <c r="Q49" s="640"/>
      <c r="R49" s="640"/>
      <c r="S49" s="640"/>
      <c r="T49" s="640"/>
      <c r="U49" s="640"/>
      <c r="V49" s="640"/>
      <c r="W49" s="640"/>
      <c r="X49" s="640"/>
      <c r="Y49" s="640"/>
      <c r="Z49" s="640"/>
      <c r="AA49" s="640"/>
      <c r="AB49" s="640"/>
      <c r="AC49" s="640"/>
      <c r="AD49" s="640"/>
      <c r="AE49" s="640"/>
      <c r="AF49" s="640"/>
      <c r="AG49" s="640"/>
      <c r="AH49" s="640"/>
      <c r="AI49" s="640"/>
      <c r="AJ49" s="640"/>
      <c r="AK49" s="640"/>
      <c r="AL49" s="640"/>
      <c r="AM49" s="640"/>
      <c r="AN49" s="640"/>
      <c r="AO49" s="640"/>
      <c r="AP49" s="640"/>
      <c r="AQ49" s="640"/>
      <c r="AR49" s="640"/>
      <c r="AS49" s="640"/>
      <c r="AT49" s="640"/>
      <c r="AU49" s="640"/>
      <c r="AV49" s="640"/>
      <c r="AW49" s="640"/>
      <c r="AX49" s="640"/>
      <c r="AY49" s="640"/>
      <c r="AZ49" s="640"/>
      <c r="BA49" s="640"/>
      <c r="BB49" s="640"/>
      <c r="BC49" s="640"/>
      <c r="BD49" s="640"/>
      <c r="BE49" s="640"/>
      <c r="BF49" s="640"/>
      <c r="BG49" s="640"/>
      <c r="BH49" s="640"/>
      <c r="BI49" s="640"/>
      <c r="BJ49" s="640"/>
      <c r="BK49" s="640"/>
      <c r="BL49" s="640"/>
      <c r="BM49" s="640"/>
      <c r="BN49" s="640"/>
      <c r="BO49" s="640"/>
      <c r="BP49" s="640"/>
      <c r="BQ49" s="640"/>
      <c r="BR49" s="640"/>
      <c r="BS49" s="640"/>
      <c r="BT49" s="640"/>
      <c r="BU49" s="640"/>
      <c r="BV49" s="640"/>
      <c r="BW49" s="640"/>
      <c r="BX49" s="640"/>
      <c r="BY49" s="640"/>
      <c r="BZ49" s="640"/>
      <c r="CA49" s="640"/>
      <c r="CB49" s="640"/>
      <c r="CC49" s="640"/>
      <c r="CD49" s="640"/>
      <c r="CE49" s="640"/>
      <c r="CF49" s="640"/>
      <c r="CG49" s="640"/>
      <c r="CH49" s="640"/>
      <c r="CI49" s="640"/>
      <c r="CJ49" s="640"/>
      <c r="CK49" s="640"/>
      <c r="CL49" s="640"/>
      <c r="CM49" s="640"/>
      <c r="CN49" s="640"/>
      <c r="CO49" s="640"/>
      <c r="CP49" s="640"/>
      <c r="CQ49" s="640"/>
      <c r="CR49" s="640"/>
      <c r="CS49" s="640"/>
      <c r="CT49" s="640"/>
      <c r="CU49" s="640"/>
      <c r="CV49" s="640"/>
      <c r="CW49" s="640"/>
      <c r="CX49" s="640"/>
      <c r="CY49" s="640"/>
      <c r="CZ49" s="640"/>
      <c r="DA49" s="640"/>
      <c r="DB49" s="640"/>
      <c r="DC49" s="640"/>
      <c r="DD49" s="640"/>
      <c r="DE49" s="640"/>
      <c r="DF49" s="640"/>
      <c r="DG49" s="640"/>
      <c r="DH49" s="640"/>
      <c r="DI49" s="640"/>
    </row>
    <row r="50" spans="5:113" x14ac:dyDescent="0.2">
      <c r="E50" s="639" t="s">
        <v>207</v>
      </c>
      <c r="F50" s="639"/>
      <c r="G50" s="639"/>
      <c r="H50" s="639"/>
      <c r="I50" s="639"/>
      <c r="J50" s="639"/>
      <c r="K50" s="639"/>
      <c r="L50" s="639"/>
      <c r="M50" s="639"/>
      <c r="N50" s="639"/>
      <c r="O50" s="639"/>
      <c r="P50" s="639"/>
      <c r="Q50" s="639"/>
      <c r="R50" s="639"/>
      <c r="S50" s="639"/>
      <c r="T50" s="639"/>
      <c r="U50" s="639"/>
      <c r="V50" s="639"/>
      <c r="W50" s="639"/>
      <c r="X50" s="639"/>
      <c r="Y50" s="639"/>
      <c r="Z50" s="639"/>
      <c r="AA50" s="639"/>
      <c r="AB50" s="639"/>
      <c r="AC50" s="639"/>
      <c r="AD50" s="639"/>
      <c r="AE50" s="639"/>
      <c r="AF50" s="639"/>
      <c r="AG50" s="639"/>
      <c r="AH50" s="639"/>
      <c r="AI50" s="639"/>
      <c r="AJ50" s="639"/>
      <c r="AK50" s="639"/>
      <c r="AL50" s="639"/>
      <c r="AM50" s="639"/>
      <c r="AN50" s="639"/>
      <c r="AO50" s="639"/>
      <c r="AP50" s="639"/>
      <c r="AQ50" s="639"/>
      <c r="AR50" s="639"/>
      <c r="AS50" s="639"/>
      <c r="AT50" s="639"/>
      <c r="AU50" s="639"/>
      <c r="AV50" s="639"/>
      <c r="AW50" s="639"/>
      <c r="AX50" s="639"/>
      <c r="AY50" s="639"/>
      <c r="AZ50" s="639"/>
      <c r="BA50" s="639"/>
      <c r="BB50" s="639"/>
      <c r="BC50" s="639"/>
      <c r="BD50" s="639"/>
      <c r="BE50" s="639"/>
      <c r="BF50" s="639"/>
      <c r="BG50" s="639"/>
      <c r="BH50" s="639"/>
      <c r="BI50" s="639"/>
      <c r="BJ50" s="639"/>
      <c r="BK50" s="639"/>
      <c r="BL50" s="639"/>
      <c r="BM50" s="639"/>
      <c r="BN50" s="639"/>
      <c r="BO50" s="639"/>
      <c r="BP50" s="639"/>
      <c r="BQ50" s="639"/>
      <c r="BR50" s="639"/>
      <c r="BS50" s="639"/>
      <c r="BT50" s="639"/>
      <c r="BU50" s="639"/>
      <c r="BV50" s="639"/>
      <c r="BW50" s="639"/>
      <c r="BX50" s="639"/>
      <c r="BY50" s="639"/>
      <c r="BZ50" s="639"/>
      <c r="CA50" s="639"/>
      <c r="CB50" s="639"/>
      <c r="CC50" s="639"/>
      <c r="CD50" s="639"/>
      <c r="CE50" s="639"/>
      <c r="CF50" s="639"/>
      <c r="CG50" s="639"/>
      <c r="CH50" s="639"/>
      <c r="CI50" s="639"/>
      <c r="CJ50" s="639"/>
      <c r="CK50" s="639"/>
      <c r="CL50" s="639"/>
      <c r="CM50" s="639"/>
      <c r="CN50" s="639"/>
      <c r="CO50" s="639"/>
      <c r="CP50" s="639"/>
      <c r="CQ50" s="639"/>
      <c r="CR50" s="639"/>
      <c r="CS50" s="639"/>
      <c r="CT50" s="639"/>
      <c r="CU50" s="639"/>
      <c r="CV50" s="639"/>
      <c r="CW50" s="639"/>
      <c r="CX50" s="639"/>
      <c r="CY50" s="639"/>
      <c r="CZ50" s="639"/>
      <c r="DA50" s="639"/>
      <c r="DB50" s="639"/>
      <c r="DC50" s="639"/>
      <c r="DD50" s="639"/>
      <c r="DE50" s="639"/>
      <c r="DF50" s="639"/>
      <c r="DG50" s="639"/>
      <c r="DH50" s="639"/>
      <c r="DI50" s="639"/>
    </row>
    <row r="51" spans="5:113" x14ac:dyDescent="0.2">
      <c r="E51" s="639" t="s">
        <v>208</v>
      </c>
      <c r="F51" s="639"/>
      <c r="G51" s="639"/>
      <c r="H51" s="639"/>
      <c r="I51" s="639"/>
      <c r="J51" s="639"/>
      <c r="K51" s="639"/>
      <c r="L51" s="639"/>
      <c r="M51" s="639"/>
      <c r="N51" s="639"/>
      <c r="O51" s="639"/>
      <c r="P51" s="639"/>
      <c r="Q51" s="639"/>
      <c r="R51" s="639"/>
      <c r="S51" s="639"/>
      <c r="T51" s="639"/>
      <c r="U51" s="639"/>
      <c r="V51" s="639"/>
      <c r="W51" s="639"/>
      <c r="X51" s="639"/>
      <c r="Y51" s="639"/>
      <c r="Z51" s="639"/>
      <c r="AA51" s="639"/>
      <c r="AB51" s="639"/>
      <c r="AC51" s="639"/>
      <c r="AD51" s="639"/>
      <c r="AE51" s="639"/>
      <c r="AF51" s="639"/>
      <c r="AG51" s="639"/>
      <c r="AH51" s="639"/>
      <c r="AI51" s="639"/>
      <c r="AJ51" s="639"/>
      <c r="AK51" s="639"/>
      <c r="AL51" s="639"/>
      <c r="AM51" s="639"/>
      <c r="AN51" s="639"/>
      <c r="AO51" s="639"/>
      <c r="AP51" s="639"/>
      <c r="AQ51" s="639"/>
      <c r="AR51" s="639"/>
      <c r="AS51" s="639"/>
      <c r="AT51" s="639"/>
      <c r="AU51" s="639"/>
      <c r="AV51" s="639"/>
      <c r="AW51" s="639"/>
      <c r="AX51" s="639"/>
      <c r="AY51" s="639"/>
      <c r="AZ51" s="639"/>
      <c r="BA51" s="639"/>
      <c r="BB51" s="639"/>
      <c r="BC51" s="639"/>
      <c r="BD51" s="639"/>
      <c r="BE51" s="639"/>
      <c r="BF51" s="639"/>
      <c r="BG51" s="639"/>
      <c r="BH51" s="639"/>
      <c r="BI51" s="639"/>
      <c r="BJ51" s="639"/>
      <c r="BK51" s="639"/>
      <c r="BL51" s="639"/>
      <c r="BM51" s="639"/>
      <c r="BN51" s="639"/>
      <c r="BO51" s="639"/>
      <c r="BP51" s="639"/>
      <c r="BQ51" s="639"/>
      <c r="BR51" s="639"/>
      <c r="BS51" s="639"/>
      <c r="BT51" s="639"/>
      <c r="BU51" s="639"/>
      <c r="BV51" s="639"/>
      <c r="BW51" s="639"/>
      <c r="BX51" s="639"/>
      <c r="BY51" s="639"/>
      <c r="BZ51" s="639"/>
      <c r="CA51" s="639"/>
      <c r="CB51" s="639"/>
      <c r="CC51" s="639"/>
      <c r="CD51" s="639"/>
      <c r="CE51" s="639"/>
      <c r="CF51" s="639"/>
      <c r="CG51" s="639"/>
      <c r="CH51" s="639"/>
      <c r="CI51" s="639"/>
      <c r="CJ51" s="639"/>
      <c r="CK51" s="639"/>
      <c r="CL51" s="639"/>
      <c r="CM51" s="639"/>
      <c r="CN51" s="639"/>
      <c r="CO51" s="639"/>
      <c r="CP51" s="639"/>
      <c r="CQ51" s="639"/>
      <c r="CR51" s="639"/>
      <c r="CS51" s="639"/>
      <c r="CT51" s="639"/>
      <c r="CU51" s="639"/>
      <c r="CV51" s="639"/>
      <c r="CW51" s="639"/>
      <c r="CX51" s="639"/>
      <c r="CY51" s="639"/>
      <c r="CZ51" s="639"/>
      <c r="DA51" s="639"/>
      <c r="DB51" s="639"/>
      <c r="DC51" s="639"/>
      <c r="DD51" s="639"/>
      <c r="DE51" s="639"/>
      <c r="DF51" s="639"/>
      <c r="DG51" s="639"/>
      <c r="DH51" s="639"/>
      <c r="DI51" s="639"/>
    </row>
    <row r="52" spans="5:113" x14ac:dyDescent="0.2">
      <c r="E52" s="639" t="s">
        <v>209</v>
      </c>
      <c r="F52" s="639"/>
      <c r="G52" s="639"/>
      <c r="H52" s="639"/>
      <c r="I52" s="639"/>
      <c r="J52" s="639"/>
      <c r="K52" s="639"/>
      <c r="L52" s="639"/>
      <c r="M52" s="639"/>
      <c r="N52" s="639"/>
      <c r="O52" s="639"/>
      <c r="P52" s="639"/>
      <c r="Q52" s="639"/>
      <c r="R52" s="639"/>
      <c r="S52" s="639"/>
      <c r="T52" s="639"/>
      <c r="U52" s="639"/>
      <c r="V52" s="639"/>
      <c r="W52" s="639"/>
      <c r="X52" s="639"/>
      <c r="Y52" s="639"/>
      <c r="Z52" s="639"/>
      <c r="AA52" s="639"/>
      <c r="AB52" s="639"/>
      <c r="AC52" s="639"/>
      <c r="AD52" s="639"/>
      <c r="AE52" s="639"/>
      <c r="AF52" s="639"/>
      <c r="AG52" s="639"/>
      <c r="AH52" s="639"/>
      <c r="AI52" s="639"/>
      <c r="AJ52" s="639"/>
      <c r="AK52" s="639"/>
      <c r="AL52" s="639"/>
      <c r="AM52" s="639"/>
      <c r="AN52" s="639"/>
      <c r="AO52" s="639"/>
      <c r="AP52" s="639"/>
      <c r="AQ52" s="639"/>
      <c r="AR52" s="639"/>
      <c r="AS52" s="639"/>
      <c r="AT52" s="639"/>
      <c r="AU52" s="639"/>
      <c r="AV52" s="639"/>
      <c r="AW52" s="639"/>
      <c r="AX52" s="639"/>
      <c r="AY52" s="639"/>
      <c r="AZ52" s="639"/>
      <c r="BA52" s="639"/>
      <c r="BB52" s="639"/>
      <c r="BC52" s="639"/>
      <c r="BD52" s="639"/>
      <c r="BE52" s="639"/>
      <c r="BF52" s="639"/>
      <c r="BG52" s="639"/>
      <c r="BH52" s="639"/>
      <c r="BI52" s="639"/>
      <c r="BJ52" s="639"/>
      <c r="BK52" s="639"/>
      <c r="BL52" s="639"/>
      <c r="BM52" s="639"/>
      <c r="BN52" s="639"/>
      <c r="BO52" s="639"/>
      <c r="BP52" s="639"/>
      <c r="BQ52" s="639"/>
      <c r="BR52" s="639"/>
      <c r="BS52" s="639"/>
      <c r="BT52" s="639"/>
      <c r="BU52" s="639"/>
      <c r="BV52" s="639"/>
      <c r="BW52" s="639"/>
      <c r="BX52" s="639"/>
      <c r="BY52" s="639"/>
      <c r="BZ52" s="639"/>
      <c r="CA52" s="639"/>
      <c r="CB52" s="639"/>
      <c r="CC52" s="639"/>
      <c r="CD52" s="639"/>
      <c r="CE52" s="639"/>
      <c r="CF52" s="639"/>
      <c r="CG52" s="639"/>
      <c r="CH52" s="639"/>
      <c r="CI52" s="639"/>
      <c r="CJ52" s="639"/>
      <c r="CK52" s="639"/>
      <c r="CL52" s="639"/>
      <c r="CM52" s="639"/>
      <c r="CN52" s="639"/>
      <c r="CO52" s="639"/>
      <c r="CP52" s="639"/>
      <c r="CQ52" s="639"/>
      <c r="CR52" s="639"/>
      <c r="CS52" s="639"/>
      <c r="CT52" s="639"/>
      <c r="CU52" s="639"/>
      <c r="CV52" s="639"/>
      <c r="CW52" s="639"/>
      <c r="CX52" s="639"/>
      <c r="CY52" s="639"/>
      <c r="CZ52" s="639"/>
      <c r="DA52" s="639"/>
      <c r="DB52" s="639"/>
      <c r="DC52" s="639"/>
      <c r="DD52" s="639"/>
      <c r="DE52" s="639"/>
      <c r="DF52" s="639"/>
      <c r="DG52" s="639"/>
      <c r="DH52" s="639"/>
      <c r="DI52" s="639"/>
    </row>
    <row r="53" spans="5:113" x14ac:dyDescent="0.2">
      <c r="E53" s="366" t="s">
        <v>581</v>
      </c>
    </row>
    <row r="54" spans="5:113" x14ac:dyDescent="0.2"/>
    <row r="55" spans="5:113" x14ac:dyDescent="0.2"/>
    <row r="56" spans="5:113" x14ac:dyDescent="0.2"/>
  </sheetData>
  <sheetProtection algorithmName="SHA-512" hashValue="mooj43fU5VNUCBpLqQCA5ZNuxmiBt/v9+pJv1SXJ5Mcmj/Ks8cSxcPXBQxPJ23OnN2rgei7sfthJzOkdVDBsnA==" saltValue="w54wol7dxeG0vbdy6QvR9Q==" spinCount="100000" sheet="1" objects="1" scenarios="1"/>
  <mergeCells count="445">
    <mergeCell ref="E51:DI51"/>
    <mergeCell ref="E52:DI52"/>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45</v>
      </c>
      <c r="G33" s="29" t="s">
        <v>546</v>
      </c>
      <c r="H33" s="29" t="s">
        <v>547</v>
      </c>
      <c r="I33" s="29" t="s">
        <v>548</v>
      </c>
      <c r="J33" s="30" t="s">
        <v>549</v>
      </c>
      <c r="K33" s="22"/>
      <c r="L33" s="22"/>
      <c r="M33" s="22"/>
      <c r="N33" s="22"/>
      <c r="O33" s="22"/>
      <c r="P33" s="22"/>
    </row>
    <row r="34" spans="1:16" ht="39" customHeight="1" x14ac:dyDescent="0.2">
      <c r="A34" s="22"/>
      <c r="B34" s="31"/>
      <c r="C34" s="1215" t="s">
        <v>551</v>
      </c>
      <c r="D34" s="1215"/>
      <c r="E34" s="1216"/>
      <c r="F34" s="32">
        <v>4.82</v>
      </c>
      <c r="G34" s="33">
        <v>4.9000000000000004</v>
      </c>
      <c r="H34" s="33">
        <v>3.51</v>
      </c>
      <c r="I34" s="33">
        <v>6</v>
      </c>
      <c r="J34" s="34">
        <v>11.69</v>
      </c>
      <c r="K34" s="22"/>
      <c r="L34" s="22"/>
      <c r="M34" s="22"/>
      <c r="N34" s="22"/>
      <c r="O34" s="22"/>
      <c r="P34" s="22"/>
    </row>
    <row r="35" spans="1:16" ht="39" customHeight="1" x14ac:dyDescent="0.2">
      <c r="A35" s="22"/>
      <c r="B35" s="35"/>
      <c r="C35" s="1209" t="s">
        <v>552</v>
      </c>
      <c r="D35" s="1210"/>
      <c r="E35" s="1211"/>
      <c r="F35" s="36" t="s">
        <v>504</v>
      </c>
      <c r="G35" s="37" t="s">
        <v>504</v>
      </c>
      <c r="H35" s="37">
        <v>3.64</v>
      </c>
      <c r="I35" s="37">
        <v>2.58</v>
      </c>
      <c r="J35" s="38">
        <v>2.66</v>
      </c>
      <c r="K35" s="22"/>
      <c r="L35" s="22"/>
      <c r="M35" s="22"/>
      <c r="N35" s="22"/>
      <c r="O35" s="22"/>
      <c r="P35" s="22"/>
    </row>
    <row r="36" spans="1:16" ht="39" customHeight="1" x14ac:dyDescent="0.2">
      <c r="A36" s="22"/>
      <c r="B36" s="35"/>
      <c r="C36" s="1209" t="s">
        <v>553</v>
      </c>
      <c r="D36" s="1210"/>
      <c r="E36" s="1211"/>
      <c r="F36" s="36">
        <v>1.41</v>
      </c>
      <c r="G36" s="37">
        <v>1.68</v>
      </c>
      <c r="H36" s="37">
        <v>0.56000000000000005</v>
      </c>
      <c r="I36" s="37">
        <v>0.74</v>
      </c>
      <c r="J36" s="38">
        <v>1.37</v>
      </c>
      <c r="K36" s="22"/>
      <c r="L36" s="22"/>
      <c r="M36" s="22"/>
      <c r="N36" s="22"/>
      <c r="O36" s="22"/>
      <c r="P36" s="22"/>
    </row>
    <row r="37" spans="1:16" ht="39" customHeight="1" x14ac:dyDescent="0.2">
      <c r="A37" s="22"/>
      <c r="B37" s="35"/>
      <c r="C37" s="1209" t="s">
        <v>554</v>
      </c>
      <c r="D37" s="1210"/>
      <c r="E37" s="1211"/>
      <c r="F37" s="36">
        <v>4.29</v>
      </c>
      <c r="G37" s="37">
        <v>1.23</v>
      </c>
      <c r="H37" s="37">
        <v>0.72</v>
      </c>
      <c r="I37" s="37">
        <v>1.1100000000000001</v>
      </c>
      <c r="J37" s="38">
        <v>0.88</v>
      </c>
      <c r="K37" s="22"/>
      <c r="L37" s="22"/>
      <c r="M37" s="22"/>
      <c r="N37" s="22"/>
      <c r="O37" s="22"/>
      <c r="P37" s="22"/>
    </row>
    <row r="38" spans="1:16" ht="39" customHeight="1" x14ac:dyDescent="0.2">
      <c r="A38" s="22"/>
      <c r="B38" s="35"/>
      <c r="C38" s="1209" t="s">
        <v>555</v>
      </c>
      <c r="D38" s="1210"/>
      <c r="E38" s="1211"/>
      <c r="F38" s="36">
        <v>0.03</v>
      </c>
      <c r="G38" s="37">
        <v>0.02</v>
      </c>
      <c r="H38" s="37">
        <v>0.03</v>
      </c>
      <c r="I38" s="37">
        <v>0.02</v>
      </c>
      <c r="J38" s="38">
        <v>0.02</v>
      </c>
      <c r="K38" s="22"/>
      <c r="L38" s="22"/>
      <c r="M38" s="22"/>
      <c r="N38" s="22"/>
      <c r="O38" s="22"/>
      <c r="P38" s="22"/>
    </row>
    <row r="39" spans="1:16" ht="39" customHeight="1" x14ac:dyDescent="0.2">
      <c r="A39" s="22"/>
      <c r="B39" s="35"/>
      <c r="C39" s="1209" t="s">
        <v>556</v>
      </c>
      <c r="D39" s="1210"/>
      <c r="E39" s="1211"/>
      <c r="F39" s="36">
        <v>0</v>
      </c>
      <c r="G39" s="37">
        <v>0</v>
      </c>
      <c r="H39" s="37">
        <v>0</v>
      </c>
      <c r="I39" s="37">
        <v>0</v>
      </c>
      <c r="J39" s="38">
        <v>0</v>
      </c>
      <c r="K39" s="22"/>
      <c r="L39" s="22"/>
      <c r="M39" s="22"/>
      <c r="N39" s="22"/>
      <c r="O39" s="22"/>
      <c r="P39" s="22"/>
    </row>
    <row r="40" spans="1:16" ht="39" customHeight="1" x14ac:dyDescent="0.2">
      <c r="A40" s="22"/>
      <c r="B40" s="35"/>
      <c r="C40" s="1209"/>
      <c r="D40" s="1210"/>
      <c r="E40" s="1211"/>
      <c r="F40" s="36"/>
      <c r="G40" s="37"/>
      <c r="H40" s="37"/>
      <c r="I40" s="37"/>
      <c r="J40" s="38"/>
      <c r="K40" s="22"/>
      <c r="L40" s="22"/>
      <c r="M40" s="22"/>
      <c r="N40" s="22"/>
      <c r="O40" s="22"/>
      <c r="P40" s="22"/>
    </row>
    <row r="41" spans="1:16" ht="39" customHeight="1" x14ac:dyDescent="0.2">
      <c r="A41" s="22"/>
      <c r="B41" s="35"/>
      <c r="C41" s="1209"/>
      <c r="D41" s="1210"/>
      <c r="E41" s="1211"/>
      <c r="F41" s="36"/>
      <c r="G41" s="37"/>
      <c r="H41" s="37"/>
      <c r="I41" s="37"/>
      <c r="J41" s="38"/>
      <c r="K41" s="22"/>
      <c r="L41" s="22"/>
      <c r="M41" s="22"/>
      <c r="N41" s="22"/>
      <c r="O41" s="22"/>
      <c r="P41" s="22"/>
    </row>
    <row r="42" spans="1:16" ht="39" customHeight="1" x14ac:dyDescent="0.2">
      <c r="A42" s="22"/>
      <c r="B42" s="39"/>
      <c r="C42" s="1209" t="s">
        <v>557</v>
      </c>
      <c r="D42" s="1210"/>
      <c r="E42" s="1211"/>
      <c r="F42" s="36" t="s">
        <v>504</v>
      </c>
      <c r="G42" s="37" t="s">
        <v>504</v>
      </c>
      <c r="H42" s="37" t="s">
        <v>504</v>
      </c>
      <c r="I42" s="37" t="s">
        <v>504</v>
      </c>
      <c r="J42" s="38" t="s">
        <v>504</v>
      </c>
      <c r="K42" s="22"/>
      <c r="L42" s="22"/>
      <c r="M42" s="22"/>
      <c r="N42" s="22"/>
      <c r="O42" s="22"/>
      <c r="P42" s="22"/>
    </row>
    <row r="43" spans="1:16" ht="39" customHeight="1" thickBot="1" x14ac:dyDescent="0.25">
      <c r="A43" s="22"/>
      <c r="B43" s="40"/>
      <c r="C43" s="1212" t="s">
        <v>558</v>
      </c>
      <c r="D43" s="1213"/>
      <c r="E43" s="1214"/>
      <c r="F43" s="41">
        <v>0.64</v>
      </c>
      <c r="G43" s="42">
        <v>2.62</v>
      </c>
      <c r="H43" s="42" t="s">
        <v>504</v>
      </c>
      <c r="I43" s="42" t="s">
        <v>504</v>
      </c>
      <c r="J43" s="43" t="s">
        <v>50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3U6HeJW9HVQ1XOC+hQKfmi63sVqTgR8KHdhKNyPJhILRR88FVuCaPHbUj5fU//+alKFyAhYVoPaz5iUqLFwHDQ==" saltValue="4LCeztQluQUEvibr9fze2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2"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45</v>
      </c>
      <c r="L44" s="56" t="s">
        <v>546</v>
      </c>
      <c r="M44" s="56" t="s">
        <v>547</v>
      </c>
      <c r="N44" s="56" t="s">
        <v>548</v>
      </c>
      <c r="O44" s="57" t="s">
        <v>549</v>
      </c>
      <c r="P44" s="48"/>
      <c r="Q44" s="48"/>
      <c r="R44" s="48"/>
      <c r="S44" s="48"/>
      <c r="T44" s="48"/>
      <c r="U44" s="48"/>
    </row>
    <row r="45" spans="1:21" ht="30.75" customHeight="1" x14ac:dyDescent="0.2">
      <c r="A45" s="48"/>
      <c r="B45" s="1217" t="s">
        <v>11</v>
      </c>
      <c r="C45" s="1218"/>
      <c r="D45" s="58"/>
      <c r="E45" s="1223" t="s">
        <v>12</v>
      </c>
      <c r="F45" s="1223"/>
      <c r="G45" s="1223"/>
      <c r="H45" s="1223"/>
      <c r="I45" s="1223"/>
      <c r="J45" s="1224"/>
      <c r="K45" s="59">
        <v>2816</v>
      </c>
      <c r="L45" s="60">
        <v>2798</v>
      </c>
      <c r="M45" s="60">
        <v>2795</v>
      </c>
      <c r="N45" s="60">
        <v>2667</v>
      </c>
      <c r="O45" s="61">
        <v>2799</v>
      </c>
      <c r="P45" s="48"/>
      <c r="Q45" s="48"/>
      <c r="R45" s="48"/>
      <c r="S45" s="48"/>
      <c r="T45" s="48"/>
      <c r="U45" s="48"/>
    </row>
    <row r="46" spans="1:21" ht="30.75" customHeight="1" x14ac:dyDescent="0.2">
      <c r="A46" s="48"/>
      <c r="B46" s="1219"/>
      <c r="C46" s="1220"/>
      <c r="D46" s="62"/>
      <c r="E46" s="1225" t="s">
        <v>13</v>
      </c>
      <c r="F46" s="1225"/>
      <c r="G46" s="1225"/>
      <c r="H46" s="1225"/>
      <c r="I46" s="1225"/>
      <c r="J46" s="1226"/>
      <c r="K46" s="63" t="s">
        <v>504</v>
      </c>
      <c r="L46" s="64" t="s">
        <v>504</v>
      </c>
      <c r="M46" s="64" t="s">
        <v>504</v>
      </c>
      <c r="N46" s="64" t="s">
        <v>504</v>
      </c>
      <c r="O46" s="65" t="s">
        <v>504</v>
      </c>
      <c r="P46" s="48"/>
      <c r="Q46" s="48"/>
      <c r="R46" s="48"/>
      <c r="S46" s="48"/>
      <c r="T46" s="48"/>
      <c r="U46" s="48"/>
    </row>
    <row r="47" spans="1:21" ht="30.75" customHeight="1" x14ac:dyDescent="0.2">
      <c r="A47" s="48"/>
      <c r="B47" s="1219"/>
      <c r="C47" s="1220"/>
      <c r="D47" s="62"/>
      <c r="E47" s="1225" t="s">
        <v>14</v>
      </c>
      <c r="F47" s="1225"/>
      <c r="G47" s="1225"/>
      <c r="H47" s="1225"/>
      <c r="I47" s="1225"/>
      <c r="J47" s="1226"/>
      <c r="K47" s="63" t="s">
        <v>504</v>
      </c>
      <c r="L47" s="64" t="s">
        <v>504</v>
      </c>
      <c r="M47" s="64" t="s">
        <v>504</v>
      </c>
      <c r="N47" s="64" t="s">
        <v>504</v>
      </c>
      <c r="O47" s="65" t="s">
        <v>504</v>
      </c>
      <c r="P47" s="48"/>
      <c r="Q47" s="48"/>
      <c r="R47" s="48"/>
      <c r="S47" s="48"/>
      <c r="T47" s="48"/>
      <c r="U47" s="48"/>
    </row>
    <row r="48" spans="1:21" ht="30.75" customHeight="1" x14ac:dyDescent="0.2">
      <c r="A48" s="48"/>
      <c r="B48" s="1219"/>
      <c r="C48" s="1220"/>
      <c r="D48" s="62"/>
      <c r="E48" s="1225" t="s">
        <v>15</v>
      </c>
      <c r="F48" s="1225"/>
      <c r="G48" s="1225"/>
      <c r="H48" s="1225"/>
      <c r="I48" s="1225"/>
      <c r="J48" s="1226"/>
      <c r="K48" s="63">
        <v>867</v>
      </c>
      <c r="L48" s="64">
        <v>805</v>
      </c>
      <c r="M48" s="64">
        <v>719</v>
      </c>
      <c r="N48" s="64">
        <v>590</v>
      </c>
      <c r="O48" s="65">
        <v>500</v>
      </c>
      <c r="P48" s="48"/>
      <c r="Q48" s="48"/>
      <c r="R48" s="48"/>
      <c r="S48" s="48"/>
      <c r="T48" s="48"/>
      <c r="U48" s="48"/>
    </row>
    <row r="49" spans="1:21" ht="30.75" customHeight="1" x14ac:dyDescent="0.2">
      <c r="A49" s="48"/>
      <c r="B49" s="1219"/>
      <c r="C49" s="1220"/>
      <c r="D49" s="62"/>
      <c r="E49" s="1225" t="s">
        <v>16</v>
      </c>
      <c r="F49" s="1225"/>
      <c r="G49" s="1225"/>
      <c r="H49" s="1225"/>
      <c r="I49" s="1225"/>
      <c r="J49" s="1226"/>
      <c r="K49" s="63">
        <v>192</v>
      </c>
      <c r="L49" s="64">
        <v>193</v>
      </c>
      <c r="M49" s="64">
        <v>204</v>
      </c>
      <c r="N49" s="64">
        <v>246</v>
      </c>
      <c r="O49" s="65">
        <v>260</v>
      </c>
      <c r="P49" s="48"/>
      <c r="Q49" s="48"/>
      <c r="R49" s="48"/>
      <c r="S49" s="48"/>
      <c r="T49" s="48"/>
      <c r="U49" s="48"/>
    </row>
    <row r="50" spans="1:21" ht="30.75" customHeight="1" x14ac:dyDescent="0.2">
      <c r="A50" s="48"/>
      <c r="B50" s="1219"/>
      <c r="C50" s="1220"/>
      <c r="D50" s="62"/>
      <c r="E50" s="1225" t="s">
        <v>17</v>
      </c>
      <c r="F50" s="1225"/>
      <c r="G50" s="1225"/>
      <c r="H50" s="1225"/>
      <c r="I50" s="1225"/>
      <c r="J50" s="1226"/>
      <c r="K50" s="63">
        <v>447</v>
      </c>
      <c r="L50" s="64">
        <v>442</v>
      </c>
      <c r="M50" s="64">
        <v>438</v>
      </c>
      <c r="N50" s="64">
        <v>453</v>
      </c>
      <c r="O50" s="65">
        <v>449</v>
      </c>
      <c r="P50" s="48"/>
      <c r="Q50" s="48"/>
      <c r="R50" s="48"/>
      <c r="S50" s="48"/>
      <c r="T50" s="48"/>
      <c r="U50" s="48"/>
    </row>
    <row r="51" spans="1:21" ht="30.75" customHeight="1" x14ac:dyDescent="0.2">
      <c r="A51" s="48"/>
      <c r="B51" s="1221"/>
      <c r="C51" s="1222"/>
      <c r="D51" s="66"/>
      <c r="E51" s="1225" t="s">
        <v>18</v>
      </c>
      <c r="F51" s="1225"/>
      <c r="G51" s="1225"/>
      <c r="H51" s="1225"/>
      <c r="I51" s="1225"/>
      <c r="J51" s="1226"/>
      <c r="K51" s="63">
        <v>0</v>
      </c>
      <c r="L51" s="64">
        <v>0</v>
      </c>
      <c r="M51" s="64">
        <v>0</v>
      </c>
      <c r="N51" s="64">
        <v>1</v>
      </c>
      <c r="O51" s="65">
        <v>1</v>
      </c>
      <c r="P51" s="48"/>
      <c r="Q51" s="48"/>
      <c r="R51" s="48"/>
      <c r="S51" s="48"/>
      <c r="T51" s="48"/>
      <c r="U51" s="48"/>
    </row>
    <row r="52" spans="1:21" ht="30.75" customHeight="1" x14ac:dyDescent="0.2">
      <c r="A52" s="48"/>
      <c r="B52" s="1227" t="s">
        <v>19</v>
      </c>
      <c r="C52" s="1228"/>
      <c r="D52" s="66"/>
      <c r="E52" s="1225" t="s">
        <v>20</v>
      </c>
      <c r="F52" s="1225"/>
      <c r="G52" s="1225"/>
      <c r="H52" s="1225"/>
      <c r="I52" s="1225"/>
      <c r="J52" s="1226"/>
      <c r="K52" s="63">
        <v>3048</v>
      </c>
      <c r="L52" s="64">
        <v>3063</v>
      </c>
      <c r="M52" s="64">
        <v>2784</v>
      </c>
      <c r="N52" s="64">
        <v>2661</v>
      </c>
      <c r="O52" s="65">
        <v>2602</v>
      </c>
      <c r="P52" s="48"/>
      <c r="Q52" s="48"/>
      <c r="R52" s="48"/>
      <c r="S52" s="48"/>
      <c r="T52" s="48"/>
      <c r="U52" s="48"/>
    </row>
    <row r="53" spans="1:21" ht="30.75" customHeight="1" thickBot="1" x14ac:dyDescent="0.25">
      <c r="A53" s="48"/>
      <c r="B53" s="1229" t="s">
        <v>21</v>
      </c>
      <c r="C53" s="1230"/>
      <c r="D53" s="67"/>
      <c r="E53" s="1231" t="s">
        <v>22</v>
      </c>
      <c r="F53" s="1231"/>
      <c r="G53" s="1231"/>
      <c r="H53" s="1231"/>
      <c r="I53" s="1231"/>
      <c r="J53" s="1232"/>
      <c r="K53" s="68">
        <v>1274</v>
      </c>
      <c r="L53" s="69">
        <v>1175</v>
      </c>
      <c r="M53" s="69">
        <v>1372</v>
      </c>
      <c r="N53" s="69">
        <v>1296</v>
      </c>
      <c r="O53" s="70">
        <v>1407</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59</v>
      </c>
      <c r="P55" s="48"/>
      <c r="Q55" s="48"/>
      <c r="R55" s="48"/>
      <c r="S55" s="48"/>
      <c r="T55" s="48"/>
      <c r="U55" s="48"/>
    </row>
    <row r="56" spans="1:21" ht="31.5" customHeight="1" thickBot="1" x14ac:dyDescent="0.25">
      <c r="A56" s="48"/>
      <c r="B56" s="76"/>
      <c r="C56" s="77"/>
      <c r="D56" s="77"/>
      <c r="E56" s="78"/>
      <c r="F56" s="78"/>
      <c r="G56" s="78"/>
      <c r="H56" s="78"/>
      <c r="I56" s="78"/>
      <c r="J56" s="79" t="s">
        <v>2</v>
      </c>
      <c r="K56" s="80" t="s">
        <v>560</v>
      </c>
      <c r="L56" s="81" t="s">
        <v>561</v>
      </c>
      <c r="M56" s="81" t="s">
        <v>562</v>
      </c>
      <c r="N56" s="81" t="s">
        <v>563</v>
      </c>
      <c r="O56" s="82" t="s">
        <v>564</v>
      </c>
      <c r="P56" s="48"/>
      <c r="Q56" s="48"/>
      <c r="R56" s="48"/>
      <c r="S56" s="48"/>
      <c r="T56" s="48"/>
      <c r="U56" s="48"/>
    </row>
    <row r="57" spans="1:21" ht="31.5" customHeight="1" x14ac:dyDescent="0.2">
      <c r="B57" s="1233" t="s">
        <v>25</v>
      </c>
      <c r="C57" s="1234"/>
      <c r="D57" s="1237" t="s">
        <v>26</v>
      </c>
      <c r="E57" s="1238"/>
      <c r="F57" s="1238"/>
      <c r="G57" s="1238"/>
      <c r="H57" s="1238"/>
      <c r="I57" s="1238"/>
      <c r="J57" s="1239"/>
      <c r="K57" s="83"/>
      <c r="L57" s="84"/>
      <c r="M57" s="84"/>
      <c r="N57" s="84"/>
      <c r="O57" s="85"/>
    </row>
    <row r="58" spans="1:21" ht="31.5" customHeight="1" thickBot="1" x14ac:dyDescent="0.25">
      <c r="B58" s="1235"/>
      <c r="C58" s="1236"/>
      <c r="D58" s="1240" t="s">
        <v>27</v>
      </c>
      <c r="E58" s="1241"/>
      <c r="F58" s="1241"/>
      <c r="G58" s="1241"/>
      <c r="H58" s="1241"/>
      <c r="I58" s="1241"/>
      <c r="J58" s="1242"/>
      <c r="K58" s="86"/>
      <c r="L58" s="87"/>
      <c r="M58" s="87"/>
      <c r="N58" s="87"/>
      <c r="O58" s="88"/>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PITOcVFJCEwicy7ogPJpAhaPqzzFj8WiId2EjGCoEmIaxQ5hWhuD1uGU0hCEE7yV3p84bxCTyitUt0Y8043s2g==" saltValue="BYrFqR6E3nvljZQ8MGqiUg=="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6"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45</v>
      </c>
      <c r="J40" s="100" t="s">
        <v>546</v>
      </c>
      <c r="K40" s="100" t="s">
        <v>547</v>
      </c>
      <c r="L40" s="100" t="s">
        <v>548</v>
      </c>
      <c r="M40" s="101" t="s">
        <v>549</v>
      </c>
    </row>
    <row r="41" spans="2:13" ht="27.75" customHeight="1" x14ac:dyDescent="0.2">
      <c r="B41" s="1243" t="s">
        <v>30</v>
      </c>
      <c r="C41" s="1244"/>
      <c r="D41" s="102"/>
      <c r="E41" s="1249" t="s">
        <v>31</v>
      </c>
      <c r="F41" s="1249"/>
      <c r="G41" s="1249"/>
      <c r="H41" s="1250"/>
      <c r="I41" s="350">
        <v>25012</v>
      </c>
      <c r="J41" s="351">
        <v>23483</v>
      </c>
      <c r="K41" s="351">
        <v>23551</v>
      </c>
      <c r="L41" s="351">
        <v>23073</v>
      </c>
      <c r="M41" s="352">
        <v>22403</v>
      </c>
    </row>
    <row r="42" spans="2:13" ht="27.75" customHeight="1" x14ac:dyDescent="0.2">
      <c r="B42" s="1245"/>
      <c r="C42" s="1246"/>
      <c r="D42" s="103"/>
      <c r="E42" s="1251" t="s">
        <v>32</v>
      </c>
      <c r="F42" s="1251"/>
      <c r="G42" s="1251"/>
      <c r="H42" s="1252"/>
      <c r="I42" s="353">
        <v>5345</v>
      </c>
      <c r="J42" s="354">
        <v>4925</v>
      </c>
      <c r="K42" s="354">
        <v>4505</v>
      </c>
      <c r="L42" s="354">
        <v>4085</v>
      </c>
      <c r="M42" s="355">
        <v>3664</v>
      </c>
    </row>
    <row r="43" spans="2:13" ht="27.75" customHeight="1" x14ac:dyDescent="0.2">
      <c r="B43" s="1245"/>
      <c r="C43" s="1246"/>
      <c r="D43" s="103"/>
      <c r="E43" s="1251" t="s">
        <v>33</v>
      </c>
      <c r="F43" s="1251"/>
      <c r="G43" s="1251"/>
      <c r="H43" s="1252"/>
      <c r="I43" s="353">
        <v>11381</v>
      </c>
      <c r="J43" s="354">
        <v>11200</v>
      </c>
      <c r="K43" s="354">
        <v>10765</v>
      </c>
      <c r="L43" s="354">
        <v>9669</v>
      </c>
      <c r="M43" s="355">
        <v>8325</v>
      </c>
    </row>
    <row r="44" spans="2:13" ht="27.75" customHeight="1" x14ac:dyDescent="0.2">
      <c r="B44" s="1245"/>
      <c r="C44" s="1246"/>
      <c r="D44" s="103"/>
      <c r="E44" s="1251" t="s">
        <v>34</v>
      </c>
      <c r="F44" s="1251"/>
      <c r="G44" s="1251"/>
      <c r="H44" s="1252"/>
      <c r="I44" s="353">
        <v>2364</v>
      </c>
      <c r="J44" s="354">
        <v>2298</v>
      </c>
      <c r="K44" s="354">
        <v>2113</v>
      </c>
      <c r="L44" s="354">
        <v>1901</v>
      </c>
      <c r="M44" s="355">
        <v>1661</v>
      </c>
    </row>
    <row r="45" spans="2:13" ht="27.75" customHeight="1" x14ac:dyDescent="0.2">
      <c r="B45" s="1245"/>
      <c r="C45" s="1246"/>
      <c r="D45" s="103"/>
      <c r="E45" s="1251" t="s">
        <v>35</v>
      </c>
      <c r="F45" s="1251"/>
      <c r="G45" s="1251"/>
      <c r="H45" s="1252"/>
      <c r="I45" s="353">
        <v>3392</v>
      </c>
      <c r="J45" s="354">
        <v>2688</v>
      </c>
      <c r="K45" s="354">
        <v>2915</v>
      </c>
      <c r="L45" s="354">
        <v>3039</v>
      </c>
      <c r="M45" s="355">
        <v>3412</v>
      </c>
    </row>
    <row r="46" spans="2:13" ht="27.75" customHeight="1" x14ac:dyDescent="0.2">
      <c r="B46" s="1245"/>
      <c r="C46" s="1246"/>
      <c r="D46" s="104"/>
      <c r="E46" s="1251" t="s">
        <v>36</v>
      </c>
      <c r="F46" s="1251"/>
      <c r="G46" s="1251"/>
      <c r="H46" s="1252"/>
      <c r="I46" s="353">
        <v>245</v>
      </c>
      <c r="J46" s="354">
        <v>216</v>
      </c>
      <c r="K46" s="354">
        <v>187</v>
      </c>
      <c r="L46" s="354">
        <v>157</v>
      </c>
      <c r="M46" s="355">
        <v>128</v>
      </c>
    </row>
    <row r="47" spans="2:13" ht="27.75" customHeight="1" x14ac:dyDescent="0.2">
      <c r="B47" s="1245"/>
      <c r="C47" s="1246"/>
      <c r="D47" s="105"/>
      <c r="E47" s="1253" t="s">
        <v>37</v>
      </c>
      <c r="F47" s="1254"/>
      <c r="G47" s="1254"/>
      <c r="H47" s="1255"/>
      <c r="I47" s="353" t="s">
        <v>504</v>
      </c>
      <c r="J47" s="354" t="s">
        <v>504</v>
      </c>
      <c r="K47" s="354" t="s">
        <v>504</v>
      </c>
      <c r="L47" s="354" t="s">
        <v>504</v>
      </c>
      <c r="M47" s="355" t="s">
        <v>504</v>
      </c>
    </row>
    <row r="48" spans="2:13" ht="27.75" customHeight="1" x14ac:dyDescent="0.2">
      <c r="B48" s="1245"/>
      <c r="C48" s="1246"/>
      <c r="D48" s="103"/>
      <c r="E48" s="1251" t="s">
        <v>38</v>
      </c>
      <c r="F48" s="1251"/>
      <c r="G48" s="1251"/>
      <c r="H48" s="1252"/>
      <c r="I48" s="353" t="s">
        <v>504</v>
      </c>
      <c r="J48" s="354" t="s">
        <v>504</v>
      </c>
      <c r="K48" s="354" t="s">
        <v>504</v>
      </c>
      <c r="L48" s="354" t="s">
        <v>504</v>
      </c>
      <c r="M48" s="355" t="s">
        <v>504</v>
      </c>
    </row>
    <row r="49" spans="2:13" ht="27.75" customHeight="1" x14ac:dyDescent="0.2">
      <c r="B49" s="1247"/>
      <c r="C49" s="1248"/>
      <c r="D49" s="103"/>
      <c r="E49" s="1251" t="s">
        <v>39</v>
      </c>
      <c r="F49" s="1251"/>
      <c r="G49" s="1251"/>
      <c r="H49" s="1252"/>
      <c r="I49" s="353" t="s">
        <v>504</v>
      </c>
      <c r="J49" s="354" t="s">
        <v>504</v>
      </c>
      <c r="K49" s="354" t="s">
        <v>504</v>
      </c>
      <c r="L49" s="354" t="s">
        <v>504</v>
      </c>
      <c r="M49" s="355" t="s">
        <v>504</v>
      </c>
    </row>
    <row r="50" spans="2:13" ht="27.75" customHeight="1" x14ac:dyDescent="0.2">
      <c r="B50" s="1256" t="s">
        <v>40</v>
      </c>
      <c r="C50" s="1257"/>
      <c r="D50" s="106"/>
      <c r="E50" s="1251" t="s">
        <v>41</v>
      </c>
      <c r="F50" s="1251"/>
      <c r="G50" s="1251"/>
      <c r="H50" s="1252"/>
      <c r="I50" s="353">
        <v>3302</v>
      </c>
      <c r="J50" s="354">
        <v>3953</v>
      </c>
      <c r="K50" s="354">
        <v>3638</v>
      </c>
      <c r="L50" s="354">
        <v>2994</v>
      </c>
      <c r="M50" s="355">
        <v>3515</v>
      </c>
    </row>
    <row r="51" spans="2:13" ht="27.75" customHeight="1" x14ac:dyDescent="0.2">
      <c r="B51" s="1245"/>
      <c r="C51" s="1246"/>
      <c r="D51" s="103"/>
      <c r="E51" s="1251" t="s">
        <v>42</v>
      </c>
      <c r="F51" s="1251"/>
      <c r="G51" s="1251"/>
      <c r="H51" s="1252"/>
      <c r="I51" s="353">
        <v>6176</v>
      </c>
      <c r="J51" s="354">
        <v>6208</v>
      </c>
      <c r="K51" s="354">
        <v>6695</v>
      </c>
      <c r="L51" s="354">
        <v>6818</v>
      </c>
      <c r="M51" s="355">
        <v>6756</v>
      </c>
    </row>
    <row r="52" spans="2:13" ht="27.75" customHeight="1" x14ac:dyDescent="0.2">
      <c r="B52" s="1247"/>
      <c r="C52" s="1248"/>
      <c r="D52" s="103"/>
      <c r="E52" s="1251" t="s">
        <v>43</v>
      </c>
      <c r="F52" s="1251"/>
      <c r="G52" s="1251"/>
      <c r="H52" s="1252"/>
      <c r="I52" s="353">
        <v>24369</v>
      </c>
      <c r="J52" s="354">
        <v>23484</v>
      </c>
      <c r="K52" s="354">
        <v>22474</v>
      </c>
      <c r="L52" s="354">
        <v>21620</v>
      </c>
      <c r="M52" s="355">
        <v>21332</v>
      </c>
    </row>
    <row r="53" spans="2:13" ht="27.75" customHeight="1" thickBot="1" x14ac:dyDescent="0.25">
      <c r="B53" s="1258" t="s">
        <v>44</v>
      </c>
      <c r="C53" s="1259"/>
      <c r="D53" s="107"/>
      <c r="E53" s="1260" t="s">
        <v>45</v>
      </c>
      <c r="F53" s="1260"/>
      <c r="G53" s="1260"/>
      <c r="H53" s="1261"/>
      <c r="I53" s="356">
        <v>13891</v>
      </c>
      <c r="J53" s="357">
        <v>11164</v>
      </c>
      <c r="K53" s="357">
        <v>11230</v>
      </c>
      <c r="L53" s="357">
        <v>10492</v>
      </c>
      <c r="M53" s="358">
        <v>7991</v>
      </c>
    </row>
    <row r="54" spans="2:13" ht="27.75" customHeight="1" x14ac:dyDescent="0.2">
      <c r="B54" s="108" t="s">
        <v>46</v>
      </c>
      <c r="C54" s="109"/>
      <c r="D54" s="109"/>
      <c r="E54" s="110"/>
      <c r="F54" s="110"/>
      <c r="G54" s="110"/>
      <c r="H54" s="110"/>
      <c r="I54" s="111"/>
      <c r="J54" s="111"/>
      <c r="K54" s="111"/>
      <c r="L54" s="111"/>
      <c r="M54" s="111"/>
    </row>
    <row r="55" spans="2:13" ht="13.2" x14ac:dyDescent="0.2"/>
  </sheetData>
  <sheetProtection algorithmName="SHA-512" hashValue="64S3qybYYqz6FC/NimG0Qs29pXTWDxO+6WuW4SFgogUEiXUpVgATk17dcajVhzNmwyg29UuqFEhj1WccRQsffw==" saltValue="Ztx+Muz1pb63nQpX81o0j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E85"/>
  <sheetViews>
    <sheetView showGridLines="0" zoomScaleNormal="100" zoomScaleSheetLayoutView="55" workbookViewId="0"/>
  </sheetViews>
  <sheetFormatPr defaultColWidth="0" defaultRowHeight="13.5" customHeight="1" zeroHeight="1" x14ac:dyDescent="0.2"/>
  <cols>
    <col min="1" max="1" width="6.33203125" style="369" customWidth="1"/>
    <col min="2" max="107" width="2.44140625" style="369" customWidth="1"/>
    <col min="108" max="108" width="6.109375" style="376" customWidth="1"/>
    <col min="109" max="109" width="5.88671875" style="375" customWidth="1"/>
    <col min="110" max="16384" width="8.6640625" style="369" hidden="1"/>
  </cols>
  <sheetData>
    <row r="1" spans="1:109" ht="42.75" customHeight="1" x14ac:dyDescent="0.2">
      <c r="A1" s="367"/>
      <c r="B1" s="368"/>
      <c r="DD1" s="369"/>
      <c r="DE1" s="369"/>
    </row>
    <row r="2" spans="1:109" ht="25.5" customHeight="1" x14ac:dyDescent="0.2">
      <c r="A2" s="370"/>
      <c r="C2" s="370"/>
      <c r="O2" s="370"/>
      <c r="P2" s="370"/>
      <c r="Q2" s="370"/>
      <c r="R2" s="370"/>
      <c r="S2" s="370"/>
      <c r="T2" s="370"/>
      <c r="U2" s="370"/>
      <c r="V2" s="370"/>
      <c r="W2" s="370"/>
      <c r="X2" s="370"/>
      <c r="Y2" s="370"/>
      <c r="Z2" s="370"/>
      <c r="AA2" s="370"/>
      <c r="AB2" s="370"/>
      <c r="AC2" s="370"/>
      <c r="AD2" s="370"/>
      <c r="AE2" s="370"/>
      <c r="AF2" s="370"/>
      <c r="AG2" s="370"/>
      <c r="AH2" s="370"/>
      <c r="AI2" s="370"/>
      <c r="AU2" s="370"/>
      <c r="BG2" s="370"/>
      <c r="BS2" s="370"/>
      <c r="CE2" s="370"/>
      <c r="CQ2" s="370"/>
      <c r="DD2" s="369"/>
      <c r="DE2" s="369"/>
    </row>
    <row r="3" spans="1:109" ht="25.5" customHeight="1" x14ac:dyDescent="0.2">
      <c r="A3" s="370"/>
      <c r="C3" s="370"/>
      <c r="O3" s="370"/>
      <c r="P3" s="370"/>
      <c r="Q3" s="370"/>
      <c r="R3" s="370"/>
      <c r="S3" s="370"/>
      <c r="T3" s="370"/>
      <c r="U3" s="370"/>
      <c r="V3" s="370"/>
      <c r="W3" s="370"/>
      <c r="X3" s="370"/>
      <c r="Y3" s="370"/>
      <c r="Z3" s="370"/>
      <c r="AA3" s="370"/>
      <c r="AB3" s="370"/>
      <c r="AC3" s="370"/>
      <c r="AD3" s="370"/>
      <c r="AE3" s="370"/>
      <c r="AF3" s="370"/>
      <c r="AG3" s="370"/>
      <c r="AH3" s="370"/>
      <c r="AI3" s="370"/>
      <c r="AU3" s="370"/>
      <c r="BG3" s="370"/>
      <c r="BS3" s="370"/>
      <c r="CE3" s="370"/>
      <c r="CQ3" s="370"/>
      <c r="DD3" s="369"/>
      <c r="DE3" s="369"/>
    </row>
    <row r="4" spans="1:109" s="254" customFormat="1" ht="13.2" x14ac:dyDescent="0.2">
      <c r="A4" s="370"/>
      <c r="B4" s="370"/>
      <c r="C4" s="370"/>
      <c r="D4" s="370"/>
      <c r="E4" s="370"/>
      <c r="F4" s="370"/>
      <c r="G4" s="370"/>
      <c r="H4" s="370"/>
      <c r="I4" s="370"/>
      <c r="J4" s="370"/>
      <c r="K4" s="370"/>
      <c r="L4" s="370"/>
      <c r="M4" s="370"/>
      <c r="N4" s="370"/>
      <c r="O4" s="370"/>
      <c r="P4" s="370"/>
      <c r="Q4" s="370"/>
      <c r="R4" s="370"/>
      <c r="S4" s="370"/>
      <c r="T4" s="370"/>
      <c r="U4" s="370"/>
      <c r="V4" s="370"/>
      <c r="W4" s="370"/>
      <c r="X4" s="370"/>
      <c r="Y4" s="370"/>
      <c r="Z4" s="370"/>
      <c r="AA4" s="370"/>
      <c r="AB4" s="370"/>
      <c r="AC4" s="370"/>
      <c r="AD4" s="370"/>
      <c r="AE4" s="370"/>
      <c r="AF4" s="370"/>
      <c r="AG4" s="370"/>
      <c r="AH4" s="370"/>
      <c r="AI4" s="370"/>
      <c r="AJ4" s="370"/>
      <c r="AK4" s="370"/>
      <c r="AL4" s="370"/>
      <c r="AM4" s="370"/>
      <c r="AN4" s="370"/>
      <c r="AO4" s="370"/>
      <c r="AP4" s="370"/>
      <c r="AQ4" s="370"/>
      <c r="AR4" s="370"/>
      <c r="AS4" s="370"/>
      <c r="AT4" s="370"/>
      <c r="AU4" s="370"/>
      <c r="AV4" s="370"/>
      <c r="AW4" s="370"/>
      <c r="AX4" s="370"/>
      <c r="AY4" s="370"/>
      <c r="AZ4" s="370"/>
      <c r="BA4" s="370"/>
      <c r="BB4" s="370"/>
      <c r="BC4" s="370"/>
      <c r="BD4" s="370"/>
      <c r="BE4" s="370"/>
      <c r="BF4" s="370"/>
      <c r="BG4" s="370"/>
      <c r="BH4" s="370"/>
      <c r="BI4" s="370"/>
      <c r="BJ4" s="370"/>
      <c r="BK4" s="370"/>
      <c r="BL4" s="370"/>
      <c r="BM4" s="370"/>
      <c r="BN4" s="370"/>
      <c r="BO4" s="370"/>
      <c r="BP4" s="370"/>
      <c r="BQ4" s="370"/>
      <c r="BR4" s="370"/>
      <c r="BS4" s="370"/>
      <c r="BT4" s="370"/>
      <c r="BU4" s="370"/>
      <c r="BV4" s="370"/>
      <c r="BW4" s="370"/>
      <c r="BX4" s="370"/>
      <c r="BY4" s="370"/>
      <c r="BZ4" s="370"/>
      <c r="CA4" s="370"/>
      <c r="CB4" s="370"/>
      <c r="CC4" s="370"/>
      <c r="CD4" s="370"/>
      <c r="CE4" s="370"/>
      <c r="CF4" s="370"/>
      <c r="CG4" s="370"/>
      <c r="CH4" s="370"/>
      <c r="CI4" s="370"/>
      <c r="CJ4" s="370"/>
      <c r="CK4" s="370"/>
      <c r="CL4" s="370"/>
      <c r="CM4" s="370"/>
      <c r="CN4" s="370"/>
      <c r="CO4" s="370"/>
      <c r="CP4" s="370"/>
      <c r="CQ4" s="370"/>
      <c r="CR4" s="370"/>
      <c r="CS4" s="370"/>
      <c r="CT4" s="370"/>
      <c r="CU4" s="370"/>
      <c r="CV4" s="370"/>
      <c r="CW4" s="370"/>
      <c r="CX4" s="370"/>
      <c r="CY4" s="370"/>
      <c r="CZ4" s="370"/>
      <c r="DA4" s="370"/>
      <c r="DB4" s="370"/>
      <c r="DC4" s="370"/>
      <c r="DD4" s="370"/>
      <c r="DE4" s="370"/>
    </row>
    <row r="5" spans="1:109" s="254" customFormat="1" ht="13.2" x14ac:dyDescent="0.2">
      <c r="A5" s="370"/>
      <c r="B5" s="370"/>
      <c r="C5" s="370"/>
      <c r="D5" s="370"/>
      <c r="E5" s="370"/>
      <c r="F5" s="370"/>
      <c r="G5" s="370"/>
      <c r="H5" s="370"/>
      <c r="I5" s="370"/>
      <c r="J5" s="370"/>
      <c r="K5" s="370"/>
      <c r="L5" s="370"/>
      <c r="M5" s="370"/>
      <c r="N5" s="370"/>
      <c r="O5" s="370"/>
      <c r="P5" s="370"/>
      <c r="Q5" s="370"/>
      <c r="R5" s="370"/>
      <c r="S5" s="370"/>
      <c r="T5" s="370"/>
      <c r="U5" s="370"/>
      <c r="V5" s="370"/>
      <c r="W5" s="370"/>
      <c r="X5" s="370"/>
      <c r="Y5" s="370"/>
      <c r="Z5" s="370"/>
      <c r="AA5" s="370"/>
      <c r="AB5" s="370"/>
      <c r="AC5" s="370"/>
      <c r="AD5" s="370"/>
      <c r="AE5" s="370"/>
      <c r="AF5" s="370"/>
      <c r="AG5" s="370"/>
      <c r="AH5" s="370"/>
      <c r="AI5" s="370"/>
      <c r="AJ5" s="370"/>
      <c r="AK5" s="370"/>
      <c r="AL5" s="370"/>
      <c r="AM5" s="370"/>
      <c r="AN5" s="370"/>
      <c r="AO5" s="370"/>
      <c r="AP5" s="370"/>
      <c r="AQ5" s="370"/>
      <c r="AR5" s="370"/>
      <c r="AS5" s="370"/>
      <c r="AT5" s="370"/>
      <c r="AU5" s="370"/>
      <c r="AV5" s="370"/>
      <c r="AW5" s="370"/>
      <c r="AX5" s="370"/>
      <c r="AY5" s="370"/>
      <c r="AZ5" s="370"/>
      <c r="BA5" s="370"/>
      <c r="BB5" s="370"/>
      <c r="BC5" s="370"/>
      <c r="BD5" s="370"/>
      <c r="BE5" s="370"/>
      <c r="BF5" s="370"/>
      <c r="BG5" s="370"/>
      <c r="BH5" s="370"/>
      <c r="BI5" s="370"/>
      <c r="BJ5" s="370"/>
      <c r="BK5" s="370"/>
      <c r="BL5" s="370"/>
      <c r="BM5" s="370"/>
      <c r="BN5" s="370"/>
      <c r="BO5" s="370"/>
      <c r="BP5" s="370"/>
      <c r="BQ5" s="370"/>
      <c r="BR5" s="370"/>
      <c r="BS5" s="370"/>
      <c r="BT5" s="370"/>
      <c r="BU5" s="370"/>
      <c r="BV5" s="370"/>
      <c r="BW5" s="370"/>
      <c r="BX5" s="370"/>
      <c r="BY5" s="370"/>
      <c r="BZ5" s="370"/>
      <c r="CA5" s="370"/>
      <c r="CB5" s="370"/>
      <c r="CC5" s="370"/>
      <c r="CD5" s="370"/>
      <c r="CE5" s="370"/>
      <c r="CF5" s="370"/>
      <c r="CG5" s="370"/>
      <c r="CH5" s="370"/>
      <c r="CI5" s="370"/>
      <c r="CJ5" s="370"/>
      <c r="CK5" s="370"/>
      <c r="CL5" s="370"/>
      <c r="CM5" s="370"/>
      <c r="CN5" s="370"/>
      <c r="CO5" s="370"/>
      <c r="CP5" s="370"/>
      <c r="CQ5" s="370"/>
      <c r="CR5" s="370"/>
      <c r="CS5" s="370"/>
      <c r="CT5" s="370"/>
      <c r="CU5" s="370"/>
      <c r="CV5" s="370"/>
      <c r="CW5" s="370"/>
      <c r="CX5" s="370"/>
      <c r="CY5" s="370"/>
      <c r="CZ5" s="370"/>
      <c r="DA5" s="370"/>
      <c r="DB5" s="370"/>
      <c r="DC5" s="370"/>
      <c r="DD5" s="370"/>
      <c r="DE5" s="370"/>
    </row>
    <row r="6" spans="1:109" s="254" customFormat="1" ht="13.2" x14ac:dyDescent="0.2">
      <c r="A6" s="370"/>
      <c r="B6" s="370"/>
      <c r="C6" s="370"/>
      <c r="D6" s="370"/>
      <c r="E6" s="370"/>
      <c r="F6" s="370"/>
      <c r="G6" s="370"/>
      <c r="H6" s="370"/>
      <c r="I6" s="370"/>
      <c r="J6" s="370"/>
      <c r="K6" s="370"/>
      <c r="L6" s="370"/>
      <c r="M6" s="370"/>
      <c r="N6" s="370"/>
      <c r="O6" s="370"/>
      <c r="P6" s="370"/>
      <c r="Q6" s="370"/>
      <c r="R6" s="370"/>
      <c r="S6" s="370"/>
      <c r="T6" s="370"/>
      <c r="U6" s="370"/>
      <c r="V6" s="370"/>
      <c r="W6" s="370"/>
      <c r="X6" s="370"/>
      <c r="Y6" s="370"/>
      <c r="Z6" s="370"/>
      <c r="AA6" s="370"/>
      <c r="AB6" s="370"/>
      <c r="AC6" s="370"/>
      <c r="AD6" s="370"/>
      <c r="AE6" s="370"/>
      <c r="AF6" s="370"/>
      <c r="AG6" s="370"/>
      <c r="AH6" s="370"/>
      <c r="AI6" s="370"/>
      <c r="AJ6" s="370"/>
      <c r="AK6" s="370"/>
      <c r="AL6" s="370"/>
      <c r="AM6" s="370"/>
      <c r="AN6" s="370"/>
      <c r="AO6" s="370"/>
      <c r="AP6" s="370"/>
      <c r="AQ6" s="370"/>
      <c r="AR6" s="370"/>
      <c r="AS6" s="370"/>
      <c r="AT6" s="370"/>
      <c r="AU6" s="370"/>
      <c r="AV6" s="370"/>
      <c r="AW6" s="370"/>
      <c r="AX6" s="370"/>
      <c r="AY6" s="370"/>
      <c r="AZ6" s="370"/>
      <c r="BA6" s="370"/>
      <c r="BB6" s="370"/>
      <c r="BC6" s="370"/>
      <c r="BD6" s="370"/>
      <c r="BE6" s="370"/>
      <c r="BF6" s="370"/>
      <c r="BG6" s="370"/>
      <c r="BH6" s="370"/>
      <c r="BI6" s="370"/>
      <c r="BJ6" s="370"/>
      <c r="BK6" s="370"/>
      <c r="BL6" s="370"/>
      <c r="BM6" s="370"/>
      <c r="BN6" s="370"/>
      <c r="BO6" s="370"/>
      <c r="BP6" s="370"/>
      <c r="BQ6" s="370"/>
      <c r="BR6" s="370"/>
      <c r="BS6" s="370"/>
      <c r="BT6" s="370"/>
      <c r="BU6" s="370"/>
      <c r="BV6" s="370"/>
      <c r="BW6" s="370"/>
      <c r="BX6" s="370"/>
      <c r="BY6" s="370"/>
      <c r="BZ6" s="370"/>
      <c r="CA6" s="370"/>
      <c r="CB6" s="370"/>
      <c r="CC6" s="370"/>
      <c r="CD6" s="370"/>
      <c r="CE6" s="370"/>
      <c r="CF6" s="370"/>
      <c r="CG6" s="370"/>
      <c r="CH6" s="370"/>
      <c r="CI6" s="370"/>
      <c r="CJ6" s="370"/>
      <c r="CK6" s="370"/>
      <c r="CL6" s="370"/>
      <c r="CM6" s="370"/>
      <c r="CN6" s="370"/>
      <c r="CO6" s="370"/>
      <c r="CP6" s="370"/>
      <c r="CQ6" s="370"/>
      <c r="CR6" s="370"/>
      <c r="CS6" s="370"/>
      <c r="CT6" s="370"/>
      <c r="CU6" s="370"/>
      <c r="CV6" s="370"/>
      <c r="CW6" s="370"/>
      <c r="CX6" s="370"/>
      <c r="CY6" s="370"/>
      <c r="CZ6" s="370"/>
      <c r="DA6" s="370"/>
      <c r="DB6" s="370"/>
      <c r="DC6" s="370"/>
      <c r="DD6" s="370"/>
      <c r="DE6" s="370"/>
    </row>
    <row r="7" spans="1:109" s="254" customFormat="1" ht="13.2" x14ac:dyDescent="0.2">
      <c r="A7" s="370"/>
      <c r="B7" s="370"/>
      <c r="C7" s="370"/>
      <c r="D7" s="370"/>
      <c r="E7" s="370"/>
      <c r="F7" s="370"/>
      <c r="G7" s="370"/>
      <c r="H7" s="370"/>
      <c r="I7" s="370"/>
      <c r="J7" s="370"/>
      <c r="K7" s="370"/>
      <c r="L7" s="370"/>
      <c r="M7" s="370"/>
      <c r="N7" s="370"/>
      <c r="O7" s="370"/>
      <c r="P7" s="370"/>
      <c r="Q7" s="370"/>
      <c r="R7" s="370"/>
      <c r="S7" s="370"/>
      <c r="T7" s="370"/>
      <c r="U7" s="370"/>
      <c r="V7" s="370"/>
      <c r="W7" s="370"/>
      <c r="X7" s="370"/>
      <c r="Y7" s="370"/>
      <c r="Z7" s="370"/>
      <c r="AA7" s="370"/>
      <c r="AB7" s="370"/>
      <c r="AC7" s="370"/>
      <c r="AD7" s="370"/>
      <c r="AE7" s="370"/>
      <c r="AF7" s="370"/>
      <c r="AG7" s="370"/>
      <c r="AH7" s="370"/>
      <c r="AI7" s="370"/>
      <c r="AJ7" s="370"/>
      <c r="AK7" s="370"/>
      <c r="AL7" s="370"/>
      <c r="AM7" s="370"/>
      <c r="AN7" s="370"/>
      <c r="AO7" s="370"/>
      <c r="AP7" s="370"/>
      <c r="AQ7" s="370"/>
      <c r="AR7" s="370"/>
      <c r="AS7" s="370"/>
      <c r="AT7" s="370"/>
      <c r="AU7" s="370"/>
      <c r="AV7" s="370"/>
      <c r="AW7" s="370"/>
      <c r="AX7" s="370"/>
      <c r="AY7" s="370"/>
      <c r="AZ7" s="370"/>
      <c r="BA7" s="370"/>
      <c r="BB7" s="370"/>
      <c r="BC7" s="370"/>
      <c r="BD7" s="370"/>
      <c r="BE7" s="370"/>
      <c r="BF7" s="370"/>
      <c r="BG7" s="370"/>
      <c r="BH7" s="370"/>
      <c r="BI7" s="370"/>
      <c r="BJ7" s="370"/>
      <c r="BK7" s="370"/>
      <c r="BL7" s="370"/>
      <c r="BM7" s="370"/>
      <c r="BN7" s="370"/>
      <c r="BO7" s="370"/>
      <c r="BP7" s="370"/>
      <c r="BQ7" s="370"/>
      <c r="BR7" s="370"/>
      <c r="BS7" s="370"/>
      <c r="BT7" s="370"/>
      <c r="BU7" s="370"/>
      <c r="BV7" s="370"/>
      <c r="BW7" s="370"/>
      <c r="BX7" s="370"/>
      <c r="BY7" s="370"/>
      <c r="BZ7" s="370"/>
      <c r="CA7" s="370"/>
      <c r="CB7" s="370"/>
      <c r="CC7" s="370"/>
      <c r="CD7" s="370"/>
      <c r="CE7" s="370"/>
      <c r="CF7" s="370"/>
      <c r="CG7" s="370"/>
      <c r="CH7" s="370"/>
      <c r="CI7" s="370"/>
      <c r="CJ7" s="370"/>
      <c r="CK7" s="370"/>
      <c r="CL7" s="370"/>
      <c r="CM7" s="370"/>
      <c r="CN7" s="370"/>
      <c r="CO7" s="370"/>
      <c r="CP7" s="370"/>
      <c r="CQ7" s="370"/>
      <c r="CR7" s="370"/>
      <c r="CS7" s="370"/>
      <c r="CT7" s="370"/>
      <c r="CU7" s="370"/>
      <c r="CV7" s="370"/>
      <c r="CW7" s="370"/>
      <c r="CX7" s="370"/>
      <c r="CY7" s="370"/>
      <c r="CZ7" s="370"/>
      <c r="DA7" s="370"/>
      <c r="DB7" s="370"/>
      <c r="DC7" s="370"/>
      <c r="DD7" s="370"/>
      <c r="DE7" s="370"/>
    </row>
    <row r="8" spans="1:109" s="254" customFormat="1" ht="13.2" x14ac:dyDescent="0.2">
      <c r="A8" s="370"/>
      <c r="B8" s="370"/>
      <c r="C8" s="370"/>
      <c r="D8" s="370"/>
      <c r="E8" s="370"/>
      <c r="F8" s="370"/>
      <c r="G8" s="370"/>
      <c r="H8" s="370"/>
      <c r="I8" s="370"/>
      <c r="J8" s="370"/>
      <c r="K8" s="370"/>
      <c r="L8" s="370"/>
      <c r="M8" s="370"/>
      <c r="N8" s="370"/>
      <c r="O8" s="370"/>
      <c r="P8" s="370"/>
      <c r="Q8" s="370"/>
      <c r="R8" s="370"/>
      <c r="S8" s="370"/>
      <c r="T8" s="370"/>
      <c r="U8" s="370"/>
      <c r="V8" s="370"/>
      <c r="W8" s="370"/>
      <c r="X8" s="370"/>
      <c r="Y8" s="370"/>
      <c r="Z8" s="370"/>
      <c r="AA8" s="370"/>
      <c r="AB8" s="370"/>
      <c r="AC8" s="370"/>
      <c r="AD8" s="370"/>
      <c r="AE8" s="370"/>
      <c r="AF8" s="370"/>
      <c r="AG8" s="370"/>
      <c r="AH8" s="370"/>
      <c r="AI8" s="370"/>
      <c r="AJ8" s="370"/>
      <c r="AK8" s="370"/>
      <c r="AL8" s="370"/>
      <c r="AM8" s="370"/>
      <c r="AN8" s="370"/>
      <c r="AO8" s="370"/>
      <c r="AP8" s="370"/>
      <c r="AQ8" s="370"/>
      <c r="AR8" s="370"/>
      <c r="AS8" s="370"/>
      <c r="AT8" s="370"/>
      <c r="AU8" s="370"/>
      <c r="AV8" s="370"/>
      <c r="AW8" s="370"/>
      <c r="AX8" s="370"/>
      <c r="AY8" s="370"/>
      <c r="AZ8" s="370"/>
      <c r="BA8" s="370"/>
      <c r="BB8" s="370"/>
      <c r="BC8" s="370"/>
      <c r="BD8" s="370"/>
      <c r="BE8" s="370"/>
      <c r="BF8" s="370"/>
      <c r="BG8" s="370"/>
      <c r="BH8" s="370"/>
      <c r="BI8" s="370"/>
      <c r="BJ8" s="370"/>
      <c r="BK8" s="370"/>
      <c r="BL8" s="370"/>
      <c r="BM8" s="370"/>
      <c r="BN8" s="370"/>
      <c r="BO8" s="370"/>
      <c r="BP8" s="370"/>
      <c r="BQ8" s="370"/>
      <c r="BR8" s="370"/>
      <c r="BS8" s="370"/>
      <c r="BT8" s="370"/>
      <c r="BU8" s="370"/>
      <c r="BV8" s="370"/>
      <c r="BW8" s="370"/>
      <c r="BX8" s="370"/>
      <c r="BY8" s="370"/>
      <c r="BZ8" s="370"/>
      <c r="CA8" s="370"/>
      <c r="CB8" s="370"/>
      <c r="CC8" s="370"/>
      <c r="CD8" s="370"/>
      <c r="CE8" s="370"/>
      <c r="CF8" s="370"/>
      <c r="CG8" s="370"/>
      <c r="CH8" s="370"/>
      <c r="CI8" s="370"/>
      <c r="CJ8" s="370"/>
      <c r="CK8" s="370"/>
      <c r="CL8" s="370"/>
      <c r="CM8" s="370"/>
      <c r="CN8" s="370"/>
      <c r="CO8" s="370"/>
      <c r="CP8" s="370"/>
      <c r="CQ8" s="370"/>
      <c r="CR8" s="370"/>
      <c r="CS8" s="370"/>
      <c r="CT8" s="370"/>
      <c r="CU8" s="370"/>
      <c r="CV8" s="370"/>
      <c r="CW8" s="370"/>
      <c r="CX8" s="370"/>
      <c r="CY8" s="370"/>
      <c r="CZ8" s="370"/>
      <c r="DA8" s="370"/>
      <c r="DB8" s="370"/>
      <c r="DC8" s="370"/>
      <c r="DD8" s="370"/>
      <c r="DE8" s="370"/>
    </row>
    <row r="9" spans="1:109" s="254" customFormat="1" ht="13.2" x14ac:dyDescent="0.2">
      <c r="A9" s="370"/>
      <c r="B9" s="370"/>
      <c r="C9" s="370"/>
      <c r="D9" s="370"/>
      <c r="E9" s="370"/>
      <c r="F9" s="370"/>
      <c r="G9" s="370"/>
      <c r="H9" s="370"/>
      <c r="I9" s="370"/>
      <c r="J9" s="370"/>
      <c r="K9" s="370"/>
      <c r="L9" s="370"/>
      <c r="M9" s="370"/>
      <c r="N9" s="370"/>
      <c r="O9" s="370"/>
      <c r="P9" s="370"/>
      <c r="Q9" s="370"/>
      <c r="R9" s="370"/>
      <c r="S9" s="370"/>
      <c r="T9" s="370"/>
      <c r="U9" s="370"/>
      <c r="V9" s="370"/>
      <c r="W9" s="370"/>
      <c r="X9" s="370"/>
      <c r="Y9" s="370"/>
      <c r="Z9" s="370"/>
      <c r="AA9" s="370"/>
      <c r="AB9" s="370"/>
      <c r="AC9" s="370"/>
      <c r="AD9" s="370"/>
      <c r="AE9" s="370"/>
      <c r="AF9" s="370"/>
      <c r="AG9" s="370"/>
      <c r="AH9" s="370"/>
      <c r="AI9" s="370"/>
      <c r="AJ9" s="370"/>
      <c r="AK9" s="370"/>
      <c r="AL9" s="370"/>
      <c r="AM9" s="370"/>
      <c r="AN9" s="370"/>
      <c r="AO9" s="370"/>
      <c r="AP9" s="370"/>
      <c r="AQ9" s="370"/>
      <c r="AR9" s="370"/>
      <c r="AS9" s="370"/>
      <c r="AT9" s="370"/>
      <c r="AU9" s="370"/>
      <c r="AV9" s="370"/>
      <c r="AW9" s="370"/>
      <c r="AX9" s="370"/>
      <c r="AY9" s="370"/>
      <c r="AZ9" s="370"/>
      <c r="BA9" s="370"/>
      <c r="BB9" s="370"/>
      <c r="BC9" s="370"/>
      <c r="BD9" s="370"/>
      <c r="BE9" s="370"/>
      <c r="BF9" s="370"/>
      <c r="BG9" s="370"/>
      <c r="BH9" s="370"/>
      <c r="BI9" s="370"/>
      <c r="BJ9" s="370"/>
      <c r="BK9" s="370"/>
      <c r="BL9" s="370"/>
      <c r="BM9" s="370"/>
      <c r="BN9" s="370"/>
      <c r="BO9" s="370"/>
      <c r="BP9" s="370"/>
      <c r="BQ9" s="370"/>
      <c r="BR9" s="370"/>
      <c r="BS9" s="370"/>
      <c r="BT9" s="370"/>
      <c r="BU9" s="370"/>
      <c r="BV9" s="370"/>
      <c r="BW9" s="370"/>
      <c r="BX9" s="370"/>
      <c r="BY9" s="370"/>
      <c r="BZ9" s="370"/>
      <c r="CA9" s="370"/>
      <c r="CB9" s="370"/>
      <c r="CC9" s="370"/>
      <c r="CD9" s="370"/>
      <c r="CE9" s="370"/>
      <c r="CF9" s="370"/>
      <c r="CG9" s="370"/>
      <c r="CH9" s="370"/>
      <c r="CI9" s="370"/>
      <c r="CJ9" s="370"/>
      <c r="CK9" s="370"/>
      <c r="CL9" s="370"/>
      <c r="CM9" s="370"/>
      <c r="CN9" s="370"/>
      <c r="CO9" s="370"/>
      <c r="CP9" s="370"/>
      <c r="CQ9" s="370"/>
      <c r="CR9" s="370"/>
      <c r="CS9" s="370"/>
      <c r="CT9" s="370"/>
      <c r="CU9" s="370"/>
      <c r="CV9" s="370"/>
      <c r="CW9" s="370"/>
      <c r="CX9" s="370"/>
      <c r="CY9" s="370"/>
      <c r="CZ9" s="370"/>
      <c r="DA9" s="370"/>
      <c r="DB9" s="370"/>
      <c r="DC9" s="370"/>
      <c r="DD9" s="370"/>
      <c r="DE9" s="370"/>
    </row>
    <row r="10" spans="1:109" s="254" customFormat="1" ht="13.2" x14ac:dyDescent="0.2">
      <c r="A10" s="370"/>
      <c r="B10" s="370"/>
      <c r="C10" s="370"/>
      <c r="D10" s="370"/>
      <c r="E10" s="370"/>
      <c r="F10" s="370"/>
      <c r="G10" s="370"/>
      <c r="H10" s="370"/>
      <c r="I10" s="370"/>
      <c r="J10" s="370"/>
      <c r="K10" s="370"/>
      <c r="L10" s="370"/>
      <c r="M10" s="370"/>
      <c r="N10" s="370"/>
      <c r="O10" s="370"/>
      <c r="P10" s="370"/>
      <c r="Q10" s="370"/>
      <c r="R10" s="370"/>
      <c r="S10" s="370"/>
      <c r="T10" s="370"/>
      <c r="U10" s="370"/>
      <c r="V10" s="370"/>
      <c r="W10" s="370"/>
      <c r="X10" s="370"/>
      <c r="Y10" s="370"/>
      <c r="Z10" s="370"/>
      <c r="AA10" s="370"/>
      <c r="AB10" s="370"/>
      <c r="AC10" s="370"/>
      <c r="AD10" s="370"/>
      <c r="AE10" s="370"/>
      <c r="AF10" s="370"/>
      <c r="AG10" s="370"/>
      <c r="AH10" s="370"/>
      <c r="AI10" s="370"/>
      <c r="AJ10" s="370"/>
      <c r="AK10" s="370"/>
      <c r="AL10" s="370"/>
      <c r="AM10" s="370"/>
      <c r="AN10" s="370"/>
      <c r="AO10" s="370"/>
      <c r="AP10" s="370"/>
      <c r="AQ10" s="370"/>
      <c r="AR10" s="370"/>
      <c r="AS10" s="370"/>
      <c r="AT10" s="370"/>
      <c r="AU10" s="370"/>
      <c r="AV10" s="370"/>
      <c r="AW10" s="370"/>
      <c r="AX10" s="370"/>
      <c r="AY10" s="370"/>
      <c r="AZ10" s="370"/>
      <c r="BA10" s="370"/>
      <c r="BB10" s="370"/>
      <c r="BC10" s="370"/>
      <c r="BD10" s="370"/>
      <c r="BE10" s="370"/>
      <c r="BF10" s="370"/>
      <c r="BG10" s="370"/>
      <c r="BH10" s="370"/>
      <c r="BI10" s="370"/>
      <c r="BJ10" s="370"/>
      <c r="BK10" s="370"/>
      <c r="BL10" s="370"/>
      <c r="BM10" s="370"/>
      <c r="BN10" s="370"/>
      <c r="BO10" s="370"/>
      <c r="BP10" s="370"/>
      <c r="BQ10" s="370"/>
      <c r="BR10" s="370"/>
      <c r="BS10" s="370"/>
      <c r="BT10" s="370"/>
      <c r="BU10" s="370"/>
      <c r="BV10" s="370"/>
      <c r="BW10" s="370"/>
      <c r="BX10" s="370"/>
      <c r="BY10" s="370"/>
      <c r="BZ10" s="370"/>
      <c r="CA10" s="370"/>
      <c r="CB10" s="370"/>
      <c r="CC10" s="370"/>
      <c r="CD10" s="370"/>
      <c r="CE10" s="370"/>
      <c r="CF10" s="370"/>
      <c r="CG10" s="370"/>
      <c r="CH10" s="370"/>
      <c r="CI10" s="370"/>
      <c r="CJ10" s="370"/>
      <c r="CK10" s="370"/>
      <c r="CL10" s="370"/>
      <c r="CM10" s="370"/>
      <c r="CN10" s="370"/>
      <c r="CO10" s="370"/>
      <c r="CP10" s="370"/>
      <c r="CQ10" s="370"/>
      <c r="CR10" s="370"/>
      <c r="CS10" s="370"/>
      <c r="CT10" s="370"/>
      <c r="CU10" s="370"/>
      <c r="CV10" s="370"/>
      <c r="CW10" s="370"/>
      <c r="CX10" s="370"/>
      <c r="CY10" s="370"/>
      <c r="CZ10" s="370"/>
      <c r="DA10" s="370"/>
      <c r="DB10" s="370"/>
      <c r="DC10" s="370"/>
      <c r="DD10" s="370"/>
      <c r="DE10" s="370"/>
    </row>
    <row r="11" spans="1:109" s="254" customFormat="1" ht="13.2" x14ac:dyDescent="0.2">
      <c r="A11" s="370"/>
      <c r="B11" s="370"/>
      <c r="C11" s="370"/>
      <c r="D11" s="370"/>
      <c r="E11" s="370"/>
      <c r="F11" s="370"/>
      <c r="G11" s="370"/>
      <c r="H11" s="370"/>
      <c r="I11" s="370"/>
      <c r="J11" s="370"/>
      <c r="K11" s="370"/>
      <c r="L11" s="370"/>
      <c r="M11" s="370"/>
      <c r="N11" s="370"/>
      <c r="O11" s="370"/>
      <c r="P11" s="370"/>
      <c r="Q11" s="370"/>
      <c r="R11" s="370"/>
      <c r="S11" s="370"/>
      <c r="T11" s="370"/>
      <c r="U11" s="370"/>
      <c r="V11" s="370"/>
      <c r="W11" s="370"/>
      <c r="X11" s="370"/>
      <c r="Y11" s="370"/>
      <c r="Z11" s="370"/>
      <c r="AA11" s="370"/>
      <c r="AB11" s="370"/>
      <c r="AC11" s="370"/>
      <c r="AD11" s="370"/>
      <c r="AE11" s="370"/>
      <c r="AF11" s="370"/>
      <c r="AG11" s="370"/>
      <c r="AH11" s="370"/>
      <c r="AI11" s="370"/>
      <c r="AJ11" s="370"/>
      <c r="AK11" s="370"/>
      <c r="AL11" s="370"/>
      <c r="AM11" s="370"/>
      <c r="AN11" s="370"/>
      <c r="AO11" s="370"/>
      <c r="AP11" s="370"/>
      <c r="AQ11" s="370"/>
      <c r="AR11" s="370"/>
      <c r="AS11" s="370"/>
      <c r="AT11" s="370"/>
      <c r="AU11" s="370"/>
      <c r="AV11" s="370"/>
      <c r="AW11" s="370"/>
      <c r="AX11" s="370"/>
      <c r="AY11" s="370"/>
      <c r="AZ11" s="370"/>
      <c r="BA11" s="370"/>
      <c r="BB11" s="370"/>
      <c r="BC11" s="370"/>
      <c r="BD11" s="370"/>
      <c r="BE11" s="370"/>
      <c r="BF11" s="370"/>
      <c r="BG11" s="370"/>
      <c r="BH11" s="370"/>
      <c r="BI11" s="370"/>
      <c r="BJ11" s="370"/>
      <c r="BK11" s="370"/>
      <c r="BL11" s="370"/>
      <c r="BM11" s="370"/>
      <c r="BN11" s="370"/>
      <c r="BO11" s="370"/>
      <c r="BP11" s="370"/>
      <c r="BQ11" s="370"/>
      <c r="BR11" s="370"/>
      <c r="BS11" s="370"/>
      <c r="BT11" s="370"/>
      <c r="BU11" s="370"/>
      <c r="BV11" s="370"/>
      <c r="BW11" s="370"/>
      <c r="BX11" s="370"/>
      <c r="BY11" s="370"/>
      <c r="BZ11" s="370"/>
      <c r="CA11" s="370"/>
      <c r="CB11" s="370"/>
      <c r="CC11" s="370"/>
      <c r="CD11" s="370"/>
      <c r="CE11" s="370"/>
      <c r="CF11" s="370"/>
      <c r="CG11" s="370"/>
      <c r="CH11" s="370"/>
      <c r="CI11" s="370"/>
      <c r="CJ11" s="370"/>
      <c r="CK11" s="370"/>
      <c r="CL11" s="370"/>
      <c r="CM11" s="370"/>
      <c r="CN11" s="370"/>
      <c r="CO11" s="370"/>
      <c r="CP11" s="370"/>
      <c r="CQ11" s="370"/>
      <c r="CR11" s="370"/>
      <c r="CS11" s="370"/>
      <c r="CT11" s="370"/>
      <c r="CU11" s="370"/>
      <c r="CV11" s="370"/>
      <c r="CW11" s="370"/>
      <c r="CX11" s="370"/>
      <c r="CY11" s="370"/>
      <c r="CZ11" s="370"/>
      <c r="DA11" s="370"/>
      <c r="DB11" s="370"/>
      <c r="DC11" s="370"/>
      <c r="DD11" s="370"/>
      <c r="DE11" s="370"/>
    </row>
    <row r="12" spans="1:109" s="254" customFormat="1" ht="13.2" x14ac:dyDescent="0.2">
      <c r="A12" s="370"/>
      <c r="B12" s="370"/>
      <c r="C12" s="370"/>
      <c r="D12" s="370"/>
      <c r="E12" s="370"/>
      <c r="F12" s="370"/>
      <c r="G12" s="370"/>
      <c r="H12" s="370"/>
      <c r="I12" s="370"/>
      <c r="J12" s="370"/>
      <c r="K12" s="370"/>
      <c r="L12" s="370"/>
      <c r="M12" s="370"/>
      <c r="N12" s="370"/>
      <c r="O12" s="370"/>
      <c r="P12" s="370"/>
      <c r="Q12" s="370"/>
      <c r="R12" s="370"/>
      <c r="S12" s="370"/>
      <c r="T12" s="370"/>
      <c r="U12" s="370"/>
      <c r="V12" s="370"/>
      <c r="W12" s="370"/>
      <c r="X12" s="370"/>
      <c r="Y12" s="370"/>
      <c r="Z12" s="370"/>
      <c r="AA12" s="370"/>
      <c r="AB12" s="370"/>
      <c r="AC12" s="370"/>
      <c r="AD12" s="370"/>
      <c r="AE12" s="370"/>
      <c r="AF12" s="370"/>
      <c r="AG12" s="370"/>
      <c r="AH12" s="370"/>
      <c r="AI12" s="370"/>
      <c r="AJ12" s="370"/>
      <c r="AK12" s="370"/>
      <c r="AL12" s="370"/>
      <c r="AM12" s="370"/>
      <c r="AN12" s="370"/>
      <c r="AO12" s="370"/>
      <c r="AP12" s="370"/>
      <c r="AQ12" s="370"/>
      <c r="AR12" s="370"/>
      <c r="AS12" s="370"/>
      <c r="AT12" s="370"/>
      <c r="AU12" s="370"/>
      <c r="AV12" s="370"/>
      <c r="AW12" s="370"/>
      <c r="AX12" s="370"/>
      <c r="AY12" s="370"/>
      <c r="AZ12" s="370"/>
      <c r="BA12" s="370"/>
      <c r="BB12" s="370"/>
      <c r="BC12" s="370"/>
      <c r="BD12" s="370"/>
      <c r="BE12" s="370"/>
      <c r="BF12" s="370"/>
      <c r="BG12" s="370"/>
      <c r="BH12" s="370"/>
      <c r="BI12" s="370"/>
      <c r="BJ12" s="370"/>
      <c r="BK12" s="370"/>
      <c r="BL12" s="370"/>
      <c r="BM12" s="370"/>
      <c r="BN12" s="370"/>
      <c r="BO12" s="370"/>
      <c r="BP12" s="370"/>
      <c r="BQ12" s="370"/>
      <c r="BR12" s="370"/>
      <c r="BS12" s="370"/>
      <c r="BT12" s="370"/>
      <c r="BU12" s="370"/>
      <c r="BV12" s="370"/>
      <c r="BW12" s="370"/>
      <c r="BX12" s="370"/>
      <c r="BY12" s="370"/>
      <c r="BZ12" s="370"/>
      <c r="CA12" s="370"/>
      <c r="CB12" s="370"/>
      <c r="CC12" s="370"/>
      <c r="CD12" s="370"/>
      <c r="CE12" s="370"/>
      <c r="CF12" s="370"/>
      <c r="CG12" s="370"/>
      <c r="CH12" s="370"/>
      <c r="CI12" s="370"/>
      <c r="CJ12" s="370"/>
      <c r="CK12" s="370"/>
      <c r="CL12" s="370"/>
      <c r="CM12" s="370"/>
      <c r="CN12" s="370"/>
      <c r="CO12" s="370"/>
      <c r="CP12" s="370"/>
      <c r="CQ12" s="370"/>
      <c r="CR12" s="370"/>
      <c r="CS12" s="370"/>
      <c r="CT12" s="370"/>
      <c r="CU12" s="370"/>
      <c r="CV12" s="370"/>
      <c r="CW12" s="370"/>
      <c r="CX12" s="370"/>
      <c r="CY12" s="370"/>
      <c r="CZ12" s="370"/>
      <c r="DA12" s="370"/>
      <c r="DB12" s="370"/>
      <c r="DC12" s="370"/>
      <c r="DD12" s="370"/>
      <c r="DE12" s="370"/>
    </row>
    <row r="13" spans="1:109" s="254" customFormat="1" ht="13.2" x14ac:dyDescent="0.2">
      <c r="A13" s="370"/>
      <c r="B13" s="370"/>
      <c r="C13" s="370"/>
      <c r="D13" s="370"/>
      <c r="E13" s="370"/>
      <c r="F13" s="370"/>
      <c r="G13" s="370"/>
      <c r="H13" s="370"/>
      <c r="I13" s="370"/>
      <c r="J13" s="370"/>
      <c r="K13" s="370"/>
      <c r="L13" s="370"/>
      <c r="M13" s="370"/>
      <c r="N13" s="370"/>
      <c r="O13" s="370"/>
      <c r="P13" s="370"/>
      <c r="Q13" s="370"/>
      <c r="R13" s="370"/>
      <c r="S13" s="370"/>
      <c r="T13" s="370"/>
      <c r="U13" s="370"/>
      <c r="V13" s="370"/>
      <c r="W13" s="370"/>
      <c r="X13" s="370"/>
      <c r="Y13" s="370"/>
      <c r="Z13" s="370"/>
      <c r="AA13" s="370"/>
      <c r="AB13" s="370"/>
      <c r="AC13" s="370"/>
      <c r="AD13" s="370"/>
      <c r="AE13" s="370"/>
      <c r="AF13" s="370"/>
      <c r="AG13" s="370"/>
      <c r="AH13" s="370"/>
      <c r="AI13" s="370"/>
      <c r="AJ13" s="370"/>
      <c r="AK13" s="370"/>
      <c r="AL13" s="370"/>
      <c r="AM13" s="370"/>
      <c r="AN13" s="370"/>
      <c r="AO13" s="370"/>
      <c r="AP13" s="370"/>
      <c r="AQ13" s="370"/>
      <c r="AR13" s="370"/>
      <c r="AS13" s="370"/>
      <c r="AT13" s="370"/>
      <c r="AU13" s="370"/>
      <c r="AV13" s="370"/>
      <c r="AW13" s="370"/>
      <c r="AX13" s="370"/>
      <c r="AY13" s="370"/>
      <c r="AZ13" s="370"/>
      <c r="BA13" s="370"/>
      <c r="BB13" s="370"/>
      <c r="BC13" s="370"/>
      <c r="BD13" s="370"/>
      <c r="BE13" s="370"/>
      <c r="BF13" s="370"/>
      <c r="BG13" s="370"/>
      <c r="BH13" s="370"/>
      <c r="BI13" s="370"/>
      <c r="BJ13" s="370"/>
      <c r="BK13" s="370"/>
      <c r="BL13" s="370"/>
      <c r="BM13" s="370"/>
      <c r="BN13" s="370"/>
      <c r="BO13" s="370"/>
      <c r="BP13" s="370"/>
      <c r="BQ13" s="370"/>
      <c r="BR13" s="370"/>
      <c r="BS13" s="370"/>
      <c r="BT13" s="370"/>
      <c r="BU13" s="370"/>
      <c r="BV13" s="370"/>
      <c r="BW13" s="370"/>
      <c r="BX13" s="370"/>
      <c r="BY13" s="370"/>
      <c r="BZ13" s="370"/>
      <c r="CA13" s="370"/>
      <c r="CB13" s="370"/>
      <c r="CC13" s="370"/>
      <c r="CD13" s="370"/>
      <c r="CE13" s="370"/>
      <c r="CF13" s="370"/>
      <c r="CG13" s="370"/>
      <c r="CH13" s="370"/>
      <c r="CI13" s="370"/>
      <c r="CJ13" s="370"/>
      <c r="CK13" s="370"/>
      <c r="CL13" s="370"/>
      <c r="CM13" s="370"/>
      <c r="CN13" s="370"/>
      <c r="CO13" s="370"/>
      <c r="CP13" s="370"/>
      <c r="CQ13" s="370"/>
      <c r="CR13" s="370"/>
      <c r="CS13" s="370"/>
      <c r="CT13" s="370"/>
      <c r="CU13" s="370"/>
      <c r="CV13" s="370"/>
      <c r="CW13" s="370"/>
      <c r="CX13" s="370"/>
      <c r="CY13" s="370"/>
      <c r="CZ13" s="370"/>
      <c r="DA13" s="370"/>
      <c r="DB13" s="370"/>
      <c r="DC13" s="370"/>
      <c r="DD13" s="370"/>
      <c r="DE13" s="370"/>
    </row>
    <row r="14" spans="1:109" s="254" customFormat="1" ht="13.2" x14ac:dyDescent="0.2">
      <c r="A14" s="370"/>
      <c r="B14" s="370"/>
      <c r="C14" s="370"/>
      <c r="D14" s="370"/>
      <c r="E14" s="370"/>
      <c r="F14" s="370"/>
      <c r="G14" s="370"/>
      <c r="H14" s="370"/>
      <c r="I14" s="370"/>
      <c r="J14" s="370"/>
      <c r="K14" s="370"/>
      <c r="L14" s="370"/>
      <c r="M14" s="370"/>
      <c r="N14" s="370"/>
      <c r="O14" s="370"/>
      <c r="P14" s="370"/>
      <c r="Q14" s="370"/>
      <c r="R14" s="370"/>
      <c r="S14" s="370"/>
      <c r="T14" s="370"/>
      <c r="U14" s="370"/>
      <c r="V14" s="370"/>
      <c r="W14" s="370"/>
      <c r="X14" s="370"/>
      <c r="Y14" s="370"/>
      <c r="Z14" s="370"/>
      <c r="AA14" s="370"/>
      <c r="AB14" s="370"/>
      <c r="AC14" s="370"/>
      <c r="AD14" s="370"/>
      <c r="AE14" s="370"/>
      <c r="AF14" s="370"/>
      <c r="AG14" s="370"/>
      <c r="AH14" s="370"/>
      <c r="AI14" s="370"/>
      <c r="AJ14" s="370"/>
      <c r="AK14" s="370"/>
      <c r="AL14" s="370"/>
      <c r="AM14" s="370"/>
      <c r="AN14" s="370"/>
      <c r="AO14" s="370"/>
      <c r="AP14" s="370"/>
      <c r="AQ14" s="370"/>
      <c r="AR14" s="370"/>
      <c r="AS14" s="370"/>
      <c r="AT14" s="370"/>
      <c r="AU14" s="370"/>
      <c r="AV14" s="370"/>
      <c r="AW14" s="370"/>
      <c r="AX14" s="370"/>
      <c r="AY14" s="370"/>
      <c r="AZ14" s="370"/>
      <c r="BA14" s="370"/>
      <c r="BB14" s="370"/>
      <c r="BC14" s="370"/>
      <c r="BD14" s="370"/>
      <c r="BE14" s="370"/>
      <c r="BF14" s="370"/>
      <c r="BG14" s="370"/>
      <c r="BH14" s="370"/>
      <c r="BI14" s="370"/>
      <c r="BJ14" s="370"/>
      <c r="BK14" s="370"/>
      <c r="BL14" s="370"/>
      <c r="BM14" s="370"/>
      <c r="BN14" s="370"/>
      <c r="BO14" s="370"/>
      <c r="BP14" s="370"/>
      <c r="BQ14" s="370"/>
      <c r="BR14" s="370"/>
      <c r="BS14" s="370"/>
      <c r="BT14" s="370"/>
      <c r="BU14" s="370"/>
      <c r="BV14" s="370"/>
      <c r="BW14" s="370"/>
      <c r="BX14" s="370"/>
      <c r="BY14" s="370"/>
      <c r="BZ14" s="370"/>
      <c r="CA14" s="370"/>
      <c r="CB14" s="370"/>
      <c r="CC14" s="370"/>
      <c r="CD14" s="370"/>
      <c r="CE14" s="370"/>
      <c r="CF14" s="370"/>
      <c r="CG14" s="370"/>
      <c r="CH14" s="370"/>
      <c r="CI14" s="370"/>
      <c r="CJ14" s="370"/>
      <c r="CK14" s="370"/>
      <c r="CL14" s="370"/>
      <c r="CM14" s="370"/>
      <c r="CN14" s="370"/>
      <c r="CO14" s="370"/>
      <c r="CP14" s="370"/>
      <c r="CQ14" s="370"/>
      <c r="CR14" s="370"/>
      <c r="CS14" s="370"/>
      <c r="CT14" s="370"/>
      <c r="CU14" s="370"/>
      <c r="CV14" s="370"/>
      <c r="CW14" s="370"/>
      <c r="CX14" s="370"/>
      <c r="CY14" s="370"/>
      <c r="CZ14" s="370"/>
      <c r="DA14" s="370"/>
      <c r="DB14" s="370"/>
      <c r="DC14" s="370"/>
      <c r="DD14" s="370"/>
      <c r="DE14" s="370"/>
    </row>
    <row r="15" spans="1:109" s="254" customFormat="1" ht="13.2" x14ac:dyDescent="0.2">
      <c r="A15" s="369"/>
      <c r="B15" s="370"/>
      <c r="C15" s="370"/>
      <c r="D15" s="370"/>
      <c r="E15" s="370"/>
      <c r="F15" s="370"/>
      <c r="G15" s="370"/>
      <c r="H15" s="370"/>
      <c r="I15" s="370"/>
      <c r="J15" s="370"/>
      <c r="K15" s="370"/>
      <c r="L15" s="370"/>
      <c r="M15" s="370"/>
      <c r="N15" s="370"/>
      <c r="O15" s="370"/>
      <c r="P15" s="370"/>
      <c r="Q15" s="370"/>
      <c r="R15" s="370"/>
      <c r="S15" s="370"/>
      <c r="T15" s="370"/>
      <c r="U15" s="370"/>
      <c r="V15" s="370"/>
      <c r="W15" s="370"/>
      <c r="X15" s="370"/>
      <c r="Y15" s="370"/>
      <c r="Z15" s="370"/>
      <c r="AA15" s="370"/>
      <c r="AB15" s="370"/>
      <c r="AC15" s="370"/>
      <c r="AD15" s="370"/>
      <c r="AE15" s="370"/>
      <c r="AF15" s="370"/>
      <c r="AG15" s="370"/>
      <c r="AH15" s="370"/>
      <c r="AI15" s="370"/>
      <c r="AJ15" s="370"/>
      <c r="AK15" s="370"/>
      <c r="AL15" s="370"/>
      <c r="AM15" s="370"/>
      <c r="AN15" s="370"/>
      <c r="AO15" s="370"/>
      <c r="AP15" s="370"/>
      <c r="AQ15" s="370"/>
      <c r="AR15" s="370"/>
      <c r="AS15" s="370"/>
      <c r="AT15" s="370"/>
      <c r="AU15" s="370"/>
      <c r="AV15" s="370"/>
      <c r="AW15" s="370"/>
      <c r="AX15" s="370"/>
      <c r="AY15" s="370"/>
      <c r="AZ15" s="370"/>
      <c r="BA15" s="370"/>
      <c r="BB15" s="370"/>
      <c r="BC15" s="370"/>
      <c r="BD15" s="370"/>
      <c r="BE15" s="370"/>
      <c r="BF15" s="370"/>
      <c r="BG15" s="370"/>
      <c r="BH15" s="370"/>
      <c r="BI15" s="370"/>
      <c r="BJ15" s="370"/>
      <c r="BK15" s="370"/>
      <c r="BL15" s="370"/>
      <c r="BM15" s="370"/>
      <c r="BN15" s="370"/>
      <c r="BO15" s="370"/>
      <c r="BP15" s="370"/>
      <c r="BQ15" s="370"/>
      <c r="BR15" s="370"/>
      <c r="BS15" s="370"/>
      <c r="BT15" s="370"/>
      <c r="BU15" s="370"/>
      <c r="BV15" s="370"/>
      <c r="BW15" s="370"/>
      <c r="BX15" s="370"/>
      <c r="BY15" s="370"/>
      <c r="BZ15" s="370"/>
      <c r="CA15" s="370"/>
      <c r="CB15" s="370"/>
      <c r="CC15" s="370"/>
      <c r="CD15" s="370"/>
      <c r="CE15" s="370"/>
      <c r="CF15" s="370"/>
      <c r="CG15" s="370"/>
      <c r="CH15" s="370"/>
      <c r="CI15" s="370"/>
      <c r="CJ15" s="370"/>
      <c r="CK15" s="370"/>
      <c r="CL15" s="370"/>
      <c r="CM15" s="370"/>
      <c r="CN15" s="370"/>
      <c r="CO15" s="370"/>
      <c r="CP15" s="370"/>
      <c r="CQ15" s="370"/>
      <c r="CR15" s="370"/>
      <c r="CS15" s="370"/>
      <c r="CT15" s="370"/>
      <c r="CU15" s="370"/>
      <c r="CV15" s="370"/>
      <c r="CW15" s="370"/>
      <c r="CX15" s="370"/>
      <c r="CY15" s="370"/>
      <c r="CZ15" s="370"/>
      <c r="DA15" s="370"/>
      <c r="DB15" s="370"/>
      <c r="DC15" s="370"/>
      <c r="DD15" s="370"/>
      <c r="DE15" s="370"/>
    </row>
    <row r="16" spans="1:109" s="254" customFormat="1" ht="13.2" x14ac:dyDescent="0.2">
      <c r="A16" s="369"/>
      <c r="B16" s="370"/>
      <c r="C16" s="370"/>
      <c r="D16" s="370"/>
      <c r="E16" s="370"/>
      <c r="F16" s="370"/>
      <c r="G16" s="370"/>
      <c r="H16" s="370"/>
      <c r="I16" s="370"/>
      <c r="J16" s="370"/>
      <c r="K16" s="370"/>
      <c r="L16" s="370"/>
      <c r="M16" s="370"/>
      <c r="N16" s="370"/>
      <c r="O16" s="370"/>
      <c r="P16" s="370"/>
      <c r="Q16" s="370"/>
      <c r="R16" s="370"/>
      <c r="S16" s="370"/>
      <c r="T16" s="370"/>
      <c r="U16" s="370"/>
      <c r="V16" s="370"/>
      <c r="W16" s="370"/>
      <c r="X16" s="370"/>
      <c r="Y16" s="370"/>
      <c r="Z16" s="370"/>
      <c r="AA16" s="370"/>
      <c r="AB16" s="370"/>
      <c r="AC16" s="370"/>
      <c r="AD16" s="370"/>
      <c r="AE16" s="370"/>
      <c r="AF16" s="370"/>
      <c r="AG16" s="370"/>
      <c r="AH16" s="370"/>
      <c r="AI16" s="370"/>
      <c r="AJ16" s="370"/>
      <c r="AK16" s="370"/>
      <c r="AL16" s="370"/>
      <c r="AM16" s="370"/>
      <c r="AN16" s="370"/>
      <c r="AO16" s="370"/>
      <c r="AP16" s="370"/>
      <c r="AQ16" s="370"/>
      <c r="AR16" s="370"/>
      <c r="AS16" s="370"/>
      <c r="AT16" s="370"/>
      <c r="AU16" s="370"/>
      <c r="AV16" s="370"/>
      <c r="AW16" s="370"/>
      <c r="AX16" s="370"/>
      <c r="AY16" s="370"/>
      <c r="AZ16" s="370"/>
      <c r="BA16" s="370"/>
      <c r="BB16" s="370"/>
      <c r="BC16" s="370"/>
      <c r="BD16" s="370"/>
      <c r="BE16" s="370"/>
      <c r="BF16" s="370"/>
      <c r="BG16" s="370"/>
      <c r="BH16" s="370"/>
      <c r="BI16" s="370"/>
      <c r="BJ16" s="370"/>
      <c r="BK16" s="370"/>
      <c r="BL16" s="370"/>
      <c r="BM16" s="370"/>
      <c r="BN16" s="370"/>
      <c r="BO16" s="370"/>
      <c r="BP16" s="370"/>
      <c r="BQ16" s="370"/>
      <c r="BR16" s="370"/>
      <c r="BS16" s="370"/>
      <c r="BT16" s="370"/>
      <c r="BU16" s="370"/>
      <c r="BV16" s="370"/>
      <c r="BW16" s="370"/>
      <c r="BX16" s="370"/>
      <c r="BY16" s="370"/>
      <c r="BZ16" s="370"/>
      <c r="CA16" s="370"/>
      <c r="CB16" s="370"/>
      <c r="CC16" s="370"/>
      <c r="CD16" s="370"/>
      <c r="CE16" s="370"/>
      <c r="CF16" s="370"/>
      <c r="CG16" s="370"/>
      <c r="CH16" s="370"/>
      <c r="CI16" s="370"/>
      <c r="CJ16" s="370"/>
      <c r="CK16" s="370"/>
      <c r="CL16" s="370"/>
      <c r="CM16" s="370"/>
      <c r="CN16" s="370"/>
      <c r="CO16" s="370"/>
      <c r="CP16" s="370"/>
      <c r="CQ16" s="370"/>
      <c r="CR16" s="370"/>
      <c r="CS16" s="370"/>
      <c r="CT16" s="370"/>
      <c r="CU16" s="370"/>
      <c r="CV16" s="370"/>
      <c r="CW16" s="370"/>
      <c r="CX16" s="370"/>
      <c r="CY16" s="370"/>
      <c r="CZ16" s="370"/>
      <c r="DA16" s="370"/>
      <c r="DB16" s="370"/>
      <c r="DC16" s="370"/>
      <c r="DD16" s="370"/>
      <c r="DE16" s="370"/>
    </row>
    <row r="17" spans="1:109" s="254" customFormat="1" ht="13.2" x14ac:dyDescent="0.2">
      <c r="A17" s="369"/>
      <c r="B17" s="370"/>
      <c r="C17" s="370"/>
      <c r="D17" s="370"/>
      <c r="E17" s="370"/>
      <c r="F17" s="370"/>
      <c r="G17" s="370"/>
      <c r="H17" s="370"/>
      <c r="I17" s="370"/>
      <c r="J17" s="370"/>
      <c r="K17" s="370"/>
      <c r="L17" s="370"/>
      <c r="M17" s="370"/>
      <c r="N17" s="370"/>
      <c r="O17" s="370"/>
      <c r="P17" s="370"/>
      <c r="Q17" s="370"/>
      <c r="R17" s="370"/>
      <c r="S17" s="370"/>
      <c r="T17" s="370"/>
      <c r="U17" s="370"/>
      <c r="V17" s="370"/>
      <c r="W17" s="370"/>
      <c r="X17" s="370"/>
      <c r="Y17" s="370"/>
      <c r="Z17" s="370"/>
      <c r="AA17" s="370"/>
      <c r="AB17" s="370"/>
      <c r="AC17" s="370"/>
      <c r="AD17" s="370"/>
      <c r="AE17" s="370"/>
      <c r="AF17" s="370"/>
      <c r="AG17" s="370"/>
      <c r="AH17" s="370"/>
      <c r="AI17" s="370"/>
      <c r="AJ17" s="370"/>
      <c r="AK17" s="370"/>
      <c r="AL17" s="370"/>
      <c r="AM17" s="370"/>
      <c r="AN17" s="370"/>
      <c r="AO17" s="370"/>
      <c r="AP17" s="370"/>
      <c r="AQ17" s="370"/>
      <c r="AR17" s="370"/>
      <c r="AS17" s="370"/>
      <c r="AT17" s="370"/>
      <c r="AU17" s="370"/>
      <c r="AV17" s="370"/>
      <c r="AW17" s="370"/>
      <c r="AX17" s="370"/>
      <c r="AY17" s="370"/>
      <c r="AZ17" s="370"/>
      <c r="BA17" s="370"/>
      <c r="BB17" s="370"/>
      <c r="BC17" s="370"/>
      <c r="BD17" s="370"/>
      <c r="BE17" s="370"/>
      <c r="BF17" s="370"/>
      <c r="BG17" s="370"/>
      <c r="BH17" s="370"/>
      <c r="BI17" s="370"/>
      <c r="BJ17" s="370"/>
      <c r="BK17" s="370"/>
      <c r="BL17" s="370"/>
      <c r="BM17" s="370"/>
      <c r="BN17" s="370"/>
      <c r="BO17" s="370"/>
      <c r="BP17" s="370"/>
      <c r="BQ17" s="370"/>
      <c r="BR17" s="370"/>
      <c r="BS17" s="370"/>
      <c r="BT17" s="370"/>
      <c r="BU17" s="370"/>
      <c r="BV17" s="370"/>
      <c r="BW17" s="370"/>
      <c r="BX17" s="370"/>
      <c r="BY17" s="370"/>
      <c r="BZ17" s="370"/>
      <c r="CA17" s="370"/>
      <c r="CB17" s="370"/>
      <c r="CC17" s="370"/>
      <c r="CD17" s="370"/>
      <c r="CE17" s="370"/>
      <c r="CF17" s="370"/>
      <c r="CG17" s="370"/>
      <c r="CH17" s="370"/>
      <c r="CI17" s="370"/>
      <c r="CJ17" s="370"/>
      <c r="CK17" s="370"/>
      <c r="CL17" s="370"/>
      <c r="CM17" s="370"/>
      <c r="CN17" s="370"/>
      <c r="CO17" s="370"/>
      <c r="CP17" s="370"/>
      <c r="CQ17" s="370"/>
      <c r="CR17" s="370"/>
      <c r="CS17" s="370"/>
      <c r="CT17" s="370"/>
      <c r="CU17" s="370"/>
      <c r="CV17" s="370"/>
      <c r="CW17" s="370"/>
      <c r="CX17" s="370"/>
      <c r="CY17" s="370"/>
      <c r="CZ17" s="370"/>
      <c r="DA17" s="370"/>
      <c r="DB17" s="370"/>
      <c r="DC17" s="370"/>
      <c r="DD17" s="370"/>
      <c r="DE17" s="370"/>
    </row>
    <row r="18" spans="1:109" s="254" customFormat="1" ht="13.2" x14ac:dyDescent="0.2">
      <c r="A18" s="369"/>
      <c r="B18" s="370"/>
      <c r="C18" s="370"/>
      <c r="D18" s="370"/>
      <c r="E18" s="370"/>
      <c r="F18" s="370"/>
      <c r="G18" s="370"/>
      <c r="H18" s="370"/>
      <c r="I18" s="370"/>
      <c r="J18" s="370"/>
      <c r="K18" s="370"/>
      <c r="L18" s="370"/>
      <c r="M18" s="370"/>
      <c r="N18" s="370"/>
      <c r="O18" s="370"/>
      <c r="P18" s="370"/>
      <c r="Q18" s="370"/>
      <c r="R18" s="370"/>
      <c r="S18" s="370"/>
      <c r="T18" s="370"/>
      <c r="U18" s="370"/>
      <c r="V18" s="370"/>
      <c r="W18" s="370"/>
      <c r="X18" s="370"/>
      <c r="Y18" s="370"/>
      <c r="Z18" s="370"/>
      <c r="AA18" s="370"/>
      <c r="AB18" s="370"/>
      <c r="AC18" s="370"/>
      <c r="AD18" s="370"/>
      <c r="AE18" s="370"/>
      <c r="AF18" s="370"/>
      <c r="AG18" s="370"/>
      <c r="AH18" s="370"/>
      <c r="AI18" s="370"/>
      <c r="AJ18" s="370"/>
      <c r="AK18" s="370"/>
      <c r="AL18" s="370"/>
      <c r="AM18" s="370"/>
      <c r="AN18" s="370"/>
      <c r="AO18" s="370"/>
      <c r="AP18" s="370"/>
      <c r="AQ18" s="370"/>
      <c r="AR18" s="370"/>
      <c r="AS18" s="370"/>
      <c r="AT18" s="370"/>
      <c r="AU18" s="370"/>
      <c r="AV18" s="370"/>
      <c r="AW18" s="370"/>
      <c r="AX18" s="370"/>
      <c r="AY18" s="370"/>
      <c r="AZ18" s="370"/>
      <c r="BA18" s="370"/>
      <c r="BB18" s="370"/>
      <c r="BC18" s="370"/>
      <c r="BD18" s="370"/>
      <c r="BE18" s="370"/>
      <c r="BF18" s="370"/>
      <c r="BG18" s="370"/>
      <c r="BH18" s="370"/>
      <c r="BI18" s="370"/>
      <c r="BJ18" s="370"/>
      <c r="BK18" s="370"/>
      <c r="BL18" s="370"/>
      <c r="BM18" s="370"/>
      <c r="BN18" s="370"/>
      <c r="BO18" s="370"/>
      <c r="BP18" s="370"/>
      <c r="BQ18" s="370"/>
      <c r="BR18" s="370"/>
      <c r="BS18" s="370"/>
      <c r="BT18" s="370"/>
      <c r="BU18" s="370"/>
      <c r="BV18" s="370"/>
      <c r="BW18" s="370"/>
      <c r="BX18" s="370"/>
      <c r="BY18" s="370"/>
      <c r="BZ18" s="370"/>
      <c r="CA18" s="370"/>
      <c r="CB18" s="370"/>
      <c r="CC18" s="370"/>
      <c r="CD18" s="370"/>
      <c r="CE18" s="370"/>
      <c r="CF18" s="370"/>
      <c r="CG18" s="370"/>
      <c r="CH18" s="370"/>
      <c r="CI18" s="370"/>
      <c r="CJ18" s="370"/>
      <c r="CK18" s="370"/>
      <c r="CL18" s="370"/>
      <c r="CM18" s="370"/>
      <c r="CN18" s="370"/>
      <c r="CO18" s="370"/>
      <c r="CP18" s="370"/>
      <c r="CQ18" s="370"/>
      <c r="CR18" s="370"/>
      <c r="CS18" s="370"/>
      <c r="CT18" s="370"/>
      <c r="CU18" s="370"/>
      <c r="CV18" s="370"/>
      <c r="CW18" s="370"/>
      <c r="CX18" s="370"/>
      <c r="CY18" s="370"/>
      <c r="CZ18" s="370"/>
      <c r="DA18" s="370"/>
      <c r="DB18" s="370"/>
      <c r="DC18" s="370"/>
      <c r="DD18" s="370"/>
      <c r="DE18" s="370"/>
    </row>
    <row r="19" spans="1:109" ht="13.2" x14ac:dyDescent="0.2">
      <c r="DD19" s="369"/>
      <c r="DE19" s="369"/>
    </row>
    <row r="20" spans="1:109" ht="13.2" x14ac:dyDescent="0.2">
      <c r="DD20" s="369"/>
      <c r="DE20" s="369"/>
    </row>
    <row r="21" spans="1:109" ht="17.25" customHeight="1" x14ac:dyDescent="0.2">
      <c r="B21" s="371"/>
      <c r="C21" s="372"/>
      <c r="D21" s="372"/>
      <c r="E21" s="372"/>
      <c r="F21" s="372"/>
      <c r="G21" s="372"/>
      <c r="H21" s="372"/>
      <c r="I21" s="372"/>
      <c r="J21" s="372"/>
      <c r="K21" s="372"/>
      <c r="L21" s="372"/>
      <c r="M21" s="372"/>
      <c r="N21" s="373"/>
      <c r="O21" s="372"/>
      <c r="P21" s="372"/>
      <c r="Q21" s="372"/>
      <c r="R21" s="372"/>
      <c r="S21" s="372"/>
      <c r="T21" s="372"/>
      <c r="U21" s="372"/>
      <c r="V21" s="372"/>
      <c r="W21" s="372"/>
      <c r="X21" s="372"/>
      <c r="Y21" s="372"/>
      <c r="Z21" s="372"/>
      <c r="AA21" s="372"/>
      <c r="AB21" s="372"/>
      <c r="AC21" s="372"/>
      <c r="AD21" s="372"/>
      <c r="AE21" s="372"/>
      <c r="AF21" s="372"/>
      <c r="AG21" s="372"/>
      <c r="AH21" s="372"/>
      <c r="AI21" s="372"/>
      <c r="AJ21" s="372"/>
      <c r="AK21" s="372"/>
      <c r="AL21" s="372"/>
      <c r="AM21" s="372"/>
      <c r="AN21" s="372"/>
      <c r="AO21" s="372"/>
      <c r="AP21" s="372"/>
      <c r="AQ21" s="372"/>
      <c r="AR21" s="372"/>
      <c r="AS21" s="372"/>
      <c r="AT21" s="373"/>
      <c r="AU21" s="372"/>
      <c r="AV21" s="372"/>
      <c r="AW21" s="372"/>
      <c r="AX21" s="372"/>
      <c r="AY21" s="372"/>
      <c r="AZ21" s="372"/>
      <c r="BA21" s="372"/>
      <c r="BB21" s="372"/>
      <c r="BC21" s="372"/>
      <c r="BD21" s="372"/>
      <c r="BE21" s="372"/>
      <c r="BF21" s="373"/>
      <c r="BG21" s="372"/>
      <c r="BH21" s="372"/>
      <c r="BI21" s="372"/>
      <c r="BJ21" s="372"/>
      <c r="BK21" s="372"/>
      <c r="BL21" s="372"/>
      <c r="BM21" s="372"/>
      <c r="BN21" s="372"/>
      <c r="BO21" s="372"/>
      <c r="BP21" s="372"/>
      <c r="BQ21" s="372"/>
      <c r="BR21" s="373"/>
      <c r="BS21" s="372"/>
      <c r="BT21" s="372"/>
      <c r="BU21" s="372"/>
      <c r="BV21" s="372"/>
      <c r="BW21" s="372"/>
      <c r="BX21" s="372"/>
      <c r="BY21" s="372"/>
      <c r="BZ21" s="372"/>
      <c r="CA21" s="372"/>
      <c r="CB21" s="372"/>
      <c r="CC21" s="372"/>
      <c r="CD21" s="373"/>
      <c r="CE21" s="372"/>
      <c r="CF21" s="372"/>
      <c r="CG21" s="372"/>
      <c r="CH21" s="372"/>
      <c r="CI21" s="372"/>
      <c r="CJ21" s="372"/>
      <c r="CK21" s="372"/>
      <c r="CL21" s="372"/>
      <c r="CM21" s="372"/>
      <c r="CN21" s="372"/>
      <c r="CO21" s="372"/>
      <c r="CP21" s="373"/>
      <c r="CQ21" s="372"/>
      <c r="CR21" s="372"/>
      <c r="CS21" s="372"/>
      <c r="CT21" s="372"/>
      <c r="CU21" s="372"/>
      <c r="CV21" s="372"/>
      <c r="CW21" s="372"/>
      <c r="CX21" s="372"/>
      <c r="CY21" s="372"/>
      <c r="CZ21" s="372"/>
      <c r="DA21" s="372"/>
      <c r="DB21" s="373"/>
      <c r="DC21" s="372"/>
      <c r="DD21" s="374"/>
      <c r="DE21" s="369"/>
    </row>
    <row r="22" spans="1:109" ht="17.25" customHeight="1" x14ac:dyDescent="0.2">
      <c r="B22" s="375"/>
    </row>
    <row r="23" spans="1:109" ht="13.2" x14ac:dyDescent="0.2">
      <c r="B23" s="375"/>
    </row>
    <row r="24" spans="1:109" ht="13.2" x14ac:dyDescent="0.2">
      <c r="B24" s="375"/>
    </row>
    <row r="25" spans="1:109" ht="13.2" x14ac:dyDescent="0.2">
      <c r="B25" s="375"/>
    </row>
    <row r="26" spans="1:109" ht="13.2" x14ac:dyDescent="0.2">
      <c r="B26" s="375"/>
    </row>
    <row r="27" spans="1:109" ht="13.2" x14ac:dyDescent="0.2">
      <c r="B27" s="375"/>
    </row>
    <row r="28" spans="1:109" ht="13.2" x14ac:dyDescent="0.2">
      <c r="B28" s="375"/>
    </row>
    <row r="29" spans="1:109" ht="13.2" x14ac:dyDescent="0.2">
      <c r="B29" s="375"/>
    </row>
    <row r="30" spans="1:109" ht="13.2" x14ac:dyDescent="0.2">
      <c r="B30" s="375"/>
    </row>
    <row r="31" spans="1:109" ht="13.2" x14ac:dyDescent="0.2">
      <c r="B31" s="375"/>
    </row>
    <row r="32" spans="1:109" ht="13.2" x14ac:dyDescent="0.2">
      <c r="B32" s="375"/>
    </row>
    <row r="33" spans="2:109" ht="13.2" x14ac:dyDescent="0.2">
      <c r="B33" s="375"/>
    </row>
    <row r="34" spans="2:109" ht="13.2" x14ac:dyDescent="0.2">
      <c r="B34" s="375"/>
    </row>
    <row r="35" spans="2:109" ht="13.2" x14ac:dyDescent="0.2">
      <c r="B35" s="375"/>
    </row>
    <row r="36" spans="2:109" ht="13.2" x14ac:dyDescent="0.2">
      <c r="B36" s="375"/>
    </row>
    <row r="37" spans="2:109" ht="13.2" x14ac:dyDescent="0.2">
      <c r="B37" s="375"/>
    </row>
    <row r="38" spans="2:109" ht="13.2" x14ac:dyDescent="0.2">
      <c r="B38" s="375"/>
    </row>
    <row r="39" spans="2:109" ht="13.2" x14ac:dyDescent="0.2">
      <c r="B39" s="377"/>
      <c r="C39" s="378"/>
      <c r="D39" s="378"/>
      <c r="E39" s="378"/>
      <c r="F39" s="378"/>
      <c r="G39" s="378"/>
      <c r="H39" s="378"/>
      <c r="I39" s="378"/>
      <c r="J39" s="378"/>
      <c r="K39" s="378"/>
      <c r="L39" s="378"/>
      <c r="M39" s="378"/>
      <c r="N39" s="378"/>
      <c r="O39" s="378"/>
      <c r="P39" s="378"/>
      <c r="Q39" s="378"/>
      <c r="R39" s="378"/>
      <c r="S39" s="378"/>
      <c r="T39" s="378"/>
      <c r="U39" s="378"/>
      <c r="V39" s="378"/>
      <c r="W39" s="378"/>
      <c r="X39" s="378"/>
      <c r="Y39" s="378"/>
      <c r="Z39" s="378"/>
      <c r="AA39" s="378"/>
      <c r="AB39" s="378"/>
      <c r="AC39" s="378"/>
      <c r="AD39" s="378"/>
      <c r="AE39" s="378"/>
      <c r="AF39" s="378"/>
      <c r="AG39" s="378"/>
      <c r="AH39" s="378"/>
      <c r="AI39" s="378"/>
      <c r="AJ39" s="378"/>
      <c r="AK39" s="378"/>
      <c r="AL39" s="378"/>
      <c r="AM39" s="378"/>
      <c r="AN39" s="378"/>
      <c r="AO39" s="378"/>
      <c r="AP39" s="378"/>
      <c r="AQ39" s="378"/>
      <c r="AR39" s="378"/>
      <c r="AS39" s="378"/>
      <c r="AT39" s="378"/>
      <c r="AU39" s="378"/>
      <c r="AV39" s="378"/>
      <c r="AW39" s="378"/>
      <c r="AX39" s="378"/>
      <c r="AY39" s="378"/>
      <c r="AZ39" s="378"/>
      <c r="BA39" s="378"/>
      <c r="BB39" s="378"/>
      <c r="BC39" s="378"/>
      <c r="BD39" s="378"/>
      <c r="BE39" s="378"/>
      <c r="BF39" s="378"/>
      <c r="BG39" s="378"/>
      <c r="BH39" s="378"/>
      <c r="BI39" s="378"/>
      <c r="BJ39" s="378"/>
      <c r="BK39" s="378"/>
      <c r="BL39" s="378"/>
      <c r="BM39" s="378"/>
      <c r="BN39" s="378"/>
      <c r="BO39" s="378"/>
      <c r="BP39" s="378"/>
      <c r="BQ39" s="378"/>
      <c r="BR39" s="378"/>
      <c r="BS39" s="378"/>
      <c r="BT39" s="378"/>
      <c r="BU39" s="378"/>
      <c r="BV39" s="378"/>
      <c r="BW39" s="378"/>
      <c r="BX39" s="378"/>
      <c r="BY39" s="378"/>
      <c r="BZ39" s="378"/>
      <c r="CA39" s="378"/>
      <c r="CB39" s="378"/>
      <c r="CC39" s="378"/>
      <c r="CD39" s="378"/>
      <c r="CE39" s="378"/>
      <c r="CF39" s="378"/>
      <c r="CG39" s="378"/>
      <c r="CH39" s="378"/>
      <c r="CI39" s="378"/>
      <c r="CJ39" s="378"/>
      <c r="CK39" s="378"/>
      <c r="CL39" s="378"/>
      <c r="CM39" s="378"/>
      <c r="CN39" s="378"/>
      <c r="CO39" s="378"/>
      <c r="CP39" s="378"/>
      <c r="CQ39" s="378"/>
      <c r="CR39" s="378"/>
      <c r="CS39" s="378"/>
      <c r="CT39" s="378"/>
      <c r="CU39" s="378"/>
      <c r="CV39" s="378"/>
      <c r="CW39" s="378"/>
      <c r="CX39" s="378"/>
      <c r="CY39" s="378"/>
      <c r="CZ39" s="378"/>
      <c r="DA39" s="378"/>
      <c r="DB39" s="378"/>
      <c r="DC39" s="378"/>
      <c r="DD39" s="379"/>
    </row>
    <row r="40" spans="2:109" ht="13.2" x14ac:dyDescent="0.2">
      <c r="B40" s="380"/>
      <c r="DD40" s="380"/>
      <c r="DE40" s="369"/>
    </row>
    <row r="41" spans="2:109" ht="16.2" x14ac:dyDescent="0.2">
      <c r="B41" s="381" t="s">
        <v>582</v>
      </c>
      <c r="C41" s="372"/>
      <c r="D41" s="372"/>
      <c r="E41" s="372"/>
      <c r="F41" s="372"/>
      <c r="G41" s="372"/>
      <c r="H41" s="372"/>
      <c r="I41" s="372"/>
      <c r="J41" s="372"/>
      <c r="K41" s="372"/>
      <c r="L41" s="372"/>
      <c r="M41" s="372"/>
      <c r="N41" s="372"/>
      <c r="O41" s="372"/>
      <c r="P41" s="372"/>
      <c r="Q41" s="372"/>
      <c r="R41" s="372"/>
      <c r="S41" s="372"/>
      <c r="T41" s="372"/>
      <c r="U41" s="372"/>
      <c r="V41" s="372"/>
      <c r="W41" s="372"/>
      <c r="X41" s="372"/>
      <c r="Y41" s="372"/>
      <c r="Z41" s="372"/>
      <c r="AA41" s="372"/>
      <c r="AB41" s="372"/>
      <c r="AC41" s="372"/>
      <c r="AD41" s="372"/>
      <c r="AE41" s="372"/>
      <c r="AF41" s="372"/>
      <c r="AG41" s="372"/>
      <c r="AH41" s="372"/>
      <c r="AI41" s="372"/>
      <c r="AJ41" s="372"/>
      <c r="AK41" s="372"/>
      <c r="AL41" s="372"/>
      <c r="AM41" s="372"/>
      <c r="AN41" s="372"/>
      <c r="AO41" s="372"/>
      <c r="AP41" s="372"/>
      <c r="AQ41" s="372"/>
      <c r="AR41" s="372"/>
      <c r="AS41" s="372"/>
      <c r="AT41" s="372"/>
      <c r="AU41" s="372"/>
      <c r="AV41" s="372"/>
      <c r="AW41" s="372"/>
      <c r="AX41" s="372"/>
      <c r="AY41" s="372"/>
      <c r="AZ41" s="372"/>
      <c r="BA41" s="372"/>
      <c r="BB41" s="372"/>
      <c r="BC41" s="372"/>
      <c r="BD41" s="372"/>
      <c r="BE41" s="372"/>
      <c r="BF41" s="372"/>
      <c r="BG41" s="372"/>
      <c r="BH41" s="372"/>
      <c r="BI41" s="372"/>
      <c r="BJ41" s="372"/>
      <c r="BK41" s="372"/>
      <c r="BL41" s="372"/>
      <c r="BM41" s="372"/>
      <c r="BN41" s="372"/>
      <c r="BO41" s="372"/>
      <c r="BP41" s="372"/>
      <c r="BQ41" s="372"/>
      <c r="BR41" s="372"/>
      <c r="BS41" s="372"/>
      <c r="BT41" s="372"/>
      <c r="BU41" s="372"/>
      <c r="BV41" s="372"/>
      <c r="BW41" s="372"/>
      <c r="BX41" s="372"/>
      <c r="BY41" s="372"/>
      <c r="BZ41" s="372"/>
      <c r="CA41" s="372"/>
      <c r="CB41" s="372"/>
      <c r="CC41" s="372"/>
      <c r="CD41" s="372"/>
      <c r="CE41" s="372"/>
      <c r="CF41" s="372"/>
      <c r="CG41" s="372"/>
      <c r="CH41" s="372"/>
      <c r="CI41" s="372"/>
      <c r="CJ41" s="372"/>
      <c r="CK41" s="372"/>
      <c r="CL41" s="372"/>
      <c r="CM41" s="372"/>
      <c r="CN41" s="372"/>
      <c r="CO41" s="372"/>
      <c r="CP41" s="372"/>
      <c r="CQ41" s="372"/>
      <c r="CR41" s="372"/>
      <c r="CS41" s="372"/>
      <c r="CT41" s="372"/>
      <c r="CU41" s="372"/>
      <c r="CV41" s="372"/>
      <c r="CW41" s="372"/>
      <c r="CX41" s="372"/>
      <c r="CY41" s="372"/>
      <c r="CZ41" s="372"/>
      <c r="DA41" s="372"/>
      <c r="DB41" s="372"/>
      <c r="DC41" s="372"/>
      <c r="DD41" s="374"/>
    </row>
    <row r="42" spans="2:109" ht="13.2" x14ac:dyDescent="0.2">
      <c r="B42" s="375"/>
      <c r="G42" s="382"/>
      <c r="I42" s="383"/>
      <c r="J42" s="383"/>
      <c r="K42" s="383"/>
      <c r="AM42" s="382"/>
      <c r="AN42" s="382" t="s">
        <v>583</v>
      </c>
      <c r="AP42" s="383"/>
      <c r="AQ42" s="383"/>
      <c r="AR42" s="383"/>
      <c r="AY42" s="382"/>
      <c r="BA42" s="383"/>
      <c r="BB42" s="383"/>
      <c r="BC42" s="383"/>
      <c r="BK42" s="382"/>
      <c r="BM42" s="383"/>
      <c r="BN42" s="383"/>
      <c r="BO42" s="383"/>
      <c r="BW42" s="382"/>
      <c r="BY42" s="383"/>
      <c r="BZ42" s="383"/>
      <c r="CA42" s="383"/>
      <c r="CI42" s="382"/>
      <c r="CK42" s="383"/>
      <c r="CL42" s="383"/>
      <c r="CM42" s="383"/>
      <c r="CU42" s="382"/>
      <c r="CW42" s="383"/>
      <c r="CX42" s="383"/>
      <c r="CY42" s="383"/>
    </row>
    <row r="43" spans="2:109" ht="13.5" customHeight="1" x14ac:dyDescent="0.2">
      <c r="B43" s="375"/>
      <c r="AN43" s="1284" t="s">
        <v>591</v>
      </c>
      <c r="AO43" s="1285"/>
      <c r="AP43" s="1285"/>
      <c r="AQ43" s="1285"/>
      <c r="AR43" s="1285"/>
      <c r="AS43" s="1285"/>
      <c r="AT43" s="1285"/>
      <c r="AU43" s="1285"/>
      <c r="AV43" s="1285"/>
      <c r="AW43" s="1285"/>
      <c r="AX43" s="1285"/>
      <c r="AY43" s="1285"/>
      <c r="AZ43" s="1285"/>
      <c r="BA43" s="1285"/>
      <c r="BB43" s="1285"/>
      <c r="BC43" s="1285"/>
      <c r="BD43" s="1285"/>
      <c r="BE43" s="1285"/>
      <c r="BF43" s="1285"/>
      <c r="BG43" s="1285"/>
      <c r="BH43" s="1285"/>
      <c r="BI43" s="1285"/>
      <c r="BJ43" s="1285"/>
      <c r="BK43" s="1285"/>
      <c r="BL43" s="1285"/>
      <c r="BM43" s="1285"/>
      <c r="BN43" s="1285"/>
      <c r="BO43" s="1285"/>
      <c r="BP43" s="1285"/>
      <c r="BQ43" s="1285"/>
      <c r="BR43" s="1285"/>
      <c r="BS43" s="1285"/>
      <c r="BT43" s="1285"/>
      <c r="BU43" s="1285"/>
      <c r="BV43" s="1285"/>
      <c r="BW43" s="1285"/>
      <c r="BX43" s="1285"/>
      <c r="BY43" s="1285"/>
      <c r="BZ43" s="1285"/>
      <c r="CA43" s="1285"/>
      <c r="CB43" s="1285"/>
      <c r="CC43" s="1285"/>
      <c r="CD43" s="1285"/>
      <c r="CE43" s="1285"/>
      <c r="CF43" s="1285"/>
      <c r="CG43" s="1285"/>
      <c r="CH43" s="1285"/>
      <c r="CI43" s="1285"/>
      <c r="CJ43" s="1285"/>
      <c r="CK43" s="1285"/>
      <c r="CL43" s="1285"/>
      <c r="CM43" s="1285"/>
      <c r="CN43" s="1285"/>
      <c r="CO43" s="1285"/>
      <c r="CP43" s="1285"/>
      <c r="CQ43" s="1285"/>
      <c r="CR43" s="1285"/>
      <c r="CS43" s="1285"/>
      <c r="CT43" s="1285"/>
      <c r="CU43" s="1285"/>
      <c r="CV43" s="1285"/>
      <c r="CW43" s="1285"/>
      <c r="CX43" s="1285"/>
      <c r="CY43" s="1285"/>
      <c r="CZ43" s="1285"/>
      <c r="DA43" s="1285"/>
      <c r="DB43" s="1285"/>
      <c r="DC43" s="1286"/>
    </row>
    <row r="44" spans="2:109" ht="13.2" x14ac:dyDescent="0.2">
      <c r="B44" s="375"/>
      <c r="AN44" s="1287"/>
      <c r="AO44" s="1288"/>
      <c r="AP44" s="1288"/>
      <c r="AQ44" s="1288"/>
      <c r="AR44" s="1288"/>
      <c r="AS44" s="1288"/>
      <c r="AT44" s="1288"/>
      <c r="AU44" s="1288"/>
      <c r="AV44" s="1288"/>
      <c r="AW44" s="1288"/>
      <c r="AX44" s="1288"/>
      <c r="AY44" s="1288"/>
      <c r="AZ44" s="1288"/>
      <c r="BA44" s="1288"/>
      <c r="BB44" s="1288"/>
      <c r="BC44" s="1288"/>
      <c r="BD44" s="1288"/>
      <c r="BE44" s="1288"/>
      <c r="BF44" s="1288"/>
      <c r="BG44" s="1288"/>
      <c r="BH44" s="1288"/>
      <c r="BI44" s="1288"/>
      <c r="BJ44" s="1288"/>
      <c r="BK44" s="1288"/>
      <c r="BL44" s="1288"/>
      <c r="BM44" s="1288"/>
      <c r="BN44" s="1288"/>
      <c r="BO44" s="1288"/>
      <c r="BP44" s="1288"/>
      <c r="BQ44" s="1288"/>
      <c r="BR44" s="1288"/>
      <c r="BS44" s="1288"/>
      <c r="BT44" s="1288"/>
      <c r="BU44" s="1288"/>
      <c r="BV44" s="1288"/>
      <c r="BW44" s="1288"/>
      <c r="BX44" s="1288"/>
      <c r="BY44" s="1288"/>
      <c r="BZ44" s="1288"/>
      <c r="CA44" s="1288"/>
      <c r="CB44" s="1288"/>
      <c r="CC44" s="1288"/>
      <c r="CD44" s="1288"/>
      <c r="CE44" s="1288"/>
      <c r="CF44" s="1288"/>
      <c r="CG44" s="1288"/>
      <c r="CH44" s="1288"/>
      <c r="CI44" s="1288"/>
      <c r="CJ44" s="1288"/>
      <c r="CK44" s="1288"/>
      <c r="CL44" s="1288"/>
      <c r="CM44" s="1288"/>
      <c r="CN44" s="1288"/>
      <c r="CO44" s="1288"/>
      <c r="CP44" s="1288"/>
      <c r="CQ44" s="1288"/>
      <c r="CR44" s="1288"/>
      <c r="CS44" s="1288"/>
      <c r="CT44" s="1288"/>
      <c r="CU44" s="1288"/>
      <c r="CV44" s="1288"/>
      <c r="CW44" s="1288"/>
      <c r="CX44" s="1288"/>
      <c r="CY44" s="1288"/>
      <c r="CZ44" s="1288"/>
      <c r="DA44" s="1288"/>
      <c r="DB44" s="1288"/>
      <c r="DC44" s="1289"/>
    </row>
    <row r="45" spans="2:109" ht="13.2" x14ac:dyDescent="0.2">
      <c r="B45" s="375"/>
      <c r="AN45" s="1287"/>
      <c r="AO45" s="1288"/>
      <c r="AP45" s="1288"/>
      <c r="AQ45" s="1288"/>
      <c r="AR45" s="1288"/>
      <c r="AS45" s="1288"/>
      <c r="AT45" s="1288"/>
      <c r="AU45" s="1288"/>
      <c r="AV45" s="1288"/>
      <c r="AW45" s="1288"/>
      <c r="AX45" s="1288"/>
      <c r="AY45" s="1288"/>
      <c r="AZ45" s="1288"/>
      <c r="BA45" s="1288"/>
      <c r="BB45" s="1288"/>
      <c r="BC45" s="1288"/>
      <c r="BD45" s="1288"/>
      <c r="BE45" s="1288"/>
      <c r="BF45" s="1288"/>
      <c r="BG45" s="1288"/>
      <c r="BH45" s="1288"/>
      <c r="BI45" s="1288"/>
      <c r="BJ45" s="1288"/>
      <c r="BK45" s="1288"/>
      <c r="BL45" s="1288"/>
      <c r="BM45" s="1288"/>
      <c r="BN45" s="1288"/>
      <c r="BO45" s="1288"/>
      <c r="BP45" s="1288"/>
      <c r="BQ45" s="1288"/>
      <c r="BR45" s="1288"/>
      <c r="BS45" s="1288"/>
      <c r="BT45" s="1288"/>
      <c r="BU45" s="1288"/>
      <c r="BV45" s="1288"/>
      <c r="BW45" s="1288"/>
      <c r="BX45" s="1288"/>
      <c r="BY45" s="1288"/>
      <c r="BZ45" s="1288"/>
      <c r="CA45" s="1288"/>
      <c r="CB45" s="1288"/>
      <c r="CC45" s="1288"/>
      <c r="CD45" s="1288"/>
      <c r="CE45" s="1288"/>
      <c r="CF45" s="1288"/>
      <c r="CG45" s="1288"/>
      <c r="CH45" s="1288"/>
      <c r="CI45" s="1288"/>
      <c r="CJ45" s="1288"/>
      <c r="CK45" s="1288"/>
      <c r="CL45" s="1288"/>
      <c r="CM45" s="1288"/>
      <c r="CN45" s="1288"/>
      <c r="CO45" s="1288"/>
      <c r="CP45" s="1288"/>
      <c r="CQ45" s="1288"/>
      <c r="CR45" s="1288"/>
      <c r="CS45" s="1288"/>
      <c r="CT45" s="1288"/>
      <c r="CU45" s="1288"/>
      <c r="CV45" s="1288"/>
      <c r="CW45" s="1288"/>
      <c r="CX45" s="1288"/>
      <c r="CY45" s="1288"/>
      <c r="CZ45" s="1288"/>
      <c r="DA45" s="1288"/>
      <c r="DB45" s="1288"/>
      <c r="DC45" s="1289"/>
    </row>
    <row r="46" spans="2:109" ht="13.2" x14ac:dyDescent="0.2">
      <c r="B46" s="375"/>
      <c r="AN46" s="1287"/>
      <c r="AO46" s="1288"/>
      <c r="AP46" s="1288"/>
      <c r="AQ46" s="1288"/>
      <c r="AR46" s="1288"/>
      <c r="AS46" s="1288"/>
      <c r="AT46" s="1288"/>
      <c r="AU46" s="1288"/>
      <c r="AV46" s="1288"/>
      <c r="AW46" s="1288"/>
      <c r="AX46" s="1288"/>
      <c r="AY46" s="1288"/>
      <c r="AZ46" s="1288"/>
      <c r="BA46" s="1288"/>
      <c r="BB46" s="1288"/>
      <c r="BC46" s="1288"/>
      <c r="BD46" s="1288"/>
      <c r="BE46" s="1288"/>
      <c r="BF46" s="1288"/>
      <c r="BG46" s="1288"/>
      <c r="BH46" s="1288"/>
      <c r="BI46" s="1288"/>
      <c r="BJ46" s="1288"/>
      <c r="BK46" s="1288"/>
      <c r="BL46" s="1288"/>
      <c r="BM46" s="1288"/>
      <c r="BN46" s="1288"/>
      <c r="BO46" s="1288"/>
      <c r="BP46" s="1288"/>
      <c r="BQ46" s="1288"/>
      <c r="BR46" s="1288"/>
      <c r="BS46" s="1288"/>
      <c r="BT46" s="1288"/>
      <c r="BU46" s="1288"/>
      <c r="BV46" s="1288"/>
      <c r="BW46" s="1288"/>
      <c r="BX46" s="1288"/>
      <c r="BY46" s="1288"/>
      <c r="BZ46" s="1288"/>
      <c r="CA46" s="1288"/>
      <c r="CB46" s="1288"/>
      <c r="CC46" s="1288"/>
      <c r="CD46" s="1288"/>
      <c r="CE46" s="1288"/>
      <c r="CF46" s="1288"/>
      <c r="CG46" s="1288"/>
      <c r="CH46" s="1288"/>
      <c r="CI46" s="1288"/>
      <c r="CJ46" s="1288"/>
      <c r="CK46" s="1288"/>
      <c r="CL46" s="1288"/>
      <c r="CM46" s="1288"/>
      <c r="CN46" s="1288"/>
      <c r="CO46" s="1288"/>
      <c r="CP46" s="1288"/>
      <c r="CQ46" s="1288"/>
      <c r="CR46" s="1288"/>
      <c r="CS46" s="1288"/>
      <c r="CT46" s="1288"/>
      <c r="CU46" s="1288"/>
      <c r="CV46" s="1288"/>
      <c r="CW46" s="1288"/>
      <c r="CX46" s="1288"/>
      <c r="CY46" s="1288"/>
      <c r="CZ46" s="1288"/>
      <c r="DA46" s="1288"/>
      <c r="DB46" s="1288"/>
      <c r="DC46" s="1289"/>
    </row>
    <row r="47" spans="2:109" ht="13.2" x14ac:dyDescent="0.2">
      <c r="B47" s="375"/>
      <c r="AN47" s="1290"/>
      <c r="AO47" s="1291"/>
      <c r="AP47" s="1291"/>
      <c r="AQ47" s="1291"/>
      <c r="AR47" s="1291"/>
      <c r="AS47" s="1291"/>
      <c r="AT47" s="1291"/>
      <c r="AU47" s="1291"/>
      <c r="AV47" s="1291"/>
      <c r="AW47" s="1291"/>
      <c r="AX47" s="1291"/>
      <c r="AY47" s="1291"/>
      <c r="AZ47" s="1291"/>
      <c r="BA47" s="1291"/>
      <c r="BB47" s="1291"/>
      <c r="BC47" s="1291"/>
      <c r="BD47" s="1291"/>
      <c r="BE47" s="1291"/>
      <c r="BF47" s="1291"/>
      <c r="BG47" s="1291"/>
      <c r="BH47" s="1291"/>
      <c r="BI47" s="1291"/>
      <c r="BJ47" s="1291"/>
      <c r="BK47" s="1291"/>
      <c r="BL47" s="1291"/>
      <c r="BM47" s="1291"/>
      <c r="BN47" s="1291"/>
      <c r="BO47" s="1291"/>
      <c r="BP47" s="1291"/>
      <c r="BQ47" s="1291"/>
      <c r="BR47" s="1291"/>
      <c r="BS47" s="1291"/>
      <c r="BT47" s="1291"/>
      <c r="BU47" s="1291"/>
      <c r="BV47" s="1291"/>
      <c r="BW47" s="1291"/>
      <c r="BX47" s="1291"/>
      <c r="BY47" s="1291"/>
      <c r="BZ47" s="1291"/>
      <c r="CA47" s="1291"/>
      <c r="CB47" s="1291"/>
      <c r="CC47" s="1291"/>
      <c r="CD47" s="1291"/>
      <c r="CE47" s="1291"/>
      <c r="CF47" s="1291"/>
      <c r="CG47" s="1291"/>
      <c r="CH47" s="1291"/>
      <c r="CI47" s="1291"/>
      <c r="CJ47" s="1291"/>
      <c r="CK47" s="1291"/>
      <c r="CL47" s="1291"/>
      <c r="CM47" s="1291"/>
      <c r="CN47" s="1291"/>
      <c r="CO47" s="1291"/>
      <c r="CP47" s="1291"/>
      <c r="CQ47" s="1291"/>
      <c r="CR47" s="1291"/>
      <c r="CS47" s="1291"/>
      <c r="CT47" s="1291"/>
      <c r="CU47" s="1291"/>
      <c r="CV47" s="1291"/>
      <c r="CW47" s="1291"/>
      <c r="CX47" s="1291"/>
      <c r="CY47" s="1291"/>
      <c r="CZ47" s="1291"/>
      <c r="DA47" s="1291"/>
      <c r="DB47" s="1291"/>
      <c r="DC47" s="1292"/>
    </row>
    <row r="48" spans="2:109" ht="13.2" x14ac:dyDescent="0.2">
      <c r="B48" s="375"/>
      <c r="H48" s="384"/>
      <c r="I48" s="384"/>
      <c r="J48" s="384"/>
      <c r="AN48" s="384"/>
      <c r="AO48" s="384"/>
      <c r="AP48" s="384"/>
      <c r="AZ48" s="384"/>
      <c r="BA48" s="384"/>
      <c r="BB48" s="384"/>
      <c r="BL48" s="384"/>
      <c r="BM48" s="384"/>
      <c r="BN48" s="384"/>
      <c r="BX48" s="384"/>
      <c r="BY48" s="384"/>
      <c r="BZ48" s="384"/>
      <c r="CJ48" s="384"/>
      <c r="CK48" s="384"/>
      <c r="CL48" s="384"/>
      <c r="CV48" s="384"/>
      <c r="CW48" s="384"/>
      <c r="CX48" s="384"/>
    </row>
    <row r="49" spans="1:109" ht="13.2" x14ac:dyDescent="0.2">
      <c r="B49" s="375"/>
      <c r="AN49" s="369" t="s">
        <v>584</v>
      </c>
    </row>
    <row r="50" spans="1:109" ht="13.2" x14ac:dyDescent="0.2">
      <c r="B50" s="375"/>
      <c r="G50" s="1276"/>
      <c r="H50" s="1276"/>
      <c r="I50" s="1276"/>
      <c r="J50" s="1276"/>
      <c r="K50" s="385"/>
      <c r="L50" s="385"/>
      <c r="M50" s="386"/>
      <c r="N50" s="386"/>
      <c r="AN50" s="1294"/>
      <c r="AO50" s="1295"/>
      <c r="AP50" s="1295"/>
      <c r="AQ50" s="1295"/>
      <c r="AR50" s="1295"/>
      <c r="AS50" s="1295"/>
      <c r="AT50" s="1295"/>
      <c r="AU50" s="1295"/>
      <c r="AV50" s="1295"/>
      <c r="AW50" s="1295"/>
      <c r="AX50" s="1295"/>
      <c r="AY50" s="1295"/>
      <c r="AZ50" s="1295"/>
      <c r="BA50" s="1295"/>
      <c r="BB50" s="1295"/>
      <c r="BC50" s="1295"/>
      <c r="BD50" s="1295"/>
      <c r="BE50" s="1295"/>
      <c r="BF50" s="1295"/>
      <c r="BG50" s="1295"/>
      <c r="BH50" s="1295"/>
      <c r="BI50" s="1295"/>
      <c r="BJ50" s="1295"/>
      <c r="BK50" s="1295"/>
      <c r="BL50" s="1295"/>
      <c r="BM50" s="1295"/>
      <c r="BN50" s="1295"/>
      <c r="BO50" s="1296"/>
      <c r="BP50" s="1282" t="s">
        <v>545</v>
      </c>
      <c r="BQ50" s="1282"/>
      <c r="BR50" s="1282"/>
      <c r="BS50" s="1282"/>
      <c r="BT50" s="1282"/>
      <c r="BU50" s="1282"/>
      <c r="BV50" s="1282"/>
      <c r="BW50" s="1282"/>
      <c r="BX50" s="1282" t="s">
        <v>546</v>
      </c>
      <c r="BY50" s="1282"/>
      <c r="BZ50" s="1282"/>
      <c r="CA50" s="1282"/>
      <c r="CB50" s="1282"/>
      <c r="CC50" s="1282"/>
      <c r="CD50" s="1282"/>
      <c r="CE50" s="1282"/>
      <c r="CF50" s="1282" t="s">
        <v>547</v>
      </c>
      <c r="CG50" s="1282"/>
      <c r="CH50" s="1282"/>
      <c r="CI50" s="1282"/>
      <c r="CJ50" s="1282"/>
      <c r="CK50" s="1282"/>
      <c r="CL50" s="1282"/>
      <c r="CM50" s="1282"/>
      <c r="CN50" s="1282" t="s">
        <v>548</v>
      </c>
      <c r="CO50" s="1282"/>
      <c r="CP50" s="1282"/>
      <c r="CQ50" s="1282"/>
      <c r="CR50" s="1282"/>
      <c r="CS50" s="1282"/>
      <c r="CT50" s="1282"/>
      <c r="CU50" s="1282"/>
      <c r="CV50" s="1282" t="s">
        <v>549</v>
      </c>
      <c r="CW50" s="1282"/>
      <c r="CX50" s="1282"/>
      <c r="CY50" s="1282"/>
      <c r="CZ50" s="1282"/>
      <c r="DA50" s="1282"/>
      <c r="DB50" s="1282"/>
      <c r="DC50" s="1282"/>
    </row>
    <row r="51" spans="1:109" ht="13.5" customHeight="1" x14ac:dyDescent="0.2">
      <c r="B51" s="375"/>
      <c r="G51" s="1293"/>
      <c r="H51" s="1293"/>
      <c r="I51" s="1297"/>
      <c r="J51" s="1297"/>
      <c r="K51" s="1283"/>
      <c r="L51" s="1283"/>
      <c r="M51" s="1283"/>
      <c r="N51" s="1283"/>
      <c r="AM51" s="384"/>
      <c r="AN51" s="1281" t="s">
        <v>585</v>
      </c>
      <c r="AO51" s="1281"/>
      <c r="AP51" s="1281"/>
      <c r="AQ51" s="1281"/>
      <c r="AR51" s="1281"/>
      <c r="AS51" s="1281"/>
      <c r="AT51" s="1281"/>
      <c r="AU51" s="1281"/>
      <c r="AV51" s="1281"/>
      <c r="AW51" s="1281"/>
      <c r="AX51" s="1281"/>
      <c r="AY51" s="1281"/>
      <c r="AZ51" s="1281"/>
      <c r="BA51" s="1281"/>
      <c r="BB51" s="1281" t="s">
        <v>586</v>
      </c>
      <c r="BC51" s="1281"/>
      <c r="BD51" s="1281"/>
      <c r="BE51" s="1281"/>
      <c r="BF51" s="1281"/>
      <c r="BG51" s="1281"/>
      <c r="BH51" s="1281"/>
      <c r="BI51" s="1281"/>
      <c r="BJ51" s="1281"/>
      <c r="BK51" s="1281"/>
      <c r="BL51" s="1281"/>
      <c r="BM51" s="1281"/>
      <c r="BN51" s="1281"/>
      <c r="BO51" s="1281"/>
      <c r="BP51" s="1278">
        <v>81.900000000000006</v>
      </c>
      <c r="BQ51" s="1278"/>
      <c r="BR51" s="1278"/>
      <c r="BS51" s="1278"/>
      <c r="BT51" s="1278"/>
      <c r="BU51" s="1278"/>
      <c r="BV51" s="1278"/>
      <c r="BW51" s="1278"/>
      <c r="BX51" s="1278">
        <v>64.7</v>
      </c>
      <c r="BY51" s="1278"/>
      <c r="BZ51" s="1278"/>
      <c r="CA51" s="1278"/>
      <c r="CB51" s="1278"/>
      <c r="CC51" s="1278"/>
      <c r="CD51" s="1278"/>
      <c r="CE51" s="1278"/>
      <c r="CF51" s="1278">
        <v>64.8</v>
      </c>
      <c r="CG51" s="1278"/>
      <c r="CH51" s="1278"/>
      <c r="CI51" s="1278"/>
      <c r="CJ51" s="1278"/>
      <c r="CK51" s="1278"/>
      <c r="CL51" s="1278"/>
      <c r="CM51" s="1278"/>
      <c r="CN51" s="1278">
        <v>59.3</v>
      </c>
      <c r="CO51" s="1278"/>
      <c r="CP51" s="1278"/>
      <c r="CQ51" s="1278"/>
      <c r="CR51" s="1278"/>
      <c r="CS51" s="1278"/>
      <c r="CT51" s="1278"/>
      <c r="CU51" s="1278"/>
      <c r="CV51" s="1278">
        <v>42.4</v>
      </c>
      <c r="CW51" s="1278"/>
      <c r="CX51" s="1278"/>
      <c r="CY51" s="1278"/>
      <c r="CZ51" s="1278"/>
      <c r="DA51" s="1278"/>
      <c r="DB51" s="1278"/>
      <c r="DC51" s="1278"/>
    </row>
    <row r="52" spans="1:109" ht="13.2" x14ac:dyDescent="0.2">
      <c r="B52" s="375"/>
      <c r="G52" s="1293"/>
      <c r="H52" s="1293"/>
      <c r="I52" s="1297"/>
      <c r="J52" s="1297"/>
      <c r="K52" s="1283"/>
      <c r="L52" s="1283"/>
      <c r="M52" s="1283"/>
      <c r="N52" s="1283"/>
      <c r="AM52" s="384"/>
      <c r="AN52" s="1281"/>
      <c r="AO52" s="1281"/>
      <c r="AP52" s="1281"/>
      <c r="AQ52" s="1281"/>
      <c r="AR52" s="1281"/>
      <c r="AS52" s="1281"/>
      <c r="AT52" s="1281"/>
      <c r="AU52" s="1281"/>
      <c r="AV52" s="1281"/>
      <c r="AW52" s="1281"/>
      <c r="AX52" s="1281"/>
      <c r="AY52" s="1281"/>
      <c r="AZ52" s="1281"/>
      <c r="BA52" s="1281"/>
      <c r="BB52" s="1281"/>
      <c r="BC52" s="1281"/>
      <c r="BD52" s="1281"/>
      <c r="BE52" s="1281"/>
      <c r="BF52" s="1281"/>
      <c r="BG52" s="1281"/>
      <c r="BH52" s="1281"/>
      <c r="BI52" s="1281"/>
      <c r="BJ52" s="1281"/>
      <c r="BK52" s="1281"/>
      <c r="BL52" s="1281"/>
      <c r="BM52" s="1281"/>
      <c r="BN52" s="1281"/>
      <c r="BO52" s="1281"/>
      <c r="BP52" s="1278"/>
      <c r="BQ52" s="1278"/>
      <c r="BR52" s="1278"/>
      <c r="BS52" s="1278"/>
      <c r="BT52" s="1278"/>
      <c r="BU52" s="1278"/>
      <c r="BV52" s="1278"/>
      <c r="BW52" s="1278"/>
      <c r="BX52" s="1278"/>
      <c r="BY52" s="1278"/>
      <c r="BZ52" s="1278"/>
      <c r="CA52" s="1278"/>
      <c r="CB52" s="1278"/>
      <c r="CC52" s="1278"/>
      <c r="CD52" s="1278"/>
      <c r="CE52" s="1278"/>
      <c r="CF52" s="1278"/>
      <c r="CG52" s="1278"/>
      <c r="CH52" s="1278"/>
      <c r="CI52" s="1278"/>
      <c r="CJ52" s="1278"/>
      <c r="CK52" s="1278"/>
      <c r="CL52" s="1278"/>
      <c r="CM52" s="1278"/>
      <c r="CN52" s="1278"/>
      <c r="CO52" s="1278"/>
      <c r="CP52" s="1278"/>
      <c r="CQ52" s="1278"/>
      <c r="CR52" s="1278"/>
      <c r="CS52" s="1278"/>
      <c r="CT52" s="1278"/>
      <c r="CU52" s="1278"/>
      <c r="CV52" s="1278"/>
      <c r="CW52" s="1278"/>
      <c r="CX52" s="1278"/>
      <c r="CY52" s="1278"/>
      <c r="CZ52" s="1278"/>
      <c r="DA52" s="1278"/>
      <c r="DB52" s="1278"/>
      <c r="DC52" s="1278"/>
    </row>
    <row r="53" spans="1:109" ht="13.2" x14ac:dyDescent="0.2">
      <c r="A53" s="383"/>
      <c r="B53" s="375"/>
      <c r="G53" s="1293"/>
      <c r="H53" s="1293"/>
      <c r="I53" s="1276"/>
      <c r="J53" s="1276"/>
      <c r="K53" s="1283"/>
      <c r="L53" s="1283"/>
      <c r="M53" s="1283"/>
      <c r="N53" s="1283"/>
      <c r="AM53" s="384"/>
      <c r="AN53" s="1281"/>
      <c r="AO53" s="1281"/>
      <c r="AP53" s="1281"/>
      <c r="AQ53" s="1281"/>
      <c r="AR53" s="1281"/>
      <c r="AS53" s="1281"/>
      <c r="AT53" s="1281"/>
      <c r="AU53" s="1281"/>
      <c r="AV53" s="1281"/>
      <c r="AW53" s="1281"/>
      <c r="AX53" s="1281"/>
      <c r="AY53" s="1281"/>
      <c r="AZ53" s="1281"/>
      <c r="BA53" s="1281"/>
      <c r="BB53" s="1281" t="s">
        <v>587</v>
      </c>
      <c r="BC53" s="1281"/>
      <c r="BD53" s="1281"/>
      <c r="BE53" s="1281"/>
      <c r="BF53" s="1281"/>
      <c r="BG53" s="1281"/>
      <c r="BH53" s="1281"/>
      <c r="BI53" s="1281"/>
      <c r="BJ53" s="1281"/>
      <c r="BK53" s="1281"/>
      <c r="BL53" s="1281"/>
      <c r="BM53" s="1281"/>
      <c r="BN53" s="1281"/>
      <c r="BO53" s="1281"/>
      <c r="BP53" s="1278">
        <v>69.8</v>
      </c>
      <c r="BQ53" s="1278"/>
      <c r="BR53" s="1278"/>
      <c r="BS53" s="1278"/>
      <c r="BT53" s="1278"/>
      <c r="BU53" s="1278"/>
      <c r="BV53" s="1278"/>
      <c r="BW53" s="1278"/>
      <c r="BX53" s="1278">
        <v>71.5</v>
      </c>
      <c r="BY53" s="1278"/>
      <c r="BZ53" s="1278"/>
      <c r="CA53" s="1278"/>
      <c r="CB53" s="1278"/>
      <c r="CC53" s="1278"/>
      <c r="CD53" s="1278"/>
      <c r="CE53" s="1278"/>
      <c r="CF53" s="1278">
        <v>71.900000000000006</v>
      </c>
      <c r="CG53" s="1278"/>
      <c r="CH53" s="1278"/>
      <c r="CI53" s="1278"/>
      <c r="CJ53" s="1278"/>
      <c r="CK53" s="1278"/>
      <c r="CL53" s="1278"/>
      <c r="CM53" s="1278"/>
      <c r="CN53" s="1278">
        <v>73.2</v>
      </c>
      <c r="CO53" s="1278"/>
      <c r="CP53" s="1278"/>
      <c r="CQ53" s="1278"/>
      <c r="CR53" s="1278"/>
      <c r="CS53" s="1278"/>
      <c r="CT53" s="1278"/>
      <c r="CU53" s="1278"/>
      <c r="CV53" s="1278">
        <v>74.400000000000006</v>
      </c>
      <c r="CW53" s="1278"/>
      <c r="CX53" s="1278"/>
      <c r="CY53" s="1278"/>
      <c r="CZ53" s="1278"/>
      <c r="DA53" s="1278"/>
      <c r="DB53" s="1278"/>
      <c r="DC53" s="1278"/>
    </row>
    <row r="54" spans="1:109" ht="13.2" x14ac:dyDescent="0.2">
      <c r="A54" s="383"/>
      <c r="B54" s="375"/>
      <c r="G54" s="1293"/>
      <c r="H54" s="1293"/>
      <c r="I54" s="1276"/>
      <c r="J54" s="1276"/>
      <c r="K54" s="1283"/>
      <c r="L54" s="1283"/>
      <c r="M54" s="1283"/>
      <c r="N54" s="1283"/>
      <c r="AM54" s="384"/>
      <c r="AN54" s="1281"/>
      <c r="AO54" s="1281"/>
      <c r="AP54" s="1281"/>
      <c r="AQ54" s="1281"/>
      <c r="AR54" s="1281"/>
      <c r="AS54" s="1281"/>
      <c r="AT54" s="1281"/>
      <c r="AU54" s="1281"/>
      <c r="AV54" s="1281"/>
      <c r="AW54" s="1281"/>
      <c r="AX54" s="1281"/>
      <c r="AY54" s="1281"/>
      <c r="AZ54" s="1281"/>
      <c r="BA54" s="1281"/>
      <c r="BB54" s="1281"/>
      <c r="BC54" s="1281"/>
      <c r="BD54" s="1281"/>
      <c r="BE54" s="1281"/>
      <c r="BF54" s="1281"/>
      <c r="BG54" s="1281"/>
      <c r="BH54" s="1281"/>
      <c r="BI54" s="1281"/>
      <c r="BJ54" s="1281"/>
      <c r="BK54" s="1281"/>
      <c r="BL54" s="1281"/>
      <c r="BM54" s="1281"/>
      <c r="BN54" s="1281"/>
      <c r="BO54" s="1281"/>
      <c r="BP54" s="1278"/>
      <c r="BQ54" s="1278"/>
      <c r="BR54" s="1278"/>
      <c r="BS54" s="1278"/>
      <c r="BT54" s="1278"/>
      <c r="BU54" s="1278"/>
      <c r="BV54" s="1278"/>
      <c r="BW54" s="1278"/>
      <c r="BX54" s="1278"/>
      <c r="BY54" s="1278"/>
      <c r="BZ54" s="1278"/>
      <c r="CA54" s="1278"/>
      <c r="CB54" s="1278"/>
      <c r="CC54" s="1278"/>
      <c r="CD54" s="1278"/>
      <c r="CE54" s="1278"/>
      <c r="CF54" s="1278"/>
      <c r="CG54" s="1278"/>
      <c r="CH54" s="1278"/>
      <c r="CI54" s="1278"/>
      <c r="CJ54" s="1278"/>
      <c r="CK54" s="1278"/>
      <c r="CL54" s="1278"/>
      <c r="CM54" s="1278"/>
      <c r="CN54" s="1278"/>
      <c r="CO54" s="1278"/>
      <c r="CP54" s="1278"/>
      <c r="CQ54" s="1278"/>
      <c r="CR54" s="1278"/>
      <c r="CS54" s="1278"/>
      <c r="CT54" s="1278"/>
      <c r="CU54" s="1278"/>
      <c r="CV54" s="1278"/>
      <c r="CW54" s="1278"/>
      <c r="CX54" s="1278"/>
      <c r="CY54" s="1278"/>
      <c r="CZ54" s="1278"/>
      <c r="DA54" s="1278"/>
      <c r="DB54" s="1278"/>
      <c r="DC54" s="1278"/>
    </row>
    <row r="55" spans="1:109" ht="13.2" x14ac:dyDescent="0.2">
      <c r="A55" s="383"/>
      <c r="B55" s="375"/>
      <c r="G55" s="1276"/>
      <c r="H55" s="1276"/>
      <c r="I55" s="1276"/>
      <c r="J55" s="1276"/>
      <c r="K55" s="1283"/>
      <c r="L55" s="1283"/>
      <c r="M55" s="1283"/>
      <c r="N55" s="1283"/>
      <c r="AN55" s="1282" t="s">
        <v>588</v>
      </c>
      <c r="AO55" s="1282"/>
      <c r="AP55" s="1282"/>
      <c r="AQ55" s="1282"/>
      <c r="AR55" s="1282"/>
      <c r="AS55" s="1282"/>
      <c r="AT55" s="1282"/>
      <c r="AU55" s="1282"/>
      <c r="AV55" s="1282"/>
      <c r="AW55" s="1282"/>
      <c r="AX55" s="1282"/>
      <c r="AY55" s="1282"/>
      <c r="AZ55" s="1282"/>
      <c r="BA55" s="1282"/>
      <c r="BB55" s="1281" t="s">
        <v>586</v>
      </c>
      <c r="BC55" s="1281"/>
      <c r="BD55" s="1281"/>
      <c r="BE55" s="1281"/>
      <c r="BF55" s="1281"/>
      <c r="BG55" s="1281"/>
      <c r="BH55" s="1281"/>
      <c r="BI55" s="1281"/>
      <c r="BJ55" s="1281"/>
      <c r="BK55" s="1281"/>
      <c r="BL55" s="1281"/>
      <c r="BM55" s="1281"/>
      <c r="BN55" s="1281"/>
      <c r="BO55" s="1281"/>
      <c r="BP55" s="1278">
        <v>12.2</v>
      </c>
      <c r="BQ55" s="1278"/>
      <c r="BR55" s="1278"/>
      <c r="BS55" s="1278"/>
      <c r="BT55" s="1278"/>
      <c r="BU55" s="1278"/>
      <c r="BV55" s="1278"/>
      <c r="BW55" s="1278"/>
      <c r="BX55" s="1278">
        <v>5</v>
      </c>
      <c r="BY55" s="1278"/>
      <c r="BZ55" s="1278"/>
      <c r="CA55" s="1278"/>
      <c r="CB55" s="1278"/>
      <c r="CC55" s="1278"/>
      <c r="CD55" s="1278"/>
      <c r="CE55" s="1278"/>
      <c r="CF55" s="1278">
        <v>5.4</v>
      </c>
      <c r="CG55" s="1278"/>
      <c r="CH55" s="1278"/>
      <c r="CI55" s="1278"/>
      <c r="CJ55" s="1278"/>
      <c r="CK55" s="1278"/>
      <c r="CL55" s="1278"/>
      <c r="CM55" s="1278"/>
      <c r="CN55" s="1278">
        <v>3.9</v>
      </c>
      <c r="CO55" s="1278"/>
      <c r="CP55" s="1278"/>
      <c r="CQ55" s="1278"/>
      <c r="CR55" s="1278"/>
      <c r="CS55" s="1278"/>
      <c r="CT55" s="1278"/>
      <c r="CU55" s="1278"/>
      <c r="CV55" s="1278">
        <v>0</v>
      </c>
      <c r="CW55" s="1278"/>
      <c r="CX55" s="1278"/>
      <c r="CY55" s="1278"/>
      <c r="CZ55" s="1278"/>
      <c r="DA55" s="1278"/>
      <c r="DB55" s="1278"/>
      <c r="DC55" s="1278"/>
    </row>
    <row r="56" spans="1:109" ht="13.2" x14ac:dyDescent="0.2">
      <c r="A56" s="383"/>
      <c r="B56" s="375"/>
      <c r="G56" s="1276"/>
      <c r="H56" s="1276"/>
      <c r="I56" s="1276"/>
      <c r="J56" s="1276"/>
      <c r="K56" s="1283"/>
      <c r="L56" s="1283"/>
      <c r="M56" s="1283"/>
      <c r="N56" s="1283"/>
      <c r="AN56" s="1282"/>
      <c r="AO56" s="1282"/>
      <c r="AP56" s="1282"/>
      <c r="AQ56" s="1282"/>
      <c r="AR56" s="1282"/>
      <c r="AS56" s="1282"/>
      <c r="AT56" s="1282"/>
      <c r="AU56" s="1282"/>
      <c r="AV56" s="1282"/>
      <c r="AW56" s="1282"/>
      <c r="AX56" s="1282"/>
      <c r="AY56" s="1282"/>
      <c r="AZ56" s="1282"/>
      <c r="BA56" s="1282"/>
      <c r="BB56" s="1281"/>
      <c r="BC56" s="1281"/>
      <c r="BD56" s="1281"/>
      <c r="BE56" s="1281"/>
      <c r="BF56" s="1281"/>
      <c r="BG56" s="1281"/>
      <c r="BH56" s="1281"/>
      <c r="BI56" s="1281"/>
      <c r="BJ56" s="1281"/>
      <c r="BK56" s="1281"/>
      <c r="BL56" s="1281"/>
      <c r="BM56" s="1281"/>
      <c r="BN56" s="1281"/>
      <c r="BO56" s="1281"/>
      <c r="BP56" s="1278"/>
      <c r="BQ56" s="1278"/>
      <c r="BR56" s="1278"/>
      <c r="BS56" s="1278"/>
      <c r="BT56" s="1278"/>
      <c r="BU56" s="1278"/>
      <c r="BV56" s="1278"/>
      <c r="BW56" s="1278"/>
      <c r="BX56" s="1278"/>
      <c r="BY56" s="1278"/>
      <c r="BZ56" s="1278"/>
      <c r="CA56" s="1278"/>
      <c r="CB56" s="1278"/>
      <c r="CC56" s="1278"/>
      <c r="CD56" s="1278"/>
      <c r="CE56" s="1278"/>
      <c r="CF56" s="1278"/>
      <c r="CG56" s="1278"/>
      <c r="CH56" s="1278"/>
      <c r="CI56" s="1278"/>
      <c r="CJ56" s="1278"/>
      <c r="CK56" s="1278"/>
      <c r="CL56" s="1278"/>
      <c r="CM56" s="1278"/>
      <c r="CN56" s="1278"/>
      <c r="CO56" s="1278"/>
      <c r="CP56" s="1278"/>
      <c r="CQ56" s="1278"/>
      <c r="CR56" s="1278"/>
      <c r="CS56" s="1278"/>
      <c r="CT56" s="1278"/>
      <c r="CU56" s="1278"/>
      <c r="CV56" s="1278"/>
      <c r="CW56" s="1278"/>
      <c r="CX56" s="1278"/>
      <c r="CY56" s="1278"/>
      <c r="CZ56" s="1278"/>
      <c r="DA56" s="1278"/>
      <c r="DB56" s="1278"/>
      <c r="DC56" s="1278"/>
    </row>
    <row r="57" spans="1:109" s="383" customFormat="1" ht="13.2" x14ac:dyDescent="0.2">
      <c r="B57" s="387"/>
      <c r="G57" s="1276"/>
      <c r="H57" s="1276"/>
      <c r="I57" s="1279"/>
      <c r="J57" s="1279"/>
      <c r="K57" s="1283"/>
      <c r="L57" s="1283"/>
      <c r="M57" s="1283"/>
      <c r="N57" s="1283"/>
      <c r="AM57" s="369"/>
      <c r="AN57" s="1282"/>
      <c r="AO57" s="1282"/>
      <c r="AP57" s="1282"/>
      <c r="AQ57" s="1282"/>
      <c r="AR57" s="1282"/>
      <c r="AS57" s="1282"/>
      <c r="AT57" s="1282"/>
      <c r="AU57" s="1282"/>
      <c r="AV57" s="1282"/>
      <c r="AW57" s="1282"/>
      <c r="AX57" s="1282"/>
      <c r="AY57" s="1282"/>
      <c r="AZ57" s="1282"/>
      <c r="BA57" s="1282"/>
      <c r="BB57" s="1281" t="s">
        <v>587</v>
      </c>
      <c r="BC57" s="1281"/>
      <c r="BD57" s="1281"/>
      <c r="BE57" s="1281"/>
      <c r="BF57" s="1281"/>
      <c r="BG57" s="1281"/>
      <c r="BH57" s="1281"/>
      <c r="BI57" s="1281"/>
      <c r="BJ57" s="1281"/>
      <c r="BK57" s="1281"/>
      <c r="BL57" s="1281"/>
      <c r="BM57" s="1281"/>
      <c r="BN57" s="1281"/>
      <c r="BO57" s="1281"/>
      <c r="BP57" s="1278">
        <v>61.2</v>
      </c>
      <c r="BQ57" s="1278"/>
      <c r="BR57" s="1278"/>
      <c r="BS57" s="1278"/>
      <c r="BT57" s="1278"/>
      <c r="BU57" s="1278"/>
      <c r="BV57" s="1278"/>
      <c r="BW57" s="1278"/>
      <c r="BX57" s="1278">
        <v>61.6</v>
      </c>
      <c r="BY57" s="1278"/>
      <c r="BZ57" s="1278"/>
      <c r="CA57" s="1278"/>
      <c r="CB57" s="1278"/>
      <c r="CC57" s="1278"/>
      <c r="CD57" s="1278"/>
      <c r="CE57" s="1278"/>
      <c r="CF57" s="1278">
        <v>62.5</v>
      </c>
      <c r="CG57" s="1278"/>
      <c r="CH57" s="1278"/>
      <c r="CI57" s="1278"/>
      <c r="CJ57" s="1278"/>
      <c r="CK57" s="1278"/>
      <c r="CL57" s="1278"/>
      <c r="CM57" s="1278"/>
      <c r="CN57" s="1278">
        <v>63.1</v>
      </c>
      <c r="CO57" s="1278"/>
      <c r="CP57" s="1278"/>
      <c r="CQ57" s="1278"/>
      <c r="CR57" s="1278"/>
      <c r="CS57" s="1278"/>
      <c r="CT57" s="1278"/>
      <c r="CU57" s="1278"/>
      <c r="CV57" s="1278">
        <v>63</v>
      </c>
      <c r="CW57" s="1278"/>
      <c r="CX57" s="1278"/>
      <c r="CY57" s="1278"/>
      <c r="CZ57" s="1278"/>
      <c r="DA57" s="1278"/>
      <c r="DB57" s="1278"/>
      <c r="DC57" s="1278"/>
      <c r="DD57" s="388"/>
      <c r="DE57" s="387"/>
    </row>
    <row r="58" spans="1:109" s="383" customFormat="1" ht="13.2" x14ac:dyDescent="0.2">
      <c r="A58" s="369"/>
      <c r="B58" s="387"/>
      <c r="G58" s="1276"/>
      <c r="H58" s="1276"/>
      <c r="I58" s="1279"/>
      <c r="J58" s="1279"/>
      <c r="K58" s="1283"/>
      <c r="L58" s="1283"/>
      <c r="M58" s="1283"/>
      <c r="N58" s="1283"/>
      <c r="AM58" s="369"/>
      <c r="AN58" s="1282"/>
      <c r="AO58" s="1282"/>
      <c r="AP58" s="1282"/>
      <c r="AQ58" s="1282"/>
      <c r="AR58" s="1282"/>
      <c r="AS58" s="1282"/>
      <c r="AT58" s="1282"/>
      <c r="AU58" s="1282"/>
      <c r="AV58" s="1282"/>
      <c r="AW58" s="1282"/>
      <c r="AX58" s="1282"/>
      <c r="AY58" s="1282"/>
      <c r="AZ58" s="1282"/>
      <c r="BA58" s="1282"/>
      <c r="BB58" s="1281"/>
      <c r="BC58" s="1281"/>
      <c r="BD58" s="1281"/>
      <c r="BE58" s="1281"/>
      <c r="BF58" s="1281"/>
      <c r="BG58" s="1281"/>
      <c r="BH58" s="1281"/>
      <c r="BI58" s="1281"/>
      <c r="BJ58" s="1281"/>
      <c r="BK58" s="1281"/>
      <c r="BL58" s="1281"/>
      <c r="BM58" s="1281"/>
      <c r="BN58" s="1281"/>
      <c r="BO58" s="1281"/>
      <c r="BP58" s="1278"/>
      <c r="BQ58" s="1278"/>
      <c r="BR58" s="1278"/>
      <c r="BS58" s="1278"/>
      <c r="BT58" s="1278"/>
      <c r="BU58" s="1278"/>
      <c r="BV58" s="1278"/>
      <c r="BW58" s="1278"/>
      <c r="BX58" s="1278"/>
      <c r="BY58" s="1278"/>
      <c r="BZ58" s="1278"/>
      <c r="CA58" s="1278"/>
      <c r="CB58" s="1278"/>
      <c r="CC58" s="1278"/>
      <c r="CD58" s="1278"/>
      <c r="CE58" s="1278"/>
      <c r="CF58" s="1278"/>
      <c r="CG58" s="1278"/>
      <c r="CH58" s="1278"/>
      <c r="CI58" s="1278"/>
      <c r="CJ58" s="1278"/>
      <c r="CK58" s="1278"/>
      <c r="CL58" s="1278"/>
      <c r="CM58" s="1278"/>
      <c r="CN58" s="1278"/>
      <c r="CO58" s="1278"/>
      <c r="CP58" s="1278"/>
      <c r="CQ58" s="1278"/>
      <c r="CR58" s="1278"/>
      <c r="CS58" s="1278"/>
      <c r="CT58" s="1278"/>
      <c r="CU58" s="1278"/>
      <c r="CV58" s="1278"/>
      <c r="CW58" s="1278"/>
      <c r="CX58" s="1278"/>
      <c r="CY58" s="1278"/>
      <c r="CZ58" s="1278"/>
      <c r="DA58" s="1278"/>
      <c r="DB58" s="1278"/>
      <c r="DC58" s="1278"/>
      <c r="DD58" s="388"/>
      <c r="DE58" s="387"/>
    </row>
    <row r="59" spans="1:109" s="383" customFormat="1" ht="13.2" x14ac:dyDescent="0.2">
      <c r="A59" s="369"/>
      <c r="B59" s="387"/>
      <c r="K59" s="389"/>
      <c r="L59" s="389"/>
      <c r="M59" s="389"/>
      <c r="N59" s="389"/>
      <c r="AQ59" s="389"/>
      <c r="AR59" s="389"/>
      <c r="AS59" s="389"/>
      <c r="AT59" s="389"/>
      <c r="BC59" s="389"/>
      <c r="BD59" s="389"/>
      <c r="BE59" s="389"/>
      <c r="BF59" s="389"/>
      <c r="BO59" s="389"/>
      <c r="BP59" s="389"/>
      <c r="BQ59" s="389"/>
      <c r="BR59" s="389"/>
      <c r="CA59" s="389"/>
      <c r="CB59" s="389"/>
      <c r="CC59" s="389"/>
      <c r="CD59" s="389"/>
      <c r="CM59" s="389"/>
      <c r="CN59" s="389"/>
      <c r="CO59" s="389"/>
      <c r="CP59" s="389"/>
      <c r="CY59" s="389"/>
      <c r="CZ59" s="389"/>
      <c r="DA59" s="389"/>
      <c r="DB59" s="389"/>
      <c r="DC59" s="389"/>
      <c r="DD59" s="388"/>
      <c r="DE59" s="387"/>
    </row>
    <row r="60" spans="1:109" s="383" customFormat="1" ht="13.2" x14ac:dyDescent="0.2">
      <c r="A60" s="369"/>
      <c r="B60" s="387"/>
      <c r="K60" s="389"/>
      <c r="L60" s="389"/>
      <c r="M60" s="389"/>
      <c r="N60" s="389"/>
      <c r="AQ60" s="389"/>
      <c r="AR60" s="389"/>
      <c r="AS60" s="389"/>
      <c r="AT60" s="389"/>
      <c r="BC60" s="389"/>
      <c r="BD60" s="389"/>
      <c r="BE60" s="389"/>
      <c r="BF60" s="389"/>
      <c r="BO60" s="389"/>
      <c r="BP60" s="389"/>
      <c r="BQ60" s="389"/>
      <c r="BR60" s="389"/>
      <c r="CA60" s="389"/>
      <c r="CB60" s="389"/>
      <c r="CC60" s="389"/>
      <c r="CD60" s="389"/>
      <c r="CM60" s="389"/>
      <c r="CN60" s="389"/>
      <c r="CO60" s="389"/>
      <c r="CP60" s="389"/>
      <c r="CY60" s="389"/>
      <c r="CZ60" s="389"/>
      <c r="DA60" s="389"/>
      <c r="DB60" s="389"/>
      <c r="DC60" s="389"/>
      <c r="DD60" s="388"/>
      <c r="DE60" s="387"/>
    </row>
    <row r="61" spans="1:109" s="383" customFormat="1" ht="13.2" x14ac:dyDescent="0.2">
      <c r="A61" s="369"/>
      <c r="B61" s="390"/>
      <c r="C61" s="391"/>
      <c r="D61" s="391"/>
      <c r="E61" s="391"/>
      <c r="F61" s="391"/>
      <c r="G61" s="391"/>
      <c r="H61" s="391"/>
      <c r="I61" s="391"/>
      <c r="J61" s="391"/>
      <c r="K61" s="391"/>
      <c r="L61" s="391"/>
      <c r="M61" s="392"/>
      <c r="N61" s="392"/>
      <c r="O61" s="391"/>
      <c r="P61" s="391"/>
      <c r="Q61" s="391"/>
      <c r="R61" s="391"/>
      <c r="S61" s="391"/>
      <c r="T61" s="391"/>
      <c r="U61" s="391"/>
      <c r="V61" s="391"/>
      <c r="W61" s="391"/>
      <c r="X61" s="391"/>
      <c r="Y61" s="391"/>
      <c r="Z61" s="391"/>
      <c r="AA61" s="391"/>
      <c r="AB61" s="391"/>
      <c r="AC61" s="391"/>
      <c r="AD61" s="391"/>
      <c r="AE61" s="391"/>
      <c r="AF61" s="391"/>
      <c r="AG61" s="391"/>
      <c r="AH61" s="391"/>
      <c r="AI61" s="391"/>
      <c r="AJ61" s="391"/>
      <c r="AK61" s="391"/>
      <c r="AL61" s="391"/>
      <c r="AM61" s="391"/>
      <c r="AN61" s="391"/>
      <c r="AO61" s="391"/>
      <c r="AP61" s="391"/>
      <c r="AQ61" s="391"/>
      <c r="AR61" s="391"/>
      <c r="AS61" s="392"/>
      <c r="AT61" s="392"/>
      <c r="AU61" s="391"/>
      <c r="AV61" s="391"/>
      <c r="AW61" s="391"/>
      <c r="AX61" s="391"/>
      <c r="AY61" s="391"/>
      <c r="AZ61" s="391"/>
      <c r="BA61" s="391"/>
      <c r="BB61" s="391"/>
      <c r="BC61" s="391"/>
      <c r="BD61" s="391"/>
      <c r="BE61" s="392"/>
      <c r="BF61" s="392"/>
      <c r="BG61" s="391"/>
      <c r="BH61" s="391"/>
      <c r="BI61" s="391"/>
      <c r="BJ61" s="391"/>
      <c r="BK61" s="391"/>
      <c r="BL61" s="391"/>
      <c r="BM61" s="391"/>
      <c r="BN61" s="391"/>
      <c r="BO61" s="391"/>
      <c r="BP61" s="391"/>
      <c r="BQ61" s="392"/>
      <c r="BR61" s="392"/>
      <c r="BS61" s="391"/>
      <c r="BT61" s="391"/>
      <c r="BU61" s="391"/>
      <c r="BV61" s="391"/>
      <c r="BW61" s="391"/>
      <c r="BX61" s="391"/>
      <c r="BY61" s="391"/>
      <c r="BZ61" s="391"/>
      <c r="CA61" s="391"/>
      <c r="CB61" s="391"/>
      <c r="CC61" s="392"/>
      <c r="CD61" s="392"/>
      <c r="CE61" s="391"/>
      <c r="CF61" s="391"/>
      <c r="CG61" s="391"/>
      <c r="CH61" s="391"/>
      <c r="CI61" s="391"/>
      <c r="CJ61" s="391"/>
      <c r="CK61" s="391"/>
      <c r="CL61" s="391"/>
      <c r="CM61" s="391"/>
      <c r="CN61" s="391"/>
      <c r="CO61" s="392"/>
      <c r="CP61" s="392"/>
      <c r="CQ61" s="391"/>
      <c r="CR61" s="391"/>
      <c r="CS61" s="391"/>
      <c r="CT61" s="391"/>
      <c r="CU61" s="391"/>
      <c r="CV61" s="391"/>
      <c r="CW61" s="391"/>
      <c r="CX61" s="391"/>
      <c r="CY61" s="391"/>
      <c r="CZ61" s="391"/>
      <c r="DA61" s="392"/>
      <c r="DB61" s="392"/>
      <c r="DC61" s="392"/>
      <c r="DD61" s="393"/>
      <c r="DE61" s="387"/>
    </row>
    <row r="62" spans="1:109" ht="13.2" x14ac:dyDescent="0.2">
      <c r="B62" s="380"/>
      <c r="C62" s="380"/>
      <c r="D62" s="380"/>
      <c r="E62" s="380"/>
      <c r="F62" s="380"/>
      <c r="G62" s="380"/>
      <c r="H62" s="380"/>
      <c r="I62" s="380"/>
      <c r="J62" s="380"/>
      <c r="K62" s="380"/>
      <c r="L62" s="380"/>
      <c r="M62" s="380"/>
      <c r="N62" s="380"/>
      <c r="O62" s="380"/>
      <c r="P62" s="380"/>
      <c r="Q62" s="380"/>
      <c r="R62" s="380"/>
      <c r="S62" s="380"/>
      <c r="T62" s="380"/>
      <c r="U62" s="380"/>
      <c r="V62" s="380"/>
      <c r="W62" s="380"/>
      <c r="X62" s="380"/>
      <c r="Y62" s="380"/>
      <c r="Z62" s="380"/>
      <c r="AA62" s="380"/>
      <c r="AB62" s="380"/>
      <c r="AC62" s="380"/>
      <c r="AD62" s="380"/>
      <c r="AE62" s="380"/>
      <c r="AF62" s="380"/>
      <c r="AG62" s="380"/>
      <c r="AH62" s="380"/>
      <c r="AI62" s="380"/>
      <c r="AJ62" s="380"/>
      <c r="AK62" s="380"/>
      <c r="AL62" s="380"/>
      <c r="AM62" s="380"/>
      <c r="AN62" s="380"/>
      <c r="AO62" s="380"/>
      <c r="AP62" s="380"/>
      <c r="AQ62" s="380"/>
      <c r="AR62" s="380"/>
      <c r="AS62" s="380"/>
      <c r="AT62" s="380"/>
      <c r="AU62" s="380"/>
      <c r="AV62" s="380"/>
      <c r="AW62" s="380"/>
      <c r="AX62" s="380"/>
      <c r="AY62" s="380"/>
      <c r="AZ62" s="380"/>
      <c r="BA62" s="380"/>
      <c r="BB62" s="380"/>
      <c r="BC62" s="380"/>
      <c r="BD62" s="380"/>
      <c r="BE62" s="380"/>
      <c r="BF62" s="380"/>
      <c r="BG62" s="380"/>
      <c r="BH62" s="380"/>
      <c r="BI62" s="380"/>
      <c r="BJ62" s="380"/>
      <c r="BK62" s="380"/>
      <c r="BL62" s="380"/>
      <c r="BM62" s="380"/>
      <c r="BN62" s="380"/>
      <c r="BO62" s="380"/>
      <c r="BP62" s="380"/>
      <c r="BQ62" s="380"/>
      <c r="BR62" s="380"/>
      <c r="BS62" s="380"/>
      <c r="BT62" s="380"/>
      <c r="BU62" s="380"/>
      <c r="BV62" s="380"/>
      <c r="BW62" s="380"/>
      <c r="BX62" s="380"/>
      <c r="BY62" s="380"/>
      <c r="BZ62" s="380"/>
      <c r="CA62" s="380"/>
      <c r="CB62" s="380"/>
      <c r="CC62" s="380"/>
      <c r="CD62" s="380"/>
      <c r="CE62" s="380"/>
      <c r="CF62" s="380"/>
      <c r="CG62" s="380"/>
      <c r="CH62" s="380"/>
      <c r="CI62" s="380"/>
      <c r="CJ62" s="380"/>
      <c r="CK62" s="380"/>
      <c r="CL62" s="380"/>
      <c r="CM62" s="380"/>
      <c r="CN62" s="380"/>
      <c r="CO62" s="380"/>
      <c r="CP62" s="380"/>
      <c r="CQ62" s="380"/>
      <c r="CR62" s="380"/>
      <c r="CS62" s="380"/>
      <c r="CT62" s="380"/>
      <c r="CU62" s="380"/>
      <c r="CV62" s="380"/>
      <c r="CW62" s="380"/>
      <c r="CX62" s="380"/>
      <c r="CY62" s="380"/>
      <c r="CZ62" s="380"/>
      <c r="DA62" s="380"/>
      <c r="DB62" s="380"/>
      <c r="DC62" s="380"/>
      <c r="DD62" s="380"/>
      <c r="DE62" s="369"/>
    </row>
    <row r="63" spans="1:109" ht="16.2" x14ac:dyDescent="0.2">
      <c r="B63" s="394" t="s">
        <v>589</v>
      </c>
    </row>
    <row r="64" spans="1:109" ht="13.2" x14ac:dyDescent="0.2">
      <c r="B64" s="375"/>
      <c r="G64" s="382"/>
      <c r="I64" s="395"/>
      <c r="J64" s="395"/>
      <c r="K64" s="395"/>
      <c r="L64" s="395"/>
      <c r="M64" s="395"/>
      <c r="N64" s="396"/>
      <c r="AM64" s="382"/>
      <c r="AN64" s="382" t="s">
        <v>583</v>
      </c>
      <c r="AP64" s="383"/>
      <c r="AQ64" s="383"/>
      <c r="AR64" s="383"/>
      <c r="AY64" s="382"/>
      <c r="BA64" s="383"/>
      <c r="BB64" s="383"/>
      <c r="BC64" s="383"/>
      <c r="BK64" s="382"/>
      <c r="BM64" s="383"/>
      <c r="BN64" s="383"/>
      <c r="BO64" s="383"/>
      <c r="BW64" s="382"/>
      <c r="BY64" s="383"/>
      <c r="BZ64" s="383"/>
      <c r="CA64" s="383"/>
      <c r="CI64" s="382"/>
      <c r="CK64" s="383"/>
      <c r="CL64" s="383"/>
      <c r="CM64" s="383"/>
      <c r="CU64" s="382"/>
      <c r="CW64" s="383"/>
      <c r="CX64" s="383"/>
      <c r="CY64" s="383"/>
    </row>
    <row r="65" spans="2:107" ht="13.2" x14ac:dyDescent="0.2">
      <c r="B65" s="375"/>
      <c r="AN65" s="1284" t="s">
        <v>592</v>
      </c>
      <c r="AO65" s="1285"/>
      <c r="AP65" s="1285"/>
      <c r="AQ65" s="1285"/>
      <c r="AR65" s="1285"/>
      <c r="AS65" s="1285"/>
      <c r="AT65" s="1285"/>
      <c r="AU65" s="1285"/>
      <c r="AV65" s="1285"/>
      <c r="AW65" s="1285"/>
      <c r="AX65" s="1285"/>
      <c r="AY65" s="1285"/>
      <c r="AZ65" s="1285"/>
      <c r="BA65" s="1285"/>
      <c r="BB65" s="1285"/>
      <c r="BC65" s="1285"/>
      <c r="BD65" s="1285"/>
      <c r="BE65" s="1285"/>
      <c r="BF65" s="1285"/>
      <c r="BG65" s="1285"/>
      <c r="BH65" s="1285"/>
      <c r="BI65" s="1285"/>
      <c r="BJ65" s="1285"/>
      <c r="BK65" s="1285"/>
      <c r="BL65" s="1285"/>
      <c r="BM65" s="1285"/>
      <c r="BN65" s="1285"/>
      <c r="BO65" s="1285"/>
      <c r="BP65" s="1285"/>
      <c r="BQ65" s="1285"/>
      <c r="BR65" s="1285"/>
      <c r="BS65" s="1285"/>
      <c r="BT65" s="1285"/>
      <c r="BU65" s="1285"/>
      <c r="BV65" s="1285"/>
      <c r="BW65" s="1285"/>
      <c r="BX65" s="1285"/>
      <c r="BY65" s="1285"/>
      <c r="BZ65" s="1285"/>
      <c r="CA65" s="1285"/>
      <c r="CB65" s="1285"/>
      <c r="CC65" s="1285"/>
      <c r="CD65" s="1285"/>
      <c r="CE65" s="1285"/>
      <c r="CF65" s="1285"/>
      <c r="CG65" s="1285"/>
      <c r="CH65" s="1285"/>
      <c r="CI65" s="1285"/>
      <c r="CJ65" s="1285"/>
      <c r="CK65" s="1285"/>
      <c r="CL65" s="1285"/>
      <c r="CM65" s="1285"/>
      <c r="CN65" s="1285"/>
      <c r="CO65" s="1285"/>
      <c r="CP65" s="1285"/>
      <c r="CQ65" s="1285"/>
      <c r="CR65" s="1285"/>
      <c r="CS65" s="1285"/>
      <c r="CT65" s="1285"/>
      <c r="CU65" s="1285"/>
      <c r="CV65" s="1285"/>
      <c r="CW65" s="1285"/>
      <c r="CX65" s="1285"/>
      <c r="CY65" s="1285"/>
      <c r="CZ65" s="1285"/>
      <c r="DA65" s="1285"/>
      <c r="DB65" s="1285"/>
      <c r="DC65" s="1286"/>
    </row>
    <row r="66" spans="2:107" ht="13.2" x14ac:dyDescent="0.2">
      <c r="B66" s="375"/>
      <c r="AN66" s="1287"/>
      <c r="AO66" s="1288"/>
      <c r="AP66" s="1288"/>
      <c r="AQ66" s="1288"/>
      <c r="AR66" s="1288"/>
      <c r="AS66" s="1288"/>
      <c r="AT66" s="1288"/>
      <c r="AU66" s="1288"/>
      <c r="AV66" s="1288"/>
      <c r="AW66" s="1288"/>
      <c r="AX66" s="1288"/>
      <c r="AY66" s="1288"/>
      <c r="AZ66" s="1288"/>
      <c r="BA66" s="1288"/>
      <c r="BB66" s="1288"/>
      <c r="BC66" s="1288"/>
      <c r="BD66" s="1288"/>
      <c r="BE66" s="1288"/>
      <c r="BF66" s="1288"/>
      <c r="BG66" s="1288"/>
      <c r="BH66" s="1288"/>
      <c r="BI66" s="1288"/>
      <c r="BJ66" s="1288"/>
      <c r="BK66" s="1288"/>
      <c r="BL66" s="1288"/>
      <c r="BM66" s="1288"/>
      <c r="BN66" s="1288"/>
      <c r="BO66" s="1288"/>
      <c r="BP66" s="1288"/>
      <c r="BQ66" s="1288"/>
      <c r="BR66" s="1288"/>
      <c r="BS66" s="1288"/>
      <c r="BT66" s="1288"/>
      <c r="BU66" s="1288"/>
      <c r="BV66" s="1288"/>
      <c r="BW66" s="1288"/>
      <c r="BX66" s="1288"/>
      <c r="BY66" s="1288"/>
      <c r="BZ66" s="1288"/>
      <c r="CA66" s="1288"/>
      <c r="CB66" s="1288"/>
      <c r="CC66" s="1288"/>
      <c r="CD66" s="1288"/>
      <c r="CE66" s="1288"/>
      <c r="CF66" s="1288"/>
      <c r="CG66" s="1288"/>
      <c r="CH66" s="1288"/>
      <c r="CI66" s="1288"/>
      <c r="CJ66" s="1288"/>
      <c r="CK66" s="1288"/>
      <c r="CL66" s="1288"/>
      <c r="CM66" s="1288"/>
      <c r="CN66" s="1288"/>
      <c r="CO66" s="1288"/>
      <c r="CP66" s="1288"/>
      <c r="CQ66" s="1288"/>
      <c r="CR66" s="1288"/>
      <c r="CS66" s="1288"/>
      <c r="CT66" s="1288"/>
      <c r="CU66" s="1288"/>
      <c r="CV66" s="1288"/>
      <c r="CW66" s="1288"/>
      <c r="CX66" s="1288"/>
      <c r="CY66" s="1288"/>
      <c r="CZ66" s="1288"/>
      <c r="DA66" s="1288"/>
      <c r="DB66" s="1288"/>
      <c r="DC66" s="1289"/>
    </row>
    <row r="67" spans="2:107" ht="13.2" x14ac:dyDescent="0.2">
      <c r="B67" s="375"/>
      <c r="AN67" s="1287"/>
      <c r="AO67" s="1288"/>
      <c r="AP67" s="1288"/>
      <c r="AQ67" s="1288"/>
      <c r="AR67" s="1288"/>
      <c r="AS67" s="1288"/>
      <c r="AT67" s="1288"/>
      <c r="AU67" s="1288"/>
      <c r="AV67" s="1288"/>
      <c r="AW67" s="1288"/>
      <c r="AX67" s="1288"/>
      <c r="AY67" s="1288"/>
      <c r="AZ67" s="1288"/>
      <c r="BA67" s="1288"/>
      <c r="BB67" s="1288"/>
      <c r="BC67" s="1288"/>
      <c r="BD67" s="1288"/>
      <c r="BE67" s="1288"/>
      <c r="BF67" s="1288"/>
      <c r="BG67" s="1288"/>
      <c r="BH67" s="1288"/>
      <c r="BI67" s="1288"/>
      <c r="BJ67" s="1288"/>
      <c r="BK67" s="1288"/>
      <c r="BL67" s="1288"/>
      <c r="BM67" s="1288"/>
      <c r="BN67" s="1288"/>
      <c r="BO67" s="1288"/>
      <c r="BP67" s="1288"/>
      <c r="BQ67" s="1288"/>
      <c r="BR67" s="1288"/>
      <c r="BS67" s="1288"/>
      <c r="BT67" s="1288"/>
      <c r="BU67" s="1288"/>
      <c r="BV67" s="1288"/>
      <c r="BW67" s="1288"/>
      <c r="BX67" s="1288"/>
      <c r="BY67" s="1288"/>
      <c r="BZ67" s="1288"/>
      <c r="CA67" s="1288"/>
      <c r="CB67" s="1288"/>
      <c r="CC67" s="1288"/>
      <c r="CD67" s="1288"/>
      <c r="CE67" s="1288"/>
      <c r="CF67" s="1288"/>
      <c r="CG67" s="1288"/>
      <c r="CH67" s="1288"/>
      <c r="CI67" s="1288"/>
      <c r="CJ67" s="1288"/>
      <c r="CK67" s="1288"/>
      <c r="CL67" s="1288"/>
      <c r="CM67" s="1288"/>
      <c r="CN67" s="1288"/>
      <c r="CO67" s="1288"/>
      <c r="CP67" s="1288"/>
      <c r="CQ67" s="1288"/>
      <c r="CR67" s="1288"/>
      <c r="CS67" s="1288"/>
      <c r="CT67" s="1288"/>
      <c r="CU67" s="1288"/>
      <c r="CV67" s="1288"/>
      <c r="CW67" s="1288"/>
      <c r="CX67" s="1288"/>
      <c r="CY67" s="1288"/>
      <c r="CZ67" s="1288"/>
      <c r="DA67" s="1288"/>
      <c r="DB67" s="1288"/>
      <c r="DC67" s="1289"/>
    </row>
    <row r="68" spans="2:107" ht="13.2" x14ac:dyDescent="0.2">
      <c r="B68" s="375"/>
      <c r="AN68" s="1287"/>
      <c r="AO68" s="1288"/>
      <c r="AP68" s="1288"/>
      <c r="AQ68" s="1288"/>
      <c r="AR68" s="1288"/>
      <c r="AS68" s="1288"/>
      <c r="AT68" s="1288"/>
      <c r="AU68" s="1288"/>
      <c r="AV68" s="1288"/>
      <c r="AW68" s="1288"/>
      <c r="AX68" s="1288"/>
      <c r="AY68" s="1288"/>
      <c r="AZ68" s="1288"/>
      <c r="BA68" s="1288"/>
      <c r="BB68" s="1288"/>
      <c r="BC68" s="1288"/>
      <c r="BD68" s="1288"/>
      <c r="BE68" s="1288"/>
      <c r="BF68" s="1288"/>
      <c r="BG68" s="1288"/>
      <c r="BH68" s="1288"/>
      <c r="BI68" s="1288"/>
      <c r="BJ68" s="1288"/>
      <c r="BK68" s="1288"/>
      <c r="BL68" s="1288"/>
      <c r="BM68" s="1288"/>
      <c r="BN68" s="1288"/>
      <c r="BO68" s="1288"/>
      <c r="BP68" s="1288"/>
      <c r="BQ68" s="1288"/>
      <c r="BR68" s="1288"/>
      <c r="BS68" s="1288"/>
      <c r="BT68" s="1288"/>
      <c r="BU68" s="1288"/>
      <c r="BV68" s="1288"/>
      <c r="BW68" s="1288"/>
      <c r="BX68" s="1288"/>
      <c r="BY68" s="1288"/>
      <c r="BZ68" s="1288"/>
      <c r="CA68" s="1288"/>
      <c r="CB68" s="1288"/>
      <c r="CC68" s="1288"/>
      <c r="CD68" s="1288"/>
      <c r="CE68" s="1288"/>
      <c r="CF68" s="1288"/>
      <c r="CG68" s="1288"/>
      <c r="CH68" s="1288"/>
      <c r="CI68" s="1288"/>
      <c r="CJ68" s="1288"/>
      <c r="CK68" s="1288"/>
      <c r="CL68" s="1288"/>
      <c r="CM68" s="1288"/>
      <c r="CN68" s="1288"/>
      <c r="CO68" s="1288"/>
      <c r="CP68" s="1288"/>
      <c r="CQ68" s="1288"/>
      <c r="CR68" s="1288"/>
      <c r="CS68" s="1288"/>
      <c r="CT68" s="1288"/>
      <c r="CU68" s="1288"/>
      <c r="CV68" s="1288"/>
      <c r="CW68" s="1288"/>
      <c r="CX68" s="1288"/>
      <c r="CY68" s="1288"/>
      <c r="CZ68" s="1288"/>
      <c r="DA68" s="1288"/>
      <c r="DB68" s="1288"/>
      <c r="DC68" s="1289"/>
    </row>
    <row r="69" spans="2:107" ht="13.2" x14ac:dyDescent="0.2">
      <c r="B69" s="375"/>
      <c r="AN69" s="1290"/>
      <c r="AO69" s="1291"/>
      <c r="AP69" s="1291"/>
      <c r="AQ69" s="1291"/>
      <c r="AR69" s="1291"/>
      <c r="AS69" s="1291"/>
      <c r="AT69" s="1291"/>
      <c r="AU69" s="1291"/>
      <c r="AV69" s="1291"/>
      <c r="AW69" s="1291"/>
      <c r="AX69" s="1291"/>
      <c r="AY69" s="1291"/>
      <c r="AZ69" s="1291"/>
      <c r="BA69" s="1291"/>
      <c r="BB69" s="1291"/>
      <c r="BC69" s="1291"/>
      <c r="BD69" s="1291"/>
      <c r="BE69" s="1291"/>
      <c r="BF69" s="1291"/>
      <c r="BG69" s="1291"/>
      <c r="BH69" s="1291"/>
      <c r="BI69" s="1291"/>
      <c r="BJ69" s="1291"/>
      <c r="BK69" s="1291"/>
      <c r="BL69" s="1291"/>
      <c r="BM69" s="1291"/>
      <c r="BN69" s="1291"/>
      <c r="BO69" s="1291"/>
      <c r="BP69" s="1291"/>
      <c r="BQ69" s="1291"/>
      <c r="BR69" s="1291"/>
      <c r="BS69" s="1291"/>
      <c r="BT69" s="1291"/>
      <c r="BU69" s="1291"/>
      <c r="BV69" s="1291"/>
      <c r="BW69" s="1291"/>
      <c r="BX69" s="1291"/>
      <c r="BY69" s="1291"/>
      <c r="BZ69" s="1291"/>
      <c r="CA69" s="1291"/>
      <c r="CB69" s="1291"/>
      <c r="CC69" s="1291"/>
      <c r="CD69" s="1291"/>
      <c r="CE69" s="1291"/>
      <c r="CF69" s="1291"/>
      <c r="CG69" s="1291"/>
      <c r="CH69" s="1291"/>
      <c r="CI69" s="1291"/>
      <c r="CJ69" s="1291"/>
      <c r="CK69" s="1291"/>
      <c r="CL69" s="1291"/>
      <c r="CM69" s="1291"/>
      <c r="CN69" s="1291"/>
      <c r="CO69" s="1291"/>
      <c r="CP69" s="1291"/>
      <c r="CQ69" s="1291"/>
      <c r="CR69" s="1291"/>
      <c r="CS69" s="1291"/>
      <c r="CT69" s="1291"/>
      <c r="CU69" s="1291"/>
      <c r="CV69" s="1291"/>
      <c r="CW69" s="1291"/>
      <c r="CX69" s="1291"/>
      <c r="CY69" s="1291"/>
      <c r="CZ69" s="1291"/>
      <c r="DA69" s="1291"/>
      <c r="DB69" s="1291"/>
      <c r="DC69" s="1292"/>
    </row>
    <row r="70" spans="2:107" ht="13.2" x14ac:dyDescent="0.2">
      <c r="B70" s="375"/>
      <c r="H70" s="397"/>
      <c r="I70" s="397"/>
      <c r="J70" s="398"/>
      <c r="K70" s="398"/>
      <c r="L70" s="399"/>
      <c r="M70" s="398"/>
      <c r="N70" s="399"/>
      <c r="AN70" s="384"/>
      <c r="AO70" s="384"/>
      <c r="AP70" s="384"/>
      <c r="AZ70" s="384"/>
      <c r="BA70" s="384"/>
      <c r="BB70" s="384"/>
      <c r="BL70" s="384"/>
      <c r="BM70" s="384"/>
      <c r="BN70" s="384"/>
      <c r="BX70" s="384"/>
      <c r="BY70" s="384"/>
      <c r="BZ70" s="384"/>
      <c r="CJ70" s="384"/>
      <c r="CK70" s="384"/>
      <c r="CL70" s="384"/>
      <c r="CV70" s="384"/>
      <c r="CW70" s="384"/>
      <c r="CX70" s="384"/>
    </row>
    <row r="71" spans="2:107" ht="13.2" x14ac:dyDescent="0.2">
      <c r="B71" s="375"/>
      <c r="G71" s="400"/>
      <c r="I71" s="401"/>
      <c r="J71" s="398"/>
      <c r="K71" s="398"/>
      <c r="L71" s="399"/>
      <c r="M71" s="398"/>
      <c r="N71" s="399"/>
      <c r="AM71" s="400"/>
      <c r="AN71" s="369" t="s">
        <v>584</v>
      </c>
    </row>
    <row r="72" spans="2:107" ht="13.2" x14ac:dyDescent="0.2">
      <c r="B72" s="375"/>
      <c r="G72" s="1276"/>
      <c r="H72" s="1276"/>
      <c r="I72" s="1276"/>
      <c r="J72" s="1276"/>
      <c r="K72" s="385"/>
      <c r="L72" s="385"/>
      <c r="M72" s="386"/>
      <c r="N72" s="386"/>
      <c r="AN72" s="1294"/>
      <c r="AO72" s="1295"/>
      <c r="AP72" s="1295"/>
      <c r="AQ72" s="1295"/>
      <c r="AR72" s="1295"/>
      <c r="AS72" s="1295"/>
      <c r="AT72" s="1295"/>
      <c r="AU72" s="1295"/>
      <c r="AV72" s="1295"/>
      <c r="AW72" s="1295"/>
      <c r="AX72" s="1295"/>
      <c r="AY72" s="1295"/>
      <c r="AZ72" s="1295"/>
      <c r="BA72" s="1295"/>
      <c r="BB72" s="1295"/>
      <c r="BC72" s="1295"/>
      <c r="BD72" s="1295"/>
      <c r="BE72" s="1295"/>
      <c r="BF72" s="1295"/>
      <c r="BG72" s="1295"/>
      <c r="BH72" s="1295"/>
      <c r="BI72" s="1295"/>
      <c r="BJ72" s="1295"/>
      <c r="BK72" s="1295"/>
      <c r="BL72" s="1295"/>
      <c r="BM72" s="1295"/>
      <c r="BN72" s="1295"/>
      <c r="BO72" s="1296"/>
      <c r="BP72" s="1282" t="s">
        <v>545</v>
      </c>
      <c r="BQ72" s="1282"/>
      <c r="BR72" s="1282"/>
      <c r="BS72" s="1282"/>
      <c r="BT72" s="1282"/>
      <c r="BU72" s="1282"/>
      <c r="BV72" s="1282"/>
      <c r="BW72" s="1282"/>
      <c r="BX72" s="1282" t="s">
        <v>546</v>
      </c>
      <c r="BY72" s="1282"/>
      <c r="BZ72" s="1282"/>
      <c r="CA72" s="1282"/>
      <c r="CB72" s="1282"/>
      <c r="CC72" s="1282"/>
      <c r="CD72" s="1282"/>
      <c r="CE72" s="1282"/>
      <c r="CF72" s="1282" t="s">
        <v>547</v>
      </c>
      <c r="CG72" s="1282"/>
      <c r="CH72" s="1282"/>
      <c r="CI72" s="1282"/>
      <c r="CJ72" s="1282"/>
      <c r="CK72" s="1282"/>
      <c r="CL72" s="1282"/>
      <c r="CM72" s="1282"/>
      <c r="CN72" s="1282" t="s">
        <v>548</v>
      </c>
      <c r="CO72" s="1282"/>
      <c r="CP72" s="1282"/>
      <c r="CQ72" s="1282"/>
      <c r="CR72" s="1282"/>
      <c r="CS72" s="1282"/>
      <c r="CT72" s="1282"/>
      <c r="CU72" s="1282"/>
      <c r="CV72" s="1282" t="s">
        <v>549</v>
      </c>
      <c r="CW72" s="1282"/>
      <c r="CX72" s="1282"/>
      <c r="CY72" s="1282"/>
      <c r="CZ72" s="1282"/>
      <c r="DA72" s="1282"/>
      <c r="DB72" s="1282"/>
      <c r="DC72" s="1282"/>
    </row>
    <row r="73" spans="2:107" ht="13.2" x14ac:dyDescent="0.2">
      <c r="B73" s="375"/>
      <c r="G73" s="1293"/>
      <c r="H73" s="1293"/>
      <c r="I73" s="1293"/>
      <c r="J73" s="1293"/>
      <c r="K73" s="1277"/>
      <c r="L73" s="1277"/>
      <c r="M73" s="1277"/>
      <c r="N73" s="1277"/>
      <c r="AM73" s="384"/>
      <c r="AN73" s="1281" t="s">
        <v>585</v>
      </c>
      <c r="AO73" s="1281"/>
      <c r="AP73" s="1281"/>
      <c r="AQ73" s="1281"/>
      <c r="AR73" s="1281"/>
      <c r="AS73" s="1281"/>
      <c r="AT73" s="1281"/>
      <c r="AU73" s="1281"/>
      <c r="AV73" s="1281"/>
      <c r="AW73" s="1281"/>
      <c r="AX73" s="1281"/>
      <c r="AY73" s="1281"/>
      <c r="AZ73" s="1281"/>
      <c r="BA73" s="1281"/>
      <c r="BB73" s="1281" t="s">
        <v>586</v>
      </c>
      <c r="BC73" s="1281"/>
      <c r="BD73" s="1281"/>
      <c r="BE73" s="1281"/>
      <c r="BF73" s="1281"/>
      <c r="BG73" s="1281"/>
      <c r="BH73" s="1281"/>
      <c r="BI73" s="1281"/>
      <c r="BJ73" s="1281"/>
      <c r="BK73" s="1281"/>
      <c r="BL73" s="1281"/>
      <c r="BM73" s="1281"/>
      <c r="BN73" s="1281"/>
      <c r="BO73" s="1281"/>
      <c r="BP73" s="1278">
        <v>81.900000000000006</v>
      </c>
      <c r="BQ73" s="1278"/>
      <c r="BR73" s="1278"/>
      <c r="BS73" s="1278"/>
      <c r="BT73" s="1278"/>
      <c r="BU73" s="1278"/>
      <c r="BV73" s="1278"/>
      <c r="BW73" s="1278"/>
      <c r="BX73" s="1278">
        <v>64.7</v>
      </c>
      <c r="BY73" s="1278"/>
      <c r="BZ73" s="1278"/>
      <c r="CA73" s="1278"/>
      <c r="CB73" s="1278"/>
      <c r="CC73" s="1278"/>
      <c r="CD73" s="1278"/>
      <c r="CE73" s="1278"/>
      <c r="CF73" s="1278">
        <v>64.8</v>
      </c>
      <c r="CG73" s="1278"/>
      <c r="CH73" s="1278"/>
      <c r="CI73" s="1278"/>
      <c r="CJ73" s="1278"/>
      <c r="CK73" s="1278"/>
      <c r="CL73" s="1278"/>
      <c r="CM73" s="1278"/>
      <c r="CN73" s="1278">
        <v>59.3</v>
      </c>
      <c r="CO73" s="1278"/>
      <c r="CP73" s="1278"/>
      <c r="CQ73" s="1278"/>
      <c r="CR73" s="1278"/>
      <c r="CS73" s="1278"/>
      <c r="CT73" s="1278"/>
      <c r="CU73" s="1278"/>
      <c r="CV73" s="1278">
        <v>42.4</v>
      </c>
      <c r="CW73" s="1278"/>
      <c r="CX73" s="1278"/>
      <c r="CY73" s="1278"/>
      <c r="CZ73" s="1278"/>
      <c r="DA73" s="1278"/>
      <c r="DB73" s="1278"/>
      <c r="DC73" s="1278"/>
    </row>
    <row r="74" spans="2:107" ht="13.2" x14ac:dyDescent="0.2">
      <c r="B74" s="375"/>
      <c r="G74" s="1293"/>
      <c r="H74" s="1293"/>
      <c r="I74" s="1293"/>
      <c r="J74" s="1293"/>
      <c r="K74" s="1277"/>
      <c r="L74" s="1277"/>
      <c r="M74" s="1277"/>
      <c r="N74" s="1277"/>
      <c r="AM74" s="384"/>
      <c r="AN74" s="1281"/>
      <c r="AO74" s="1281"/>
      <c r="AP74" s="1281"/>
      <c r="AQ74" s="1281"/>
      <c r="AR74" s="1281"/>
      <c r="AS74" s="1281"/>
      <c r="AT74" s="1281"/>
      <c r="AU74" s="1281"/>
      <c r="AV74" s="1281"/>
      <c r="AW74" s="1281"/>
      <c r="AX74" s="1281"/>
      <c r="AY74" s="1281"/>
      <c r="AZ74" s="1281"/>
      <c r="BA74" s="1281"/>
      <c r="BB74" s="1281"/>
      <c r="BC74" s="1281"/>
      <c r="BD74" s="1281"/>
      <c r="BE74" s="1281"/>
      <c r="BF74" s="1281"/>
      <c r="BG74" s="1281"/>
      <c r="BH74" s="1281"/>
      <c r="BI74" s="1281"/>
      <c r="BJ74" s="1281"/>
      <c r="BK74" s="1281"/>
      <c r="BL74" s="1281"/>
      <c r="BM74" s="1281"/>
      <c r="BN74" s="1281"/>
      <c r="BO74" s="1281"/>
      <c r="BP74" s="1278"/>
      <c r="BQ74" s="1278"/>
      <c r="BR74" s="1278"/>
      <c r="BS74" s="1278"/>
      <c r="BT74" s="1278"/>
      <c r="BU74" s="1278"/>
      <c r="BV74" s="1278"/>
      <c r="BW74" s="1278"/>
      <c r="BX74" s="1278"/>
      <c r="BY74" s="1278"/>
      <c r="BZ74" s="1278"/>
      <c r="CA74" s="1278"/>
      <c r="CB74" s="1278"/>
      <c r="CC74" s="1278"/>
      <c r="CD74" s="1278"/>
      <c r="CE74" s="1278"/>
      <c r="CF74" s="1278"/>
      <c r="CG74" s="1278"/>
      <c r="CH74" s="1278"/>
      <c r="CI74" s="1278"/>
      <c r="CJ74" s="1278"/>
      <c r="CK74" s="1278"/>
      <c r="CL74" s="1278"/>
      <c r="CM74" s="1278"/>
      <c r="CN74" s="1278"/>
      <c r="CO74" s="1278"/>
      <c r="CP74" s="1278"/>
      <c r="CQ74" s="1278"/>
      <c r="CR74" s="1278"/>
      <c r="CS74" s="1278"/>
      <c r="CT74" s="1278"/>
      <c r="CU74" s="1278"/>
      <c r="CV74" s="1278"/>
      <c r="CW74" s="1278"/>
      <c r="CX74" s="1278"/>
      <c r="CY74" s="1278"/>
      <c r="CZ74" s="1278"/>
      <c r="DA74" s="1278"/>
      <c r="DB74" s="1278"/>
      <c r="DC74" s="1278"/>
    </row>
    <row r="75" spans="2:107" ht="13.2" x14ac:dyDescent="0.2">
      <c r="B75" s="375"/>
      <c r="G75" s="1293"/>
      <c r="H75" s="1293"/>
      <c r="I75" s="1276"/>
      <c r="J75" s="1276"/>
      <c r="K75" s="1283"/>
      <c r="L75" s="1283"/>
      <c r="M75" s="1283"/>
      <c r="N75" s="1283"/>
      <c r="AM75" s="384"/>
      <c r="AN75" s="1281"/>
      <c r="AO75" s="1281"/>
      <c r="AP75" s="1281"/>
      <c r="AQ75" s="1281"/>
      <c r="AR75" s="1281"/>
      <c r="AS75" s="1281"/>
      <c r="AT75" s="1281"/>
      <c r="AU75" s="1281"/>
      <c r="AV75" s="1281"/>
      <c r="AW75" s="1281"/>
      <c r="AX75" s="1281"/>
      <c r="AY75" s="1281"/>
      <c r="AZ75" s="1281"/>
      <c r="BA75" s="1281"/>
      <c r="BB75" s="1281" t="s">
        <v>590</v>
      </c>
      <c r="BC75" s="1281"/>
      <c r="BD75" s="1281"/>
      <c r="BE75" s="1281"/>
      <c r="BF75" s="1281"/>
      <c r="BG75" s="1281"/>
      <c r="BH75" s="1281"/>
      <c r="BI75" s="1281"/>
      <c r="BJ75" s="1281"/>
      <c r="BK75" s="1281"/>
      <c r="BL75" s="1281"/>
      <c r="BM75" s="1281"/>
      <c r="BN75" s="1281"/>
      <c r="BO75" s="1281"/>
      <c r="BP75" s="1278">
        <v>7.3</v>
      </c>
      <c r="BQ75" s="1278"/>
      <c r="BR75" s="1278"/>
      <c r="BS75" s="1278"/>
      <c r="BT75" s="1278"/>
      <c r="BU75" s="1278"/>
      <c r="BV75" s="1278"/>
      <c r="BW75" s="1278"/>
      <c r="BX75" s="1278">
        <v>7.3</v>
      </c>
      <c r="BY75" s="1278"/>
      <c r="BZ75" s="1278"/>
      <c r="CA75" s="1278"/>
      <c r="CB75" s="1278"/>
      <c r="CC75" s="1278"/>
      <c r="CD75" s="1278"/>
      <c r="CE75" s="1278"/>
      <c r="CF75" s="1278">
        <v>7.4</v>
      </c>
      <c r="CG75" s="1278"/>
      <c r="CH75" s="1278"/>
      <c r="CI75" s="1278"/>
      <c r="CJ75" s="1278"/>
      <c r="CK75" s="1278"/>
      <c r="CL75" s="1278"/>
      <c r="CM75" s="1278"/>
      <c r="CN75" s="1278">
        <v>7.3</v>
      </c>
      <c r="CO75" s="1278"/>
      <c r="CP75" s="1278"/>
      <c r="CQ75" s="1278"/>
      <c r="CR75" s="1278"/>
      <c r="CS75" s="1278"/>
      <c r="CT75" s="1278"/>
      <c r="CU75" s="1278"/>
      <c r="CV75" s="1278">
        <v>7.5</v>
      </c>
      <c r="CW75" s="1278"/>
      <c r="CX75" s="1278"/>
      <c r="CY75" s="1278"/>
      <c r="CZ75" s="1278"/>
      <c r="DA75" s="1278"/>
      <c r="DB75" s="1278"/>
      <c r="DC75" s="1278"/>
    </row>
    <row r="76" spans="2:107" ht="13.2" x14ac:dyDescent="0.2">
      <c r="B76" s="375"/>
      <c r="G76" s="1293"/>
      <c r="H76" s="1293"/>
      <c r="I76" s="1276"/>
      <c r="J76" s="1276"/>
      <c r="K76" s="1283"/>
      <c r="L76" s="1283"/>
      <c r="M76" s="1283"/>
      <c r="N76" s="1283"/>
      <c r="AM76" s="384"/>
      <c r="AN76" s="1281"/>
      <c r="AO76" s="1281"/>
      <c r="AP76" s="1281"/>
      <c r="AQ76" s="1281"/>
      <c r="AR76" s="1281"/>
      <c r="AS76" s="1281"/>
      <c r="AT76" s="1281"/>
      <c r="AU76" s="1281"/>
      <c r="AV76" s="1281"/>
      <c r="AW76" s="1281"/>
      <c r="AX76" s="1281"/>
      <c r="AY76" s="1281"/>
      <c r="AZ76" s="1281"/>
      <c r="BA76" s="1281"/>
      <c r="BB76" s="1281"/>
      <c r="BC76" s="1281"/>
      <c r="BD76" s="1281"/>
      <c r="BE76" s="1281"/>
      <c r="BF76" s="1281"/>
      <c r="BG76" s="1281"/>
      <c r="BH76" s="1281"/>
      <c r="BI76" s="1281"/>
      <c r="BJ76" s="1281"/>
      <c r="BK76" s="1281"/>
      <c r="BL76" s="1281"/>
      <c r="BM76" s="1281"/>
      <c r="BN76" s="1281"/>
      <c r="BO76" s="1281"/>
      <c r="BP76" s="1278"/>
      <c r="BQ76" s="1278"/>
      <c r="BR76" s="1278"/>
      <c r="BS76" s="1278"/>
      <c r="BT76" s="1278"/>
      <c r="BU76" s="1278"/>
      <c r="BV76" s="1278"/>
      <c r="BW76" s="1278"/>
      <c r="BX76" s="1278"/>
      <c r="BY76" s="1278"/>
      <c r="BZ76" s="1278"/>
      <c r="CA76" s="1278"/>
      <c r="CB76" s="1278"/>
      <c r="CC76" s="1278"/>
      <c r="CD76" s="1278"/>
      <c r="CE76" s="1278"/>
      <c r="CF76" s="1278"/>
      <c r="CG76" s="1278"/>
      <c r="CH76" s="1278"/>
      <c r="CI76" s="1278"/>
      <c r="CJ76" s="1278"/>
      <c r="CK76" s="1278"/>
      <c r="CL76" s="1278"/>
      <c r="CM76" s="1278"/>
      <c r="CN76" s="1278"/>
      <c r="CO76" s="1278"/>
      <c r="CP76" s="1278"/>
      <c r="CQ76" s="1278"/>
      <c r="CR76" s="1278"/>
      <c r="CS76" s="1278"/>
      <c r="CT76" s="1278"/>
      <c r="CU76" s="1278"/>
      <c r="CV76" s="1278"/>
      <c r="CW76" s="1278"/>
      <c r="CX76" s="1278"/>
      <c r="CY76" s="1278"/>
      <c r="CZ76" s="1278"/>
      <c r="DA76" s="1278"/>
      <c r="DB76" s="1278"/>
      <c r="DC76" s="1278"/>
    </row>
    <row r="77" spans="2:107" ht="13.2" x14ac:dyDescent="0.2">
      <c r="B77" s="375"/>
      <c r="G77" s="1276"/>
      <c r="H77" s="1276"/>
      <c r="I77" s="1276"/>
      <c r="J77" s="1276"/>
      <c r="K77" s="1277"/>
      <c r="L77" s="1277"/>
      <c r="M77" s="1277"/>
      <c r="N77" s="1277"/>
      <c r="AN77" s="1282" t="s">
        <v>588</v>
      </c>
      <c r="AO77" s="1282"/>
      <c r="AP77" s="1282"/>
      <c r="AQ77" s="1282"/>
      <c r="AR77" s="1282"/>
      <c r="AS77" s="1282"/>
      <c r="AT77" s="1282"/>
      <c r="AU77" s="1282"/>
      <c r="AV77" s="1282"/>
      <c r="AW77" s="1282"/>
      <c r="AX77" s="1282"/>
      <c r="AY77" s="1282"/>
      <c r="AZ77" s="1282"/>
      <c r="BA77" s="1282"/>
      <c r="BB77" s="1281" t="s">
        <v>586</v>
      </c>
      <c r="BC77" s="1281"/>
      <c r="BD77" s="1281"/>
      <c r="BE77" s="1281"/>
      <c r="BF77" s="1281"/>
      <c r="BG77" s="1281"/>
      <c r="BH77" s="1281"/>
      <c r="BI77" s="1281"/>
      <c r="BJ77" s="1281"/>
      <c r="BK77" s="1281"/>
      <c r="BL77" s="1281"/>
      <c r="BM77" s="1281"/>
      <c r="BN77" s="1281"/>
      <c r="BO77" s="1281"/>
      <c r="BP77" s="1278">
        <v>12.2</v>
      </c>
      <c r="BQ77" s="1278"/>
      <c r="BR77" s="1278"/>
      <c r="BS77" s="1278"/>
      <c r="BT77" s="1278"/>
      <c r="BU77" s="1278"/>
      <c r="BV77" s="1278"/>
      <c r="BW77" s="1278"/>
      <c r="BX77" s="1278">
        <v>5</v>
      </c>
      <c r="BY77" s="1278"/>
      <c r="BZ77" s="1278"/>
      <c r="CA77" s="1278"/>
      <c r="CB77" s="1278"/>
      <c r="CC77" s="1278"/>
      <c r="CD77" s="1278"/>
      <c r="CE77" s="1278"/>
      <c r="CF77" s="1278">
        <v>5.4</v>
      </c>
      <c r="CG77" s="1278"/>
      <c r="CH77" s="1278"/>
      <c r="CI77" s="1278"/>
      <c r="CJ77" s="1278"/>
      <c r="CK77" s="1278"/>
      <c r="CL77" s="1278"/>
      <c r="CM77" s="1278"/>
      <c r="CN77" s="1278">
        <v>3.9</v>
      </c>
      <c r="CO77" s="1278"/>
      <c r="CP77" s="1278"/>
      <c r="CQ77" s="1278"/>
      <c r="CR77" s="1278"/>
      <c r="CS77" s="1278"/>
      <c r="CT77" s="1278"/>
      <c r="CU77" s="1278"/>
      <c r="CV77" s="1278">
        <v>0</v>
      </c>
      <c r="CW77" s="1278"/>
      <c r="CX77" s="1278"/>
      <c r="CY77" s="1278"/>
      <c r="CZ77" s="1278"/>
      <c r="DA77" s="1278"/>
      <c r="DB77" s="1278"/>
      <c r="DC77" s="1278"/>
    </row>
    <row r="78" spans="2:107" ht="13.2" x14ac:dyDescent="0.2">
      <c r="B78" s="375"/>
      <c r="G78" s="1276"/>
      <c r="H78" s="1276"/>
      <c r="I78" s="1276"/>
      <c r="J78" s="1276"/>
      <c r="K78" s="1277"/>
      <c r="L78" s="1277"/>
      <c r="M78" s="1277"/>
      <c r="N78" s="1277"/>
      <c r="AN78" s="1282"/>
      <c r="AO78" s="1282"/>
      <c r="AP78" s="1282"/>
      <c r="AQ78" s="1282"/>
      <c r="AR78" s="1282"/>
      <c r="AS78" s="1282"/>
      <c r="AT78" s="1282"/>
      <c r="AU78" s="1282"/>
      <c r="AV78" s="1282"/>
      <c r="AW78" s="1282"/>
      <c r="AX78" s="1282"/>
      <c r="AY78" s="1282"/>
      <c r="AZ78" s="1282"/>
      <c r="BA78" s="1282"/>
      <c r="BB78" s="1281"/>
      <c r="BC78" s="1281"/>
      <c r="BD78" s="1281"/>
      <c r="BE78" s="1281"/>
      <c r="BF78" s="1281"/>
      <c r="BG78" s="1281"/>
      <c r="BH78" s="1281"/>
      <c r="BI78" s="1281"/>
      <c r="BJ78" s="1281"/>
      <c r="BK78" s="1281"/>
      <c r="BL78" s="1281"/>
      <c r="BM78" s="1281"/>
      <c r="BN78" s="1281"/>
      <c r="BO78" s="1281"/>
      <c r="BP78" s="1278"/>
      <c r="BQ78" s="1278"/>
      <c r="BR78" s="1278"/>
      <c r="BS78" s="1278"/>
      <c r="BT78" s="1278"/>
      <c r="BU78" s="1278"/>
      <c r="BV78" s="1278"/>
      <c r="BW78" s="1278"/>
      <c r="BX78" s="1278"/>
      <c r="BY78" s="1278"/>
      <c r="BZ78" s="1278"/>
      <c r="CA78" s="1278"/>
      <c r="CB78" s="1278"/>
      <c r="CC78" s="1278"/>
      <c r="CD78" s="1278"/>
      <c r="CE78" s="1278"/>
      <c r="CF78" s="1278"/>
      <c r="CG78" s="1278"/>
      <c r="CH78" s="1278"/>
      <c r="CI78" s="1278"/>
      <c r="CJ78" s="1278"/>
      <c r="CK78" s="1278"/>
      <c r="CL78" s="1278"/>
      <c r="CM78" s="1278"/>
      <c r="CN78" s="1278"/>
      <c r="CO78" s="1278"/>
      <c r="CP78" s="1278"/>
      <c r="CQ78" s="1278"/>
      <c r="CR78" s="1278"/>
      <c r="CS78" s="1278"/>
      <c r="CT78" s="1278"/>
      <c r="CU78" s="1278"/>
      <c r="CV78" s="1278"/>
      <c r="CW78" s="1278"/>
      <c r="CX78" s="1278"/>
      <c r="CY78" s="1278"/>
      <c r="CZ78" s="1278"/>
      <c r="DA78" s="1278"/>
      <c r="DB78" s="1278"/>
      <c r="DC78" s="1278"/>
    </row>
    <row r="79" spans="2:107" ht="13.2" x14ac:dyDescent="0.2">
      <c r="B79" s="375"/>
      <c r="G79" s="1276"/>
      <c r="H79" s="1276"/>
      <c r="I79" s="1279"/>
      <c r="J79" s="1279"/>
      <c r="K79" s="1280"/>
      <c r="L79" s="1280"/>
      <c r="M79" s="1280"/>
      <c r="N79" s="1280"/>
      <c r="AN79" s="1282"/>
      <c r="AO79" s="1282"/>
      <c r="AP79" s="1282"/>
      <c r="AQ79" s="1282"/>
      <c r="AR79" s="1282"/>
      <c r="AS79" s="1282"/>
      <c r="AT79" s="1282"/>
      <c r="AU79" s="1282"/>
      <c r="AV79" s="1282"/>
      <c r="AW79" s="1282"/>
      <c r="AX79" s="1282"/>
      <c r="AY79" s="1282"/>
      <c r="AZ79" s="1282"/>
      <c r="BA79" s="1282"/>
      <c r="BB79" s="1281" t="s">
        <v>590</v>
      </c>
      <c r="BC79" s="1281"/>
      <c r="BD79" s="1281"/>
      <c r="BE79" s="1281"/>
      <c r="BF79" s="1281"/>
      <c r="BG79" s="1281"/>
      <c r="BH79" s="1281"/>
      <c r="BI79" s="1281"/>
      <c r="BJ79" s="1281"/>
      <c r="BK79" s="1281"/>
      <c r="BL79" s="1281"/>
      <c r="BM79" s="1281"/>
      <c r="BN79" s="1281"/>
      <c r="BO79" s="1281"/>
      <c r="BP79" s="1278">
        <v>4.8</v>
      </c>
      <c r="BQ79" s="1278"/>
      <c r="BR79" s="1278"/>
      <c r="BS79" s="1278"/>
      <c r="BT79" s="1278"/>
      <c r="BU79" s="1278"/>
      <c r="BV79" s="1278"/>
      <c r="BW79" s="1278"/>
      <c r="BX79" s="1278">
        <v>4.5</v>
      </c>
      <c r="BY79" s="1278"/>
      <c r="BZ79" s="1278"/>
      <c r="CA79" s="1278"/>
      <c r="CB79" s="1278"/>
      <c r="CC79" s="1278"/>
      <c r="CD79" s="1278"/>
      <c r="CE79" s="1278"/>
      <c r="CF79" s="1278">
        <v>4.2</v>
      </c>
      <c r="CG79" s="1278"/>
      <c r="CH79" s="1278"/>
      <c r="CI79" s="1278"/>
      <c r="CJ79" s="1278"/>
      <c r="CK79" s="1278"/>
      <c r="CL79" s="1278"/>
      <c r="CM79" s="1278"/>
      <c r="CN79" s="1278">
        <v>4.2</v>
      </c>
      <c r="CO79" s="1278"/>
      <c r="CP79" s="1278"/>
      <c r="CQ79" s="1278"/>
      <c r="CR79" s="1278"/>
      <c r="CS79" s="1278"/>
      <c r="CT79" s="1278"/>
      <c r="CU79" s="1278"/>
      <c r="CV79" s="1278">
        <v>4.5</v>
      </c>
      <c r="CW79" s="1278"/>
      <c r="CX79" s="1278"/>
      <c r="CY79" s="1278"/>
      <c r="CZ79" s="1278"/>
      <c r="DA79" s="1278"/>
      <c r="DB79" s="1278"/>
      <c r="DC79" s="1278"/>
    </row>
    <row r="80" spans="2:107" ht="13.2" x14ac:dyDescent="0.2">
      <c r="B80" s="375"/>
      <c r="G80" s="1276"/>
      <c r="H80" s="1276"/>
      <c r="I80" s="1279"/>
      <c r="J80" s="1279"/>
      <c r="K80" s="1280"/>
      <c r="L80" s="1280"/>
      <c r="M80" s="1280"/>
      <c r="N80" s="1280"/>
      <c r="AN80" s="1282"/>
      <c r="AO80" s="1282"/>
      <c r="AP80" s="1282"/>
      <c r="AQ80" s="1282"/>
      <c r="AR80" s="1282"/>
      <c r="AS80" s="1282"/>
      <c r="AT80" s="1282"/>
      <c r="AU80" s="1282"/>
      <c r="AV80" s="1282"/>
      <c r="AW80" s="1282"/>
      <c r="AX80" s="1282"/>
      <c r="AY80" s="1282"/>
      <c r="AZ80" s="1282"/>
      <c r="BA80" s="1282"/>
      <c r="BB80" s="1281"/>
      <c r="BC80" s="1281"/>
      <c r="BD80" s="1281"/>
      <c r="BE80" s="1281"/>
      <c r="BF80" s="1281"/>
      <c r="BG80" s="1281"/>
      <c r="BH80" s="1281"/>
      <c r="BI80" s="1281"/>
      <c r="BJ80" s="1281"/>
      <c r="BK80" s="1281"/>
      <c r="BL80" s="1281"/>
      <c r="BM80" s="1281"/>
      <c r="BN80" s="1281"/>
      <c r="BO80" s="1281"/>
      <c r="BP80" s="1278"/>
      <c r="BQ80" s="1278"/>
      <c r="BR80" s="1278"/>
      <c r="BS80" s="1278"/>
      <c r="BT80" s="1278"/>
      <c r="BU80" s="1278"/>
      <c r="BV80" s="1278"/>
      <c r="BW80" s="1278"/>
      <c r="BX80" s="1278"/>
      <c r="BY80" s="1278"/>
      <c r="BZ80" s="1278"/>
      <c r="CA80" s="1278"/>
      <c r="CB80" s="1278"/>
      <c r="CC80" s="1278"/>
      <c r="CD80" s="1278"/>
      <c r="CE80" s="1278"/>
      <c r="CF80" s="1278"/>
      <c r="CG80" s="1278"/>
      <c r="CH80" s="1278"/>
      <c r="CI80" s="1278"/>
      <c r="CJ80" s="1278"/>
      <c r="CK80" s="1278"/>
      <c r="CL80" s="1278"/>
      <c r="CM80" s="1278"/>
      <c r="CN80" s="1278"/>
      <c r="CO80" s="1278"/>
      <c r="CP80" s="1278"/>
      <c r="CQ80" s="1278"/>
      <c r="CR80" s="1278"/>
      <c r="CS80" s="1278"/>
      <c r="CT80" s="1278"/>
      <c r="CU80" s="1278"/>
      <c r="CV80" s="1278"/>
      <c r="CW80" s="1278"/>
      <c r="CX80" s="1278"/>
      <c r="CY80" s="1278"/>
      <c r="CZ80" s="1278"/>
      <c r="DA80" s="1278"/>
      <c r="DB80" s="1278"/>
      <c r="DC80" s="1278"/>
    </row>
    <row r="81" spans="2:109" ht="13.2" x14ac:dyDescent="0.2">
      <c r="B81" s="375"/>
    </row>
    <row r="82" spans="2:109" ht="16.2" x14ac:dyDescent="0.2">
      <c r="B82" s="375"/>
      <c r="K82" s="402"/>
      <c r="L82" s="402"/>
      <c r="M82" s="402"/>
      <c r="N82" s="402"/>
      <c r="AQ82" s="402"/>
      <c r="AR82" s="402"/>
      <c r="AS82" s="402"/>
      <c r="AT82" s="402"/>
      <c r="BC82" s="402"/>
      <c r="BD82" s="402"/>
      <c r="BE82" s="402"/>
      <c r="BF82" s="402"/>
      <c r="BO82" s="402"/>
      <c r="BP82" s="402"/>
      <c r="BQ82" s="402"/>
      <c r="BR82" s="402"/>
      <c r="CA82" s="402"/>
      <c r="CB82" s="402"/>
      <c r="CC82" s="402"/>
      <c r="CD82" s="402"/>
      <c r="CM82" s="402"/>
      <c r="CN82" s="402"/>
      <c r="CO82" s="402"/>
      <c r="CP82" s="402"/>
      <c r="CY82" s="402"/>
      <c r="CZ82" s="402"/>
      <c r="DA82" s="402"/>
      <c r="DB82" s="402"/>
      <c r="DC82" s="402"/>
    </row>
    <row r="83" spans="2:109" ht="13.2" x14ac:dyDescent="0.2">
      <c r="B83" s="377"/>
      <c r="C83" s="378"/>
      <c r="D83" s="378"/>
      <c r="E83" s="378"/>
      <c r="F83" s="378"/>
      <c r="G83" s="378"/>
      <c r="H83" s="378"/>
      <c r="I83" s="378"/>
      <c r="J83" s="378"/>
      <c r="K83" s="378"/>
      <c r="L83" s="378"/>
      <c r="M83" s="378"/>
      <c r="N83" s="378"/>
      <c r="O83" s="378"/>
      <c r="P83" s="378"/>
      <c r="Q83" s="378"/>
      <c r="R83" s="378"/>
      <c r="S83" s="378"/>
      <c r="T83" s="378"/>
      <c r="U83" s="378"/>
      <c r="V83" s="378"/>
      <c r="W83" s="378"/>
      <c r="X83" s="378"/>
      <c r="Y83" s="378"/>
      <c r="Z83" s="378"/>
      <c r="AA83" s="378"/>
      <c r="AB83" s="378"/>
      <c r="AC83" s="378"/>
      <c r="AD83" s="378"/>
      <c r="AE83" s="378"/>
      <c r="AF83" s="378"/>
      <c r="AG83" s="378"/>
      <c r="AH83" s="378"/>
      <c r="AI83" s="378"/>
      <c r="AJ83" s="378"/>
      <c r="AK83" s="378"/>
      <c r="AL83" s="378"/>
      <c r="AM83" s="378"/>
      <c r="AN83" s="378"/>
      <c r="AO83" s="378"/>
      <c r="AP83" s="378"/>
      <c r="AQ83" s="378"/>
      <c r="AR83" s="378"/>
      <c r="AS83" s="378"/>
      <c r="AT83" s="378"/>
      <c r="AU83" s="378"/>
      <c r="AV83" s="378"/>
      <c r="AW83" s="378"/>
      <c r="AX83" s="378"/>
      <c r="AY83" s="378"/>
      <c r="AZ83" s="378"/>
      <c r="BA83" s="378"/>
      <c r="BB83" s="378"/>
      <c r="BC83" s="378"/>
      <c r="BD83" s="378"/>
      <c r="BE83" s="378"/>
      <c r="BF83" s="378"/>
      <c r="BG83" s="378"/>
      <c r="BH83" s="378"/>
      <c r="BI83" s="378"/>
      <c r="BJ83" s="378"/>
      <c r="BK83" s="378"/>
      <c r="BL83" s="378"/>
      <c r="BM83" s="378"/>
      <c r="BN83" s="378"/>
      <c r="BO83" s="378"/>
      <c r="BP83" s="378"/>
      <c r="BQ83" s="378"/>
      <c r="BR83" s="378"/>
      <c r="BS83" s="378"/>
      <c r="BT83" s="378"/>
      <c r="BU83" s="378"/>
      <c r="BV83" s="378"/>
      <c r="BW83" s="378"/>
      <c r="BX83" s="378"/>
      <c r="BY83" s="378"/>
      <c r="BZ83" s="378"/>
      <c r="CA83" s="378"/>
      <c r="CB83" s="378"/>
      <c r="CC83" s="378"/>
      <c r="CD83" s="378"/>
      <c r="CE83" s="378"/>
      <c r="CF83" s="378"/>
      <c r="CG83" s="378"/>
      <c r="CH83" s="378"/>
      <c r="CI83" s="378"/>
      <c r="CJ83" s="378"/>
      <c r="CK83" s="378"/>
      <c r="CL83" s="378"/>
      <c r="CM83" s="378"/>
      <c r="CN83" s="378"/>
      <c r="CO83" s="378"/>
      <c r="CP83" s="378"/>
      <c r="CQ83" s="378"/>
      <c r="CR83" s="378"/>
      <c r="CS83" s="378"/>
      <c r="CT83" s="378"/>
      <c r="CU83" s="378"/>
      <c r="CV83" s="378"/>
      <c r="CW83" s="378"/>
      <c r="CX83" s="378"/>
      <c r="CY83" s="378"/>
      <c r="CZ83" s="378"/>
      <c r="DA83" s="378"/>
      <c r="DB83" s="378"/>
      <c r="DC83" s="378"/>
      <c r="DD83" s="379"/>
    </row>
    <row r="84" spans="2:109" ht="13.2" x14ac:dyDescent="0.2">
      <c r="DD84" s="369"/>
      <c r="DE84" s="369"/>
    </row>
    <row r="85" spans="2:109" ht="13.2" x14ac:dyDescent="0.2">
      <c r="DD85" s="369"/>
      <c r="DE85" s="369"/>
    </row>
  </sheetData>
  <sheetProtection algorithmName="SHA-512" hashValue="NBck3MA4/Uzbk4FREiZgmZrBnLnK6QP8PTG8DSuXJbqvP3rljHtudnZ1fuIg5pUqJRvTAtD10aywTUBuBDibGA==" saltValue="qCQGQnlXVpEMGX9amP+PQQ==" spinCount="100000" sheet="1" objects="1" scenarios="1" formatCells="0"/>
  <dataConsolidate/>
  <mergeCells count="112">
    <mergeCell ref="G50:J50"/>
    <mergeCell ref="AN50:BO50"/>
    <mergeCell ref="BP50:BW50"/>
    <mergeCell ref="BX50:CE50"/>
    <mergeCell ref="CF50:CM50"/>
    <mergeCell ref="CN50:CU50"/>
    <mergeCell ref="CV50:DC50"/>
    <mergeCell ref="CV51:DC52"/>
    <mergeCell ref="CN51:CU52"/>
    <mergeCell ref="BP53:BW54"/>
    <mergeCell ref="BX53:CE54"/>
    <mergeCell ref="CF53:CM54"/>
    <mergeCell ref="AN51:BA54"/>
    <mergeCell ref="BB51:BO52"/>
    <mergeCell ref="BP51:BW52"/>
    <mergeCell ref="BX51:CE52"/>
    <mergeCell ref="CF51:CM52"/>
    <mergeCell ref="AN43:DC47"/>
    <mergeCell ref="L57:L58"/>
    <mergeCell ref="M57:M58"/>
    <mergeCell ref="N57:N58"/>
    <mergeCell ref="BB57:BO58"/>
    <mergeCell ref="I53:J54"/>
    <mergeCell ref="K53:K54"/>
    <mergeCell ref="L53:L54"/>
    <mergeCell ref="M53:M54"/>
    <mergeCell ref="N53:N54"/>
    <mergeCell ref="BB53:BO54"/>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CN53:CU54"/>
    <mergeCell ref="I51:J52"/>
    <mergeCell ref="K51:K52"/>
    <mergeCell ref="L51:L52"/>
    <mergeCell ref="M51:M52"/>
    <mergeCell ref="N51:N52"/>
    <mergeCell ref="I57:J58"/>
    <mergeCell ref="K57:K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55" customWidth="1"/>
    <col min="35" max="122" width="2.44140625" style="254" customWidth="1"/>
    <col min="123" max="16384" width="2.44140625" style="254" hidden="1"/>
  </cols>
  <sheetData>
    <row r="1" spans="1:34" ht="13.5" customHeight="1" x14ac:dyDescent="0.2">
      <c r="A1" s="254"/>
      <c r="B1" s="254"/>
      <c r="C1" s="254"/>
      <c r="D1" s="254"/>
      <c r="E1" s="254"/>
      <c r="F1" s="254"/>
      <c r="G1" s="254"/>
      <c r="H1" s="254"/>
      <c r="I1" s="254"/>
      <c r="J1" s="254"/>
      <c r="K1" s="254"/>
      <c r="L1" s="254"/>
      <c r="M1" s="254"/>
      <c r="N1" s="254"/>
      <c r="O1" s="254"/>
      <c r="P1" s="254"/>
      <c r="Q1" s="254"/>
      <c r="R1" s="254"/>
      <c r="S1" s="254"/>
      <c r="T1" s="254"/>
      <c r="U1" s="254"/>
      <c r="V1" s="254"/>
      <c r="W1" s="254"/>
      <c r="X1" s="254"/>
      <c r="Y1" s="254"/>
      <c r="Z1" s="254"/>
      <c r="AA1" s="254"/>
      <c r="AB1" s="254"/>
      <c r="AC1" s="254"/>
      <c r="AD1" s="254"/>
      <c r="AE1" s="254"/>
      <c r="AF1" s="254"/>
      <c r="AG1" s="254"/>
      <c r="AH1" s="254"/>
    </row>
    <row r="2" spans="1:34" ht="13.2" x14ac:dyDescent="0.2">
      <c r="S2" s="254"/>
      <c r="AH2" s="254"/>
    </row>
    <row r="3" spans="1:34" ht="13.2" x14ac:dyDescent="0.2">
      <c r="C3" s="254"/>
      <c r="D3" s="254"/>
      <c r="E3" s="254"/>
      <c r="F3" s="254"/>
      <c r="G3" s="254"/>
      <c r="H3" s="254"/>
      <c r="I3" s="254"/>
      <c r="J3" s="254"/>
      <c r="K3" s="254"/>
      <c r="L3" s="254"/>
      <c r="M3" s="254"/>
      <c r="N3" s="254"/>
      <c r="O3" s="254"/>
      <c r="P3" s="254"/>
      <c r="Q3" s="254"/>
      <c r="R3" s="254"/>
      <c r="S3" s="254"/>
      <c r="U3" s="254"/>
      <c r="V3" s="254"/>
      <c r="W3" s="254"/>
      <c r="X3" s="254"/>
      <c r="Y3" s="254"/>
      <c r="Z3" s="254"/>
      <c r="AA3" s="254"/>
      <c r="AB3" s="254"/>
      <c r="AC3" s="254"/>
      <c r="AD3" s="254"/>
      <c r="AE3" s="254"/>
      <c r="AF3" s="254"/>
      <c r="AG3" s="254"/>
      <c r="AH3" s="254"/>
    </row>
    <row r="4" spans="1:34" ht="13.2" x14ac:dyDescent="0.2"/>
    <row r="5" spans="1:34" ht="13.2" x14ac:dyDescent="0.2"/>
    <row r="6" spans="1:34" ht="13.2" x14ac:dyDescent="0.2"/>
    <row r="7" spans="1:34" ht="13.2" x14ac:dyDescent="0.2"/>
    <row r="8" spans="1:34" ht="13.2" x14ac:dyDescent="0.2"/>
    <row r="9" spans="1:34" ht="13.2" x14ac:dyDescent="0.2">
      <c r="AH9" s="254"/>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54"/>
    </row>
    <row r="18" spans="12:34" ht="13.2" x14ac:dyDescent="0.2"/>
    <row r="19" spans="12:34" ht="13.2" x14ac:dyDescent="0.2"/>
    <row r="20" spans="12:34" ht="13.2" x14ac:dyDescent="0.2">
      <c r="AH20" s="254"/>
    </row>
    <row r="21" spans="12:34" ht="13.2" x14ac:dyDescent="0.2">
      <c r="AH21" s="254"/>
    </row>
    <row r="22" spans="12:34" ht="13.2" x14ac:dyDescent="0.2"/>
    <row r="23" spans="12:34" ht="13.2" x14ac:dyDescent="0.2"/>
    <row r="24" spans="12:34" ht="13.2" x14ac:dyDescent="0.2">
      <c r="Q24" s="254"/>
    </row>
    <row r="25" spans="12:34" ht="13.2" x14ac:dyDescent="0.2"/>
    <row r="26" spans="12:34" ht="13.2" x14ac:dyDescent="0.2"/>
    <row r="27" spans="12:34" ht="13.2" x14ac:dyDescent="0.2"/>
    <row r="28" spans="12:34" ht="13.2" x14ac:dyDescent="0.2">
      <c r="O28" s="254"/>
      <c r="T28" s="254"/>
      <c r="AH28" s="254"/>
    </row>
    <row r="29" spans="12:34" ht="13.2" x14ac:dyDescent="0.2"/>
    <row r="30" spans="12:34" ht="13.2" x14ac:dyDescent="0.2"/>
    <row r="31" spans="12:34" ht="13.2" x14ac:dyDescent="0.2">
      <c r="Q31" s="254"/>
    </row>
    <row r="32" spans="12:34" ht="13.2" x14ac:dyDescent="0.2">
      <c r="L32" s="254"/>
    </row>
    <row r="33" spans="2:34" ht="13.2" x14ac:dyDescent="0.2">
      <c r="C33" s="254"/>
      <c r="E33" s="254"/>
      <c r="G33" s="254"/>
      <c r="I33" s="254"/>
      <c r="X33" s="254"/>
    </row>
    <row r="34" spans="2:34" ht="13.2" x14ac:dyDescent="0.2">
      <c r="B34" s="254"/>
      <c r="P34" s="254"/>
      <c r="R34" s="254"/>
      <c r="T34" s="254"/>
    </row>
    <row r="35" spans="2:34" ht="13.2" x14ac:dyDescent="0.2">
      <c r="D35" s="254"/>
      <c r="W35" s="254"/>
      <c r="AC35" s="254"/>
      <c r="AD35" s="254"/>
      <c r="AE35" s="254"/>
      <c r="AF35" s="254"/>
      <c r="AG35" s="254"/>
      <c r="AH35" s="254"/>
    </row>
    <row r="36" spans="2:34" ht="13.2" x14ac:dyDescent="0.2">
      <c r="H36" s="254"/>
      <c r="J36" s="254"/>
      <c r="K36" s="254"/>
      <c r="M36" s="254"/>
      <c r="Y36" s="254"/>
      <c r="Z36" s="254"/>
      <c r="AA36" s="254"/>
      <c r="AB36" s="254"/>
      <c r="AC36" s="254"/>
      <c r="AD36" s="254"/>
      <c r="AE36" s="254"/>
      <c r="AF36" s="254"/>
      <c r="AG36" s="254"/>
      <c r="AH36" s="254"/>
    </row>
    <row r="37" spans="2:34" ht="13.2" x14ac:dyDescent="0.2">
      <c r="AH37" s="254"/>
    </row>
    <row r="38" spans="2:34" ht="13.2" x14ac:dyDescent="0.2">
      <c r="AG38" s="254"/>
      <c r="AH38" s="254"/>
    </row>
    <row r="39" spans="2:34" ht="13.2" x14ac:dyDescent="0.2"/>
    <row r="40" spans="2:34" ht="13.2" x14ac:dyDescent="0.2">
      <c r="X40" s="254"/>
    </row>
    <row r="41" spans="2:34" ht="13.2" x14ac:dyDescent="0.2">
      <c r="R41" s="254"/>
    </row>
    <row r="42" spans="2:34" ht="13.2" x14ac:dyDescent="0.2">
      <c r="W42" s="254"/>
    </row>
    <row r="43" spans="2:34" ht="13.2" x14ac:dyDescent="0.2">
      <c r="Y43" s="254"/>
      <c r="Z43" s="254"/>
      <c r="AA43" s="254"/>
      <c r="AB43" s="254"/>
      <c r="AC43" s="254"/>
      <c r="AD43" s="254"/>
      <c r="AE43" s="254"/>
      <c r="AF43" s="254"/>
      <c r="AG43" s="254"/>
      <c r="AH43" s="254"/>
    </row>
    <row r="44" spans="2:34" ht="13.2" x14ac:dyDescent="0.2">
      <c r="AH44" s="254"/>
    </row>
    <row r="45" spans="2:34" ht="13.2" x14ac:dyDescent="0.2">
      <c r="X45" s="254"/>
    </row>
    <row r="46" spans="2:34" ht="13.2" x14ac:dyDescent="0.2"/>
    <row r="47" spans="2:34" ht="13.2" x14ac:dyDescent="0.2"/>
    <row r="48" spans="2:34" ht="13.2" x14ac:dyDescent="0.2">
      <c r="W48" s="254"/>
      <c r="Y48" s="254"/>
      <c r="Z48" s="254"/>
      <c r="AA48" s="254"/>
      <c r="AB48" s="254"/>
      <c r="AC48" s="254"/>
      <c r="AD48" s="254"/>
      <c r="AE48" s="254"/>
      <c r="AF48" s="254"/>
      <c r="AG48" s="254"/>
      <c r="AH48" s="254"/>
    </row>
    <row r="49" spans="28:34" ht="13.2" x14ac:dyDescent="0.2"/>
    <row r="50" spans="28:34" ht="13.2" x14ac:dyDescent="0.2">
      <c r="AE50" s="254"/>
      <c r="AF50" s="254"/>
      <c r="AG50" s="254"/>
      <c r="AH50" s="254"/>
    </row>
    <row r="51" spans="28:34" ht="13.2" x14ac:dyDescent="0.2">
      <c r="AC51" s="254"/>
      <c r="AD51" s="254"/>
      <c r="AE51" s="254"/>
      <c r="AF51" s="254"/>
      <c r="AG51" s="254"/>
      <c r="AH51" s="254"/>
    </row>
    <row r="52" spans="28:34" ht="13.2" x14ac:dyDescent="0.2"/>
    <row r="53" spans="28:34" ht="13.2" x14ac:dyDescent="0.2">
      <c r="AF53" s="254"/>
      <c r="AG53" s="254"/>
      <c r="AH53" s="254"/>
    </row>
    <row r="54" spans="28:34" ht="13.2" x14ac:dyDescent="0.2">
      <c r="AH54" s="254"/>
    </row>
    <row r="55" spans="28:34" ht="13.2" x14ac:dyDescent="0.2"/>
    <row r="56" spans="28:34" ht="13.2" x14ac:dyDescent="0.2">
      <c r="AB56" s="254"/>
      <c r="AC56" s="254"/>
      <c r="AD56" s="254"/>
      <c r="AE56" s="254"/>
      <c r="AF56" s="254"/>
      <c r="AG56" s="254"/>
      <c r="AH56" s="254"/>
    </row>
    <row r="57" spans="28:34" ht="13.2" x14ac:dyDescent="0.2">
      <c r="AH57" s="254"/>
    </row>
    <row r="58" spans="28:34" ht="13.2" x14ac:dyDescent="0.2">
      <c r="AH58" s="254"/>
    </row>
    <row r="59" spans="28:34" ht="13.2" x14ac:dyDescent="0.2"/>
    <row r="60" spans="28:34" ht="13.2" x14ac:dyDescent="0.2"/>
    <row r="61" spans="28:34" ht="13.2" x14ac:dyDescent="0.2"/>
    <row r="62" spans="28:34" ht="13.2" x14ac:dyDescent="0.2"/>
    <row r="63" spans="28:34" ht="13.2" x14ac:dyDescent="0.2">
      <c r="AH63" s="254"/>
    </row>
    <row r="64" spans="28:34" ht="13.2" x14ac:dyDescent="0.2">
      <c r="AG64" s="254"/>
      <c r="AH64" s="254"/>
    </row>
    <row r="65" spans="28:34" ht="13.2" x14ac:dyDescent="0.2"/>
    <row r="66" spans="28:34" ht="13.2" x14ac:dyDescent="0.2"/>
    <row r="67" spans="28:34" ht="13.2" x14ac:dyDescent="0.2"/>
    <row r="68" spans="28:34" ht="13.2" x14ac:dyDescent="0.2">
      <c r="AB68" s="254"/>
      <c r="AC68" s="254"/>
      <c r="AD68" s="254"/>
      <c r="AE68" s="254"/>
      <c r="AF68" s="254"/>
      <c r="AG68" s="254"/>
      <c r="AH68" s="254"/>
    </row>
    <row r="69" spans="28:34" ht="13.2" x14ac:dyDescent="0.2">
      <c r="AF69" s="254"/>
      <c r="AG69" s="254"/>
      <c r="AH69" s="254"/>
    </row>
    <row r="70" spans="28:34" ht="13.2" x14ac:dyDescent="0.2"/>
    <row r="71" spans="28:34" ht="13.2" x14ac:dyDescent="0.2"/>
    <row r="72" spans="28:34" ht="13.2" x14ac:dyDescent="0.2"/>
    <row r="73" spans="28:34" ht="13.2" x14ac:dyDescent="0.2"/>
    <row r="74" spans="28:34" ht="13.2" x14ac:dyDescent="0.2"/>
    <row r="75" spans="28:34" ht="13.2" x14ac:dyDescent="0.2">
      <c r="AH75" s="254"/>
    </row>
    <row r="76" spans="28:34" ht="13.2" x14ac:dyDescent="0.2">
      <c r="AF76" s="254"/>
      <c r="AG76" s="254"/>
      <c r="AH76" s="254"/>
    </row>
    <row r="77" spans="28:34" ht="13.2" x14ac:dyDescent="0.2">
      <c r="AG77" s="254"/>
      <c r="AH77" s="254"/>
    </row>
    <row r="78" spans="28:34" ht="13.2" x14ac:dyDescent="0.2"/>
    <row r="79" spans="28:34" ht="13.2" x14ac:dyDescent="0.2"/>
    <row r="80" spans="28:34" ht="13.2" x14ac:dyDescent="0.2"/>
    <row r="81" spans="25:34" ht="13.2" x14ac:dyDescent="0.2"/>
    <row r="82" spans="25:34" ht="13.2" x14ac:dyDescent="0.2">
      <c r="Y82" s="254"/>
    </row>
    <row r="83" spans="25:34" ht="13.2" x14ac:dyDescent="0.2">
      <c r="Y83" s="254"/>
      <c r="Z83" s="254"/>
      <c r="AA83" s="254"/>
      <c r="AB83" s="254"/>
      <c r="AC83" s="254"/>
      <c r="AD83" s="254"/>
      <c r="AE83" s="254"/>
      <c r="AF83" s="254"/>
      <c r="AG83" s="254"/>
      <c r="AH83" s="254"/>
    </row>
    <row r="84" spans="25:34" ht="13.2" x14ac:dyDescent="0.2"/>
    <row r="85" spans="25:34" ht="13.2" x14ac:dyDescent="0.2"/>
    <row r="86" spans="25:34" ht="13.2" x14ac:dyDescent="0.2"/>
    <row r="87" spans="25:34" ht="13.2" x14ac:dyDescent="0.2"/>
    <row r="88" spans="25:34" ht="13.2" x14ac:dyDescent="0.2">
      <c r="AH88" s="254"/>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4"/>
      <c r="AG94" s="254"/>
      <c r="AH94" s="254"/>
    </row>
    <row r="95" spans="25:34" ht="13.5" customHeight="1" x14ac:dyDescent="0.2">
      <c r="AH95" s="254"/>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4"/>
    </row>
    <row r="102" spans="33:34" ht="13.5" customHeight="1" x14ac:dyDescent="0.2"/>
    <row r="103" spans="33:34" ht="13.5" customHeight="1" x14ac:dyDescent="0.2"/>
    <row r="104" spans="33:34" ht="13.5" customHeight="1" x14ac:dyDescent="0.2">
      <c r="AG104" s="254"/>
      <c r="AH104" s="254"/>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4"/>
    </row>
    <row r="117" spans="34:122" ht="13.5" customHeight="1" x14ac:dyDescent="0.2"/>
    <row r="118" spans="34:122" ht="13.5" customHeight="1" x14ac:dyDescent="0.2"/>
    <row r="119" spans="34:122" ht="13.5" customHeight="1" x14ac:dyDescent="0.2"/>
    <row r="120" spans="34:122" ht="13.5" customHeight="1" x14ac:dyDescent="0.2">
      <c r="AH120" s="254"/>
    </row>
    <row r="121" spans="34:122" ht="13.5" customHeight="1" x14ac:dyDescent="0.2">
      <c r="AH121" s="254"/>
    </row>
    <row r="122" spans="34:122" ht="13.5" customHeight="1" x14ac:dyDescent="0.2"/>
    <row r="123" spans="34:122" ht="13.5" customHeight="1" x14ac:dyDescent="0.2"/>
    <row r="124" spans="34:122" ht="13.5" customHeight="1" x14ac:dyDescent="0.2"/>
    <row r="125" spans="34:122" ht="13.5" customHeight="1" x14ac:dyDescent="0.2">
      <c r="DR125" s="254" t="s">
        <v>492</v>
      </c>
    </row>
  </sheetData>
  <sheetProtection algorithmName="SHA-512" hashValue="uuMA4m9AVkdQD2hbPzIkEk5V3vSdzLlOmH5W/dbqktmKbhNvxQFBv0pOseHKO6LRu/EcpL6VjiJVSTR85OGzvg==" saltValue="WzdB3l7i55rHNG+I87O9NA=="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55" customWidth="1"/>
    <col min="35" max="122" width="2.44140625" style="254" customWidth="1"/>
    <col min="123" max="16384" width="2.44140625" style="254" hidden="1"/>
  </cols>
  <sheetData>
    <row r="1" spans="2:34" ht="13.5" customHeight="1" x14ac:dyDescent="0.2">
      <c r="B1" s="254"/>
      <c r="C1" s="254"/>
      <c r="D1" s="254"/>
      <c r="E1" s="254"/>
      <c r="F1" s="254"/>
      <c r="G1" s="254"/>
      <c r="H1" s="254"/>
      <c r="I1" s="254"/>
      <c r="J1" s="254"/>
      <c r="K1" s="254"/>
      <c r="L1" s="254"/>
      <c r="M1" s="254"/>
      <c r="N1" s="254"/>
      <c r="O1" s="254"/>
      <c r="P1" s="254"/>
      <c r="Q1" s="254"/>
      <c r="R1" s="254"/>
      <c r="S1" s="254"/>
      <c r="T1" s="254"/>
      <c r="U1" s="254"/>
      <c r="V1" s="254"/>
      <c r="W1" s="254"/>
      <c r="X1" s="254"/>
      <c r="Y1" s="254"/>
      <c r="Z1" s="254"/>
      <c r="AA1" s="254"/>
      <c r="AB1" s="254"/>
      <c r="AC1" s="254"/>
      <c r="AD1" s="254"/>
      <c r="AE1" s="254"/>
      <c r="AF1" s="254"/>
      <c r="AG1" s="254"/>
      <c r="AH1" s="254"/>
    </row>
    <row r="2" spans="2:34" ht="13.2" x14ac:dyDescent="0.2">
      <c r="S2" s="254"/>
      <c r="AH2" s="254"/>
    </row>
    <row r="3" spans="2:34" ht="13.2" x14ac:dyDescent="0.2">
      <c r="C3" s="254"/>
      <c r="D3" s="254"/>
      <c r="E3" s="254"/>
      <c r="F3" s="254"/>
      <c r="G3" s="254"/>
      <c r="H3" s="254"/>
      <c r="I3" s="254"/>
      <c r="J3" s="254"/>
      <c r="K3" s="254"/>
      <c r="L3" s="254"/>
      <c r="M3" s="254"/>
      <c r="N3" s="254"/>
      <c r="O3" s="254"/>
      <c r="P3" s="254"/>
      <c r="Q3" s="254"/>
      <c r="R3" s="254"/>
      <c r="S3" s="254"/>
      <c r="U3" s="254"/>
      <c r="V3" s="254"/>
      <c r="W3" s="254"/>
      <c r="X3" s="254"/>
      <c r="Y3" s="254"/>
      <c r="Z3" s="254"/>
      <c r="AA3" s="254"/>
      <c r="AB3" s="254"/>
      <c r="AC3" s="254"/>
      <c r="AD3" s="254"/>
      <c r="AE3" s="254"/>
      <c r="AF3" s="254"/>
      <c r="AG3" s="254"/>
      <c r="AH3" s="254"/>
    </row>
    <row r="4" spans="2:34" ht="13.2" x14ac:dyDescent="0.2"/>
    <row r="5" spans="2:34" ht="13.2" x14ac:dyDescent="0.2"/>
    <row r="6" spans="2:34" ht="13.2" x14ac:dyDescent="0.2"/>
    <row r="7" spans="2:34" ht="13.2" x14ac:dyDescent="0.2"/>
    <row r="8" spans="2:34" ht="13.2" x14ac:dyDescent="0.2"/>
    <row r="9" spans="2:34" ht="13.2" x14ac:dyDescent="0.2">
      <c r="AH9" s="254"/>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54"/>
    </row>
    <row r="18" spans="12:34" ht="13.2" x14ac:dyDescent="0.2"/>
    <row r="19" spans="12:34" ht="13.2" x14ac:dyDescent="0.2"/>
    <row r="20" spans="12:34" ht="13.2" x14ac:dyDescent="0.2">
      <c r="AH20" s="254"/>
    </row>
    <row r="21" spans="12:34" ht="13.2" x14ac:dyDescent="0.2">
      <c r="AH21" s="254"/>
    </row>
    <row r="22" spans="12:34" ht="13.2" x14ac:dyDescent="0.2"/>
    <row r="23" spans="12:34" ht="13.2" x14ac:dyDescent="0.2"/>
    <row r="24" spans="12:34" ht="13.2" x14ac:dyDescent="0.2">
      <c r="Q24" s="254"/>
    </row>
    <row r="25" spans="12:34" ht="13.2" x14ac:dyDescent="0.2"/>
    <row r="26" spans="12:34" ht="13.2" x14ac:dyDescent="0.2"/>
    <row r="27" spans="12:34" ht="13.2" x14ac:dyDescent="0.2"/>
    <row r="28" spans="12:34" ht="13.2" x14ac:dyDescent="0.2">
      <c r="O28" s="254"/>
      <c r="T28" s="254"/>
      <c r="AH28" s="254"/>
    </row>
    <row r="29" spans="12:34" ht="13.2" x14ac:dyDescent="0.2"/>
    <row r="30" spans="12:34" ht="13.2" x14ac:dyDescent="0.2"/>
    <row r="31" spans="12:34" ht="13.2" x14ac:dyDescent="0.2">
      <c r="Q31" s="254"/>
    </row>
    <row r="32" spans="12:34" ht="13.2" x14ac:dyDescent="0.2">
      <c r="L32" s="254"/>
    </row>
    <row r="33" spans="2:34" ht="13.2" x14ac:dyDescent="0.2">
      <c r="C33" s="254"/>
      <c r="E33" s="254"/>
      <c r="G33" s="254"/>
      <c r="I33" s="254"/>
      <c r="X33" s="254"/>
    </row>
    <row r="34" spans="2:34" ht="13.2" x14ac:dyDescent="0.2">
      <c r="B34" s="254"/>
      <c r="P34" s="254"/>
      <c r="R34" s="254"/>
      <c r="T34" s="254"/>
    </row>
    <row r="35" spans="2:34" ht="13.2" x14ac:dyDescent="0.2">
      <c r="D35" s="254"/>
      <c r="W35" s="254"/>
      <c r="AC35" s="254"/>
      <c r="AD35" s="254"/>
      <c r="AE35" s="254"/>
      <c r="AF35" s="254"/>
      <c r="AG35" s="254"/>
      <c r="AH35" s="254"/>
    </row>
    <row r="36" spans="2:34" ht="13.2" x14ac:dyDescent="0.2">
      <c r="H36" s="254"/>
      <c r="J36" s="254"/>
      <c r="K36" s="254"/>
      <c r="M36" s="254"/>
      <c r="Y36" s="254"/>
      <c r="Z36" s="254"/>
      <c r="AA36" s="254"/>
      <c r="AB36" s="254"/>
      <c r="AC36" s="254"/>
      <c r="AD36" s="254"/>
      <c r="AE36" s="254"/>
      <c r="AF36" s="254"/>
      <c r="AG36" s="254"/>
      <c r="AH36" s="254"/>
    </row>
    <row r="37" spans="2:34" ht="13.2" x14ac:dyDescent="0.2">
      <c r="AH37" s="254"/>
    </row>
    <row r="38" spans="2:34" ht="13.2" x14ac:dyDescent="0.2">
      <c r="AG38" s="254"/>
      <c r="AH38" s="254"/>
    </row>
    <row r="39" spans="2:34" ht="13.2" x14ac:dyDescent="0.2"/>
    <row r="40" spans="2:34" ht="13.2" x14ac:dyDescent="0.2">
      <c r="X40" s="254"/>
    </row>
    <row r="41" spans="2:34" ht="13.2" x14ac:dyDescent="0.2">
      <c r="R41" s="254"/>
    </row>
    <row r="42" spans="2:34" ht="13.2" x14ac:dyDescent="0.2">
      <c r="W42" s="254"/>
    </row>
    <row r="43" spans="2:34" ht="13.2" x14ac:dyDescent="0.2">
      <c r="Y43" s="254"/>
      <c r="Z43" s="254"/>
      <c r="AA43" s="254"/>
      <c r="AB43" s="254"/>
      <c r="AC43" s="254"/>
      <c r="AD43" s="254"/>
      <c r="AE43" s="254"/>
      <c r="AF43" s="254"/>
      <c r="AG43" s="254"/>
      <c r="AH43" s="254"/>
    </row>
    <row r="44" spans="2:34" ht="13.2" x14ac:dyDescent="0.2">
      <c r="AH44" s="254"/>
    </row>
    <row r="45" spans="2:34" ht="13.2" x14ac:dyDescent="0.2">
      <c r="X45" s="254"/>
    </row>
    <row r="46" spans="2:34" ht="13.2" x14ac:dyDescent="0.2"/>
    <row r="47" spans="2:34" ht="13.2" x14ac:dyDescent="0.2"/>
    <row r="48" spans="2:34" ht="13.2" x14ac:dyDescent="0.2">
      <c r="W48" s="254"/>
      <c r="Y48" s="254"/>
      <c r="Z48" s="254"/>
      <c r="AA48" s="254"/>
      <c r="AB48" s="254"/>
      <c r="AC48" s="254"/>
      <c r="AD48" s="254"/>
      <c r="AE48" s="254"/>
      <c r="AF48" s="254"/>
      <c r="AG48" s="254"/>
      <c r="AH48" s="254"/>
    </row>
    <row r="49" spans="28:34" ht="13.2" x14ac:dyDescent="0.2"/>
    <row r="50" spans="28:34" ht="13.2" x14ac:dyDescent="0.2">
      <c r="AE50" s="254"/>
      <c r="AF50" s="254"/>
      <c r="AG50" s="254"/>
      <c r="AH50" s="254"/>
    </row>
    <row r="51" spans="28:34" ht="13.2" x14ac:dyDescent="0.2">
      <c r="AC51" s="254"/>
      <c r="AD51" s="254"/>
      <c r="AE51" s="254"/>
      <c r="AF51" s="254"/>
      <c r="AG51" s="254"/>
      <c r="AH51" s="254"/>
    </row>
    <row r="52" spans="28:34" ht="13.2" x14ac:dyDescent="0.2"/>
    <row r="53" spans="28:34" ht="13.2" x14ac:dyDescent="0.2">
      <c r="AF53" s="254"/>
      <c r="AG53" s="254"/>
      <c r="AH53" s="254"/>
    </row>
    <row r="54" spans="28:34" ht="13.2" x14ac:dyDescent="0.2">
      <c r="AH54" s="254"/>
    </row>
    <row r="55" spans="28:34" ht="13.2" x14ac:dyDescent="0.2"/>
    <row r="56" spans="28:34" ht="13.2" x14ac:dyDescent="0.2">
      <c r="AB56" s="254"/>
      <c r="AC56" s="254"/>
      <c r="AD56" s="254"/>
      <c r="AE56" s="254"/>
      <c r="AF56" s="254"/>
      <c r="AG56" s="254"/>
      <c r="AH56" s="254"/>
    </row>
    <row r="57" spans="28:34" ht="13.2" x14ac:dyDescent="0.2">
      <c r="AH57" s="254"/>
    </row>
    <row r="58" spans="28:34" ht="13.2" x14ac:dyDescent="0.2">
      <c r="AH58" s="254"/>
    </row>
    <row r="59" spans="28:34" ht="13.2" x14ac:dyDescent="0.2">
      <c r="AG59" s="254"/>
      <c r="AH59" s="254"/>
    </row>
    <row r="60" spans="28:34" ht="13.2" x14ac:dyDescent="0.2"/>
    <row r="61" spans="28:34" ht="13.2" x14ac:dyDescent="0.2"/>
    <row r="62" spans="28:34" ht="13.2" x14ac:dyDescent="0.2"/>
    <row r="63" spans="28:34" ht="13.2" x14ac:dyDescent="0.2">
      <c r="AH63" s="254"/>
    </row>
    <row r="64" spans="28:34" ht="13.2" x14ac:dyDescent="0.2">
      <c r="AG64" s="254"/>
      <c r="AH64" s="254"/>
    </row>
    <row r="65" spans="28:34" ht="13.2" x14ac:dyDescent="0.2"/>
    <row r="66" spans="28:34" ht="13.2" x14ac:dyDescent="0.2"/>
    <row r="67" spans="28:34" ht="13.2" x14ac:dyDescent="0.2"/>
    <row r="68" spans="28:34" ht="13.2" x14ac:dyDescent="0.2">
      <c r="AB68" s="254"/>
      <c r="AC68" s="254"/>
      <c r="AD68" s="254"/>
      <c r="AE68" s="254"/>
      <c r="AF68" s="254"/>
      <c r="AG68" s="254"/>
      <c r="AH68" s="254"/>
    </row>
    <row r="69" spans="28:34" ht="13.2" x14ac:dyDescent="0.2">
      <c r="AF69" s="254"/>
      <c r="AG69" s="254"/>
      <c r="AH69" s="254"/>
    </row>
    <row r="70" spans="28:34" ht="13.2" x14ac:dyDescent="0.2"/>
    <row r="71" spans="28:34" ht="13.2" x14ac:dyDescent="0.2"/>
    <row r="72" spans="28:34" ht="13.2" x14ac:dyDescent="0.2"/>
    <row r="73" spans="28:34" ht="13.2" x14ac:dyDescent="0.2"/>
    <row r="74" spans="28:34" ht="13.2" x14ac:dyDescent="0.2"/>
    <row r="75" spans="28:34" ht="13.2" x14ac:dyDescent="0.2">
      <c r="AH75" s="254"/>
    </row>
    <row r="76" spans="28:34" ht="13.2" x14ac:dyDescent="0.2">
      <c r="AF76" s="254"/>
      <c r="AG76" s="254"/>
      <c r="AH76" s="254"/>
    </row>
    <row r="77" spans="28:34" ht="13.2" x14ac:dyDescent="0.2">
      <c r="AG77" s="254"/>
      <c r="AH77" s="254"/>
    </row>
    <row r="78" spans="28:34" ht="13.2" x14ac:dyDescent="0.2"/>
    <row r="79" spans="28:34" ht="13.2" x14ac:dyDescent="0.2"/>
    <row r="80" spans="28:34" ht="13.2" x14ac:dyDescent="0.2"/>
    <row r="81" spans="25:34" ht="13.2" x14ac:dyDescent="0.2"/>
    <row r="82" spans="25:34" ht="13.2" x14ac:dyDescent="0.2">
      <c r="Y82" s="254"/>
    </row>
    <row r="83" spans="25:34" ht="13.2" x14ac:dyDescent="0.2">
      <c r="Y83" s="254"/>
      <c r="Z83" s="254"/>
      <c r="AA83" s="254"/>
      <c r="AB83" s="254"/>
      <c r="AC83" s="254"/>
      <c r="AD83" s="254"/>
      <c r="AE83" s="254"/>
      <c r="AF83" s="254"/>
      <c r="AG83" s="254"/>
      <c r="AH83" s="254"/>
    </row>
    <row r="84" spans="25:34" ht="13.2" x14ac:dyDescent="0.2"/>
    <row r="85" spans="25:34" ht="13.2" x14ac:dyDescent="0.2"/>
    <row r="86" spans="25:34" ht="13.2" x14ac:dyDescent="0.2"/>
    <row r="87" spans="25:34" ht="13.2" x14ac:dyDescent="0.2"/>
    <row r="88" spans="25:34" ht="13.2" x14ac:dyDescent="0.2">
      <c r="AH88" s="254"/>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54"/>
      <c r="AG94" s="254"/>
      <c r="AH94" s="254"/>
    </row>
    <row r="95" spans="25:34" ht="13.5" customHeight="1" x14ac:dyDescent="0.2">
      <c r="AH95" s="254"/>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54"/>
    </row>
    <row r="102" spans="33:34" ht="13.5" customHeight="1" x14ac:dyDescent="0.2"/>
    <row r="103" spans="33:34" ht="13.5" customHeight="1" x14ac:dyDescent="0.2"/>
    <row r="104" spans="33:34" ht="13.5" customHeight="1" x14ac:dyDescent="0.2">
      <c r="AG104" s="254"/>
      <c r="AH104" s="254"/>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54"/>
    </row>
    <row r="117" spans="34:122" ht="13.5" customHeight="1" x14ac:dyDescent="0.2"/>
    <row r="118" spans="34:122" ht="13.5" customHeight="1" x14ac:dyDescent="0.2"/>
    <row r="119" spans="34:122" ht="13.5" customHeight="1" x14ac:dyDescent="0.2"/>
    <row r="120" spans="34:122" ht="13.5" customHeight="1" x14ac:dyDescent="0.2">
      <c r="AH120" s="254"/>
    </row>
    <row r="121" spans="34:122" ht="13.5" customHeight="1" x14ac:dyDescent="0.2">
      <c r="AH121" s="254"/>
    </row>
    <row r="122" spans="34:122" ht="13.5" customHeight="1" x14ac:dyDescent="0.2"/>
    <row r="123" spans="34:122" ht="13.5" customHeight="1" x14ac:dyDescent="0.2"/>
    <row r="124" spans="34:122" ht="13.5" customHeight="1" x14ac:dyDescent="0.2"/>
    <row r="125" spans="34:122" ht="13.5" customHeight="1" x14ac:dyDescent="0.2">
      <c r="DR125" s="254" t="s">
        <v>492</v>
      </c>
    </row>
  </sheetData>
  <sheetProtection algorithmName="SHA-512" hashValue="GwQcD83oV0ikx3kq9cWB8NrD8gq1a/xM+SDuiJOodR52FyQhJaQEzXNBHYzuhFHFnt2xuUgWWmLpBVno6xGsVA==" saltValue="bVA5ra13yu/Gu/qO6YSEW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0" customWidth="1"/>
    <col min="2" max="8" width="13.33203125" style="140" customWidth="1"/>
    <col min="9" max="16384" width="11.109375" style="140"/>
  </cols>
  <sheetData>
    <row r="1" spans="1:8" x14ac:dyDescent="0.2">
      <c r="A1" s="134"/>
      <c r="B1" s="135"/>
      <c r="C1" s="136"/>
      <c r="D1" s="137"/>
      <c r="E1" s="138"/>
      <c r="F1" s="138"/>
      <c r="G1" s="138"/>
      <c r="H1" s="139"/>
    </row>
    <row r="2" spans="1:8" x14ac:dyDescent="0.2">
      <c r="A2" s="141"/>
      <c r="B2" s="142"/>
      <c r="C2" s="143"/>
      <c r="D2" s="144" t="s">
        <v>52</v>
      </c>
      <c r="E2" s="145"/>
      <c r="F2" s="146" t="s">
        <v>542</v>
      </c>
      <c r="G2" s="147"/>
      <c r="H2" s="148"/>
    </row>
    <row r="3" spans="1:8" x14ac:dyDescent="0.2">
      <c r="A3" s="144" t="s">
        <v>535</v>
      </c>
      <c r="B3" s="149"/>
      <c r="C3" s="150"/>
      <c r="D3" s="151">
        <v>28329</v>
      </c>
      <c r="E3" s="152"/>
      <c r="F3" s="153">
        <v>42651</v>
      </c>
      <c r="G3" s="154"/>
      <c r="H3" s="155"/>
    </row>
    <row r="4" spans="1:8" x14ac:dyDescent="0.2">
      <c r="A4" s="156"/>
      <c r="B4" s="157"/>
      <c r="C4" s="158"/>
      <c r="D4" s="159">
        <v>14055</v>
      </c>
      <c r="E4" s="160"/>
      <c r="F4" s="161">
        <v>22675</v>
      </c>
      <c r="G4" s="162"/>
      <c r="H4" s="163"/>
    </row>
    <row r="5" spans="1:8" x14ac:dyDescent="0.2">
      <c r="A5" s="144" t="s">
        <v>537</v>
      </c>
      <c r="B5" s="149"/>
      <c r="C5" s="150"/>
      <c r="D5" s="151">
        <v>22497</v>
      </c>
      <c r="E5" s="152"/>
      <c r="F5" s="153">
        <v>43226</v>
      </c>
      <c r="G5" s="154"/>
      <c r="H5" s="155"/>
    </row>
    <row r="6" spans="1:8" x14ac:dyDescent="0.2">
      <c r="A6" s="156"/>
      <c r="B6" s="157"/>
      <c r="C6" s="158"/>
      <c r="D6" s="159">
        <v>9566</v>
      </c>
      <c r="E6" s="160"/>
      <c r="F6" s="161">
        <v>22622</v>
      </c>
      <c r="G6" s="162"/>
      <c r="H6" s="163"/>
    </row>
    <row r="7" spans="1:8" x14ac:dyDescent="0.2">
      <c r="A7" s="144" t="s">
        <v>538</v>
      </c>
      <c r="B7" s="149"/>
      <c r="C7" s="150"/>
      <c r="D7" s="151">
        <v>40790</v>
      </c>
      <c r="E7" s="152"/>
      <c r="F7" s="153">
        <v>42836</v>
      </c>
      <c r="G7" s="154"/>
      <c r="H7" s="155"/>
    </row>
    <row r="8" spans="1:8" x14ac:dyDescent="0.2">
      <c r="A8" s="156"/>
      <c r="B8" s="157"/>
      <c r="C8" s="158"/>
      <c r="D8" s="159">
        <v>22084</v>
      </c>
      <c r="E8" s="160"/>
      <c r="F8" s="161">
        <v>22936</v>
      </c>
      <c r="G8" s="162"/>
      <c r="H8" s="163"/>
    </row>
    <row r="9" spans="1:8" x14ac:dyDescent="0.2">
      <c r="A9" s="144" t="s">
        <v>539</v>
      </c>
      <c r="B9" s="149"/>
      <c r="C9" s="150"/>
      <c r="D9" s="151">
        <v>26914</v>
      </c>
      <c r="E9" s="152"/>
      <c r="F9" s="153">
        <v>44161</v>
      </c>
      <c r="G9" s="154"/>
      <c r="H9" s="155"/>
    </row>
    <row r="10" spans="1:8" x14ac:dyDescent="0.2">
      <c r="A10" s="156"/>
      <c r="B10" s="157"/>
      <c r="C10" s="158"/>
      <c r="D10" s="159">
        <v>14158</v>
      </c>
      <c r="E10" s="160"/>
      <c r="F10" s="161">
        <v>23644</v>
      </c>
      <c r="G10" s="162"/>
      <c r="H10" s="163"/>
    </row>
    <row r="11" spans="1:8" x14ac:dyDescent="0.2">
      <c r="A11" s="144" t="s">
        <v>540</v>
      </c>
      <c r="B11" s="149"/>
      <c r="C11" s="150"/>
      <c r="D11" s="151">
        <v>19737</v>
      </c>
      <c r="E11" s="152"/>
      <c r="F11" s="153">
        <v>43955</v>
      </c>
      <c r="G11" s="154"/>
      <c r="H11" s="155"/>
    </row>
    <row r="12" spans="1:8" x14ac:dyDescent="0.2">
      <c r="A12" s="156"/>
      <c r="B12" s="157"/>
      <c r="C12" s="164"/>
      <c r="D12" s="159">
        <v>9221</v>
      </c>
      <c r="E12" s="160"/>
      <c r="F12" s="161">
        <v>21318</v>
      </c>
      <c r="G12" s="162"/>
      <c r="H12" s="163"/>
    </row>
    <row r="13" spans="1:8" x14ac:dyDescent="0.2">
      <c r="A13" s="144"/>
      <c r="B13" s="149"/>
      <c r="C13" s="165"/>
      <c r="D13" s="166">
        <v>27653</v>
      </c>
      <c r="E13" s="167"/>
      <c r="F13" s="168">
        <v>43366</v>
      </c>
      <c r="G13" s="169"/>
      <c r="H13" s="155"/>
    </row>
    <row r="14" spans="1:8" x14ac:dyDescent="0.2">
      <c r="A14" s="156"/>
      <c r="B14" s="157"/>
      <c r="C14" s="158"/>
      <c r="D14" s="159">
        <v>13817</v>
      </c>
      <c r="E14" s="160"/>
      <c r="F14" s="161">
        <v>22639</v>
      </c>
      <c r="G14" s="162"/>
      <c r="H14" s="163"/>
    </row>
    <row r="17" spans="1:11" x14ac:dyDescent="0.2">
      <c r="A17" s="140" t="s">
        <v>53</v>
      </c>
    </row>
    <row r="18" spans="1:11" x14ac:dyDescent="0.2">
      <c r="A18" s="170"/>
      <c r="B18" s="170" t="str">
        <f>実質収支比率等に係る経年分析!F$46</f>
        <v>H29</v>
      </c>
      <c r="C18" s="170" t="str">
        <f>実質収支比率等に係る経年分析!G$46</f>
        <v>H30</v>
      </c>
      <c r="D18" s="170" t="str">
        <f>実質収支比率等に係る経年分析!H$46</f>
        <v>R01</v>
      </c>
      <c r="E18" s="170" t="str">
        <f>実質収支比率等に係る経年分析!I$46</f>
        <v>R02</v>
      </c>
      <c r="F18" s="170" t="str">
        <f>実質収支比率等に係る経年分析!J$46</f>
        <v>R03</v>
      </c>
    </row>
    <row r="19" spans="1:11" x14ac:dyDescent="0.2">
      <c r="A19" s="170" t="s">
        <v>54</v>
      </c>
      <c r="B19" s="170">
        <f>ROUND(VALUE(SUBSTITUTE(実質収支比率等に係る経年分析!F$48,"▲","-")),2)</f>
        <v>4.83</v>
      </c>
      <c r="C19" s="170">
        <f>ROUND(VALUE(SUBSTITUTE(実質収支比率等に係る経年分析!G$48,"▲","-")),2)</f>
        <v>4.9000000000000004</v>
      </c>
      <c r="D19" s="170">
        <f>ROUND(VALUE(SUBSTITUTE(実質収支比率等に係る経年分析!H$48,"▲","-")),2)</f>
        <v>3.51</v>
      </c>
      <c r="E19" s="170">
        <f>ROUND(VALUE(SUBSTITUTE(実質収支比率等に係る経年分析!I$48,"▲","-")),2)</f>
        <v>6</v>
      </c>
      <c r="F19" s="170">
        <f>ROUND(VALUE(SUBSTITUTE(実質収支比率等に係る経年分析!J$48,"▲","-")),2)</f>
        <v>11.69</v>
      </c>
    </row>
    <row r="20" spans="1:11" x14ac:dyDescent="0.2">
      <c r="A20" s="170" t="s">
        <v>55</v>
      </c>
      <c r="B20" s="170">
        <f>ROUND(VALUE(SUBSTITUTE(実質収支比率等に係る経年分析!F$47,"▲","-")),2)</f>
        <v>8</v>
      </c>
      <c r="C20" s="170">
        <f>ROUND(VALUE(SUBSTITUTE(実質収支比率等に係る経年分析!G$47,"▲","-")),2)</f>
        <v>8.6300000000000008</v>
      </c>
      <c r="D20" s="170">
        <f>ROUND(VALUE(SUBSTITUTE(実質収支比率等に係る経年分析!H$47,"▲","-")),2)</f>
        <v>7.88</v>
      </c>
      <c r="E20" s="170">
        <f>ROUND(VALUE(SUBSTITUTE(実質収支比率等に係る経年分析!I$47,"▲","-")),2)</f>
        <v>5.78</v>
      </c>
      <c r="F20" s="170">
        <f>ROUND(VALUE(SUBSTITUTE(実質収支比率等に係る経年分析!J$47,"▲","-")),2)</f>
        <v>8.27</v>
      </c>
    </row>
    <row r="21" spans="1:11" x14ac:dyDescent="0.2">
      <c r="A21" s="170" t="s">
        <v>56</v>
      </c>
      <c r="B21" s="170">
        <f>IF(ISNUMBER(VALUE(SUBSTITUTE(実質収支比率等に係る経年分析!F$49,"▲","-"))),ROUND(VALUE(SUBSTITUTE(実質収支比率等に係る経年分析!F$49,"▲","-")),2),NA())</f>
        <v>1.59</v>
      </c>
      <c r="C21" s="170">
        <f>IF(ISNUMBER(VALUE(SUBSTITUTE(実質収支比率等に係る経年分析!G$49,"▲","-"))),ROUND(VALUE(SUBSTITUTE(実質収支比率等に係る経年分析!G$49,"▲","-")),2),NA())</f>
        <v>0.9</v>
      </c>
      <c r="D21" s="170">
        <f>IF(ISNUMBER(VALUE(SUBSTITUTE(実質収支比率等に係る経年分析!H$49,"▲","-"))),ROUND(VALUE(SUBSTITUTE(実質収支比率等に係る経年分析!H$49,"▲","-")),2),NA())</f>
        <v>-2.12</v>
      </c>
      <c r="E21" s="170">
        <f>IF(ISNUMBER(VALUE(SUBSTITUTE(実質収支比率等に係る経年分析!I$49,"▲","-"))),ROUND(VALUE(SUBSTITUTE(実質収支比率等に係る経年分析!I$49,"▲","-")),2),NA())</f>
        <v>0.55000000000000004</v>
      </c>
      <c r="F21" s="170">
        <f>IF(ISNUMBER(VALUE(SUBSTITUTE(実質収支比率等に係る経年分析!J$49,"▲","-"))),ROUND(VALUE(SUBSTITUTE(実質収支比率等に係る経年分析!J$49,"▲","-")),2),NA())</f>
        <v>8.8000000000000007</v>
      </c>
    </row>
    <row r="24" spans="1:11" x14ac:dyDescent="0.2">
      <c r="A24" s="140" t="s">
        <v>57</v>
      </c>
    </row>
    <row r="25" spans="1:11" x14ac:dyDescent="0.2">
      <c r="A25" s="171"/>
      <c r="B25" s="171" t="str">
        <f>連結実質赤字比率に係る赤字・黒字の構成分析!F$33</f>
        <v>H29</v>
      </c>
      <c r="C25" s="171"/>
      <c r="D25" s="171" t="str">
        <f>連結実質赤字比率に係る赤字・黒字の構成分析!G$33</f>
        <v>H30</v>
      </c>
      <c r="E25" s="171"/>
      <c r="F25" s="171" t="str">
        <f>連結実質赤字比率に係る赤字・黒字の構成分析!H$33</f>
        <v>R01</v>
      </c>
      <c r="G25" s="171"/>
      <c r="H25" s="171" t="str">
        <f>連結実質赤字比率に係る赤字・黒字の構成分析!I$33</f>
        <v>R02</v>
      </c>
      <c r="I25" s="171"/>
      <c r="J25" s="171" t="str">
        <f>連結実質赤字比率に係る赤字・黒字の構成分析!J$33</f>
        <v>R03</v>
      </c>
      <c r="K25" s="171"/>
    </row>
    <row r="26" spans="1:11" x14ac:dyDescent="0.2">
      <c r="A26" s="171"/>
      <c r="B26" s="171" t="s">
        <v>58</v>
      </c>
      <c r="C26" s="171" t="s">
        <v>59</v>
      </c>
      <c r="D26" s="171" t="s">
        <v>58</v>
      </c>
      <c r="E26" s="171" t="s">
        <v>59</v>
      </c>
      <c r="F26" s="171" t="s">
        <v>58</v>
      </c>
      <c r="G26" s="171" t="s">
        <v>59</v>
      </c>
      <c r="H26" s="171" t="s">
        <v>58</v>
      </c>
      <c r="I26" s="171" t="s">
        <v>59</v>
      </c>
      <c r="J26" s="171" t="s">
        <v>58</v>
      </c>
      <c r="K26" s="171" t="s">
        <v>59</v>
      </c>
    </row>
    <row r="27" spans="1:11" x14ac:dyDescent="0.2">
      <c r="A27" s="171" t="str">
        <f>IF(連結実質赤字比率に係る赤字・黒字の構成分析!C$43="",NA(),連結実質赤字比率に係る赤字・黒字の構成分析!C$43)</f>
        <v>その他会計（黒字）</v>
      </c>
      <c r="B27" s="171" t="e">
        <f>IF(ROUND(VALUE(SUBSTITUTE(連結実質赤字比率に係る赤字・黒字の構成分析!F$43,"▲", "-")), 2) &lt; 0, ABS(ROUND(VALUE(SUBSTITUTE(連結実質赤字比率に係る赤字・黒字の構成分析!F$43,"▲", "-")), 2)), NA())</f>
        <v>#N/A</v>
      </c>
      <c r="C27" s="171">
        <f>IF(ROUND(VALUE(SUBSTITUTE(連結実質赤字比率に係る赤字・黒字の構成分析!F$43,"▲", "-")), 2) &gt;= 0, ABS(ROUND(VALUE(SUBSTITUTE(連結実質赤字比率に係る赤字・黒字の構成分析!F$43,"▲", "-")), 2)), NA())</f>
        <v>0.64</v>
      </c>
      <c r="D27" s="171" t="e">
        <f>IF(ROUND(VALUE(SUBSTITUTE(連結実質赤字比率に係る赤字・黒字の構成分析!G$43,"▲", "-")), 2) &lt; 0, ABS(ROUND(VALUE(SUBSTITUTE(連結実質赤字比率に係る赤字・黒字の構成分析!G$43,"▲", "-")), 2)), NA())</f>
        <v>#N/A</v>
      </c>
      <c r="E27" s="171">
        <f>IF(ROUND(VALUE(SUBSTITUTE(連結実質赤字比率に係る赤字・黒字の構成分析!G$43,"▲", "-")), 2) &gt;= 0, ABS(ROUND(VALUE(SUBSTITUTE(連結実質赤字比率に係る赤字・黒字の構成分析!G$43,"▲", "-")), 2)), NA())</f>
        <v>2.62</v>
      </c>
      <c r="F27" s="171" t="e">
        <f>IF(ROUND(VALUE(SUBSTITUTE(連結実質赤字比率に係る赤字・黒字の構成分析!H$43,"▲", "-")), 2) &lt; 0, ABS(ROUND(VALUE(SUBSTITUTE(連結実質赤字比率に係る赤字・黒字の構成分析!H$43,"▲", "-")), 2)), NA())</f>
        <v>#VALUE!</v>
      </c>
      <c r="G27" s="171" t="e">
        <f>IF(ROUND(VALUE(SUBSTITUTE(連結実質赤字比率に係る赤字・黒字の構成分析!H$43,"▲", "-")), 2) &gt;= 0, ABS(ROUND(VALUE(SUBSTITUTE(連結実質赤字比率に係る赤字・黒字の構成分析!H$43,"▲", "-")), 2)), NA())</f>
        <v>#VALUE!</v>
      </c>
      <c r="H27" s="171" t="e">
        <f>IF(ROUND(VALUE(SUBSTITUTE(連結実質赤字比率に係る赤字・黒字の構成分析!I$43,"▲", "-")), 2) &lt; 0, ABS(ROUND(VALUE(SUBSTITUTE(連結実質赤字比率に係る赤字・黒字の構成分析!I$43,"▲", "-")), 2)), NA())</f>
        <v>#VALUE!</v>
      </c>
      <c r="I27" s="171" t="e">
        <f>IF(ROUND(VALUE(SUBSTITUTE(連結実質赤字比率に係る赤字・黒字の構成分析!I$43,"▲", "-")), 2) &gt;= 0, ABS(ROUND(VALUE(SUBSTITUTE(連結実質赤字比率に係る赤字・黒字の構成分析!I$43,"▲", "-")), 2)), NA())</f>
        <v>#VALUE!</v>
      </c>
      <c r="J27" s="171" t="e">
        <f>IF(ROUND(VALUE(SUBSTITUTE(連結実質赤字比率に係る赤字・黒字の構成分析!J$43,"▲", "-")), 2) &lt; 0, ABS(ROUND(VALUE(SUBSTITUTE(連結実質赤字比率に係る赤字・黒字の構成分析!J$43,"▲", "-")), 2)), NA())</f>
        <v>#VALUE!</v>
      </c>
      <c r="K27" s="171" t="e">
        <f>IF(ROUND(VALUE(SUBSTITUTE(連結実質赤字比率に係る赤字・黒字の構成分析!J$43,"▲", "-")), 2) &gt;= 0, ABS(ROUND(VALUE(SUBSTITUTE(連結実質赤字比率に係る赤字・黒字の構成分析!J$43,"▲", "-")), 2)), NA())</f>
        <v>#VALUE!</v>
      </c>
    </row>
    <row r="28" spans="1:11" x14ac:dyDescent="0.2">
      <c r="A28" s="171" t="str">
        <f>IF(連結実質赤字比率に係る赤字・黒字の構成分析!C$42="",NA(),連結実質赤字比率に係る赤字・黒字の構成分析!C$42)</f>
        <v>その他会計（赤字）</v>
      </c>
      <c r="B28" s="171" t="e">
        <f>IF(ROUND(VALUE(SUBSTITUTE(連結実質赤字比率に係る赤字・黒字の構成分析!F$42,"▲", "-")), 2) &lt; 0, ABS(ROUND(VALUE(SUBSTITUTE(連結実質赤字比率に係る赤字・黒字の構成分析!F$42,"▲", "-")), 2)), NA())</f>
        <v>#VALUE!</v>
      </c>
      <c r="C28" s="171" t="e">
        <f>IF(ROUND(VALUE(SUBSTITUTE(連結実質赤字比率に係る赤字・黒字の構成分析!F$42,"▲", "-")), 2) &gt;= 0, ABS(ROUND(VALUE(SUBSTITUTE(連結実質赤字比率に係る赤字・黒字の構成分析!F$42,"▲", "-")), 2)), NA())</f>
        <v>#VALUE!</v>
      </c>
      <c r="D28" s="171" t="e">
        <f>IF(ROUND(VALUE(SUBSTITUTE(連結実質赤字比率に係る赤字・黒字の構成分析!G$42,"▲", "-")), 2) &lt; 0, ABS(ROUND(VALUE(SUBSTITUTE(連結実質赤字比率に係る赤字・黒字の構成分析!G$42,"▲", "-")), 2)), NA())</f>
        <v>#VALUE!</v>
      </c>
      <c r="E28" s="171" t="e">
        <f>IF(ROUND(VALUE(SUBSTITUTE(連結実質赤字比率に係る赤字・黒字の構成分析!G$42,"▲", "-")), 2) &gt;= 0, ABS(ROUND(VALUE(SUBSTITUTE(連結実質赤字比率に係る赤字・黒字の構成分析!G$42,"▲", "-")), 2)), NA())</f>
        <v>#VALUE!</v>
      </c>
      <c r="F28" s="171" t="e">
        <f>IF(ROUND(VALUE(SUBSTITUTE(連結実質赤字比率に係る赤字・黒字の構成分析!H$42,"▲", "-")), 2) &lt; 0, ABS(ROUND(VALUE(SUBSTITUTE(連結実質赤字比率に係る赤字・黒字の構成分析!H$42,"▲", "-")), 2)), NA())</f>
        <v>#VALUE!</v>
      </c>
      <c r="G28" s="171" t="e">
        <f>IF(ROUND(VALUE(SUBSTITUTE(連結実質赤字比率に係る赤字・黒字の構成分析!H$42,"▲", "-")), 2) &gt;= 0, ABS(ROUND(VALUE(SUBSTITUTE(連結実質赤字比率に係る赤字・黒字の構成分析!H$42,"▲", "-")), 2)), NA())</f>
        <v>#VALUE!</v>
      </c>
      <c r="H28" s="171" t="e">
        <f>IF(ROUND(VALUE(SUBSTITUTE(連結実質赤字比率に係る赤字・黒字の構成分析!I$42,"▲", "-")), 2) &lt; 0, ABS(ROUND(VALUE(SUBSTITUTE(連結実質赤字比率に係る赤字・黒字の構成分析!I$42,"▲", "-")), 2)), NA())</f>
        <v>#VALUE!</v>
      </c>
      <c r="I28" s="171" t="e">
        <f>IF(ROUND(VALUE(SUBSTITUTE(連結実質赤字比率に係る赤字・黒字の構成分析!I$42,"▲", "-")), 2) &gt;= 0, ABS(ROUND(VALUE(SUBSTITUTE(連結実質赤字比率に係る赤字・黒字の構成分析!I$42,"▲", "-")), 2)), NA())</f>
        <v>#VALUE!</v>
      </c>
      <c r="J28" s="171" t="e">
        <f>IF(ROUND(VALUE(SUBSTITUTE(連結実質赤字比率に係る赤字・黒字の構成分析!J$42,"▲", "-")), 2) &lt; 0, ABS(ROUND(VALUE(SUBSTITUTE(連結実質赤字比率に係る赤字・黒字の構成分析!J$42,"▲", "-")), 2)), NA())</f>
        <v>#VALUE!</v>
      </c>
      <c r="K28" s="171" t="e">
        <f>IF(ROUND(VALUE(SUBSTITUTE(連結実質赤字比率に係る赤字・黒字の構成分析!J$42,"▲", "-")), 2) &gt;= 0, ABS(ROUND(VALUE(SUBSTITUTE(連結実質赤字比率に係る赤字・黒字の構成分析!J$42,"▲", "-")), 2)), NA())</f>
        <v>#VALUE!</v>
      </c>
    </row>
    <row r="29" spans="1:11" x14ac:dyDescent="0.2">
      <c r="A29" s="171" t="e">
        <f>IF(連結実質赤字比率に係る赤字・黒字の構成分析!C$41="",NA(),連結実質赤字比率に係る赤字・黒字の構成分析!C$41)</f>
        <v>#N/A</v>
      </c>
      <c r="B29" s="171" t="e">
        <f>IF(ROUND(VALUE(SUBSTITUTE(連結実質赤字比率に係る赤字・黒字の構成分析!F$41,"▲", "-")), 2) &lt; 0, ABS(ROUND(VALUE(SUBSTITUTE(連結実質赤字比率に係る赤字・黒字の構成分析!F$41,"▲", "-")), 2)), NA())</f>
        <v>#VALUE!</v>
      </c>
      <c r="C29" s="171" t="e">
        <f>IF(ROUND(VALUE(SUBSTITUTE(連結実質赤字比率に係る赤字・黒字の構成分析!F$41,"▲", "-")), 2) &gt;= 0, ABS(ROUND(VALUE(SUBSTITUTE(連結実質赤字比率に係る赤字・黒字の構成分析!F$41,"▲", "-")), 2)), NA())</f>
        <v>#VALUE!</v>
      </c>
      <c r="D29" s="171" t="e">
        <f>IF(ROUND(VALUE(SUBSTITUTE(連結実質赤字比率に係る赤字・黒字の構成分析!G$41,"▲", "-")), 2) &lt; 0, ABS(ROUND(VALUE(SUBSTITUTE(連結実質赤字比率に係る赤字・黒字の構成分析!G$41,"▲", "-")), 2)), NA())</f>
        <v>#VALUE!</v>
      </c>
      <c r="E29" s="171" t="e">
        <f>IF(ROUND(VALUE(SUBSTITUTE(連結実質赤字比率に係る赤字・黒字の構成分析!G$41,"▲", "-")), 2) &gt;= 0, ABS(ROUND(VALUE(SUBSTITUTE(連結実質赤字比率に係る赤字・黒字の構成分析!G$41,"▲", "-")), 2)), NA())</f>
        <v>#VALUE!</v>
      </c>
      <c r="F29" s="171" t="e">
        <f>IF(ROUND(VALUE(SUBSTITUTE(連結実質赤字比率に係る赤字・黒字の構成分析!H$41,"▲", "-")), 2) &lt; 0, ABS(ROUND(VALUE(SUBSTITUTE(連結実質赤字比率に係る赤字・黒字の構成分析!H$41,"▲", "-")), 2)), NA())</f>
        <v>#VALUE!</v>
      </c>
      <c r="G29" s="171" t="e">
        <f>IF(ROUND(VALUE(SUBSTITUTE(連結実質赤字比率に係る赤字・黒字の構成分析!H$41,"▲", "-")), 2) &gt;= 0, ABS(ROUND(VALUE(SUBSTITUTE(連結実質赤字比率に係る赤字・黒字の構成分析!H$41,"▲", "-")), 2)), NA())</f>
        <v>#VALUE!</v>
      </c>
      <c r="H29" s="171" t="e">
        <f>IF(ROUND(VALUE(SUBSTITUTE(連結実質赤字比率に係る赤字・黒字の構成分析!I$41,"▲", "-")), 2) &lt; 0, ABS(ROUND(VALUE(SUBSTITUTE(連結実質赤字比率に係る赤字・黒字の構成分析!I$41,"▲", "-")), 2)), NA())</f>
        <v>#VALUE!</v>
      </c>
      <c r="I29" s="171" t="e">
        <f>IF(ROUND(VALUE(SUBSTITUTE(連結実質赤字比率に係る赤字・黒字の構成分析!I$41,"▲", "-")), 2) &gt;= 0, ABS(ROUND(VALUE(SUBSTITUTE(連結実質赤字比率に係る赤字・黒字の構成分析!I$41,"▲", "-")), 2)), NA())</f>
        <v>#VALUE!</v>
      </c>
      <c r="J29" s="171" t="e">
        <f>IF(ROUND(VALUE(SUBSTITUTE(連結実質赤字比率に係る赤字・黒字の構成分析!J$41,"▲", "-")), 2) &lt; 0, ABS(ROUND(VALUE(SUBSTITUTE(連結実質赤字比率に係る赤字・黒字の構成分析!J$41,"▲", "-")), 2)), NA())</f>
        <v>#VALUE!</v>
      </c>
      <c r="K29" s="171" t="e">
        <f>IF(ROUND(VALUE(SUBSTITUTE(連結実質赤字比率に係る赤字・黒字の構成分析!J$41,"▲", "-")), 2) &gt;= 0, ABS(ROUND(VALUE(SUBSTITUTE(連結実質赤字比率に係る赤字・黒字の構成分析!J$41,"▲", "-")), 2)), NA())</f>
        <v>#VALUE!</v>
      </c>
    </row>
    <row r="30" spans="1:11" x14ac:dyDescent="0.2">
      <c r="A30" s="171" t="e">
        <f>IF(連結実質赤字比率に係る赤字・黒字の構成分析!C$40="",NA(),連結実質赤字比率に係る赤字・黒字の構成分析!C$40)</f>
        <v>#N/A</v>
      </c>
      <c r="B30" s="171" t="e">
        <f>IF(ROUND(VALUE(SUBSTITUTE(連結実質赤字比率に係る赤字・黒字の構成分析!F$40,"▲", "-")), 2) &lt; 0, ABS(ROUND(VALUE(SUBSTITUTE(連結実質赤字比率に係る赤字・黒字の構成分析!F$40,"▲", "-")), 2)), NA())</f>
        <v>#VALUE!</v>
      </c>
      <c r="C30" s="171" t="e">
        <f>IF(ROUND(VALUE(SUBSTITUTE(連結実質赤字比率に係る赤字・黒字の構成分析!F$40,"▲", "-")), 2) &gt;= 0, ABS(ROUND(VALUE(SUBSTITUTE(連結実質赤字比率に係る赤字・黒字の構成分析!F$40,"▲", "-")), 2)), NA())</f>
        <v>#VALUE!</v>
      </c>
      <c r="D30" s="171" t="e">
        <f>IF(ROUND(VALUE(SUBSTITUTE(連結実質赤字比率に係る赤字・黒字の構成分析!G$40,"▲", "-")), 2) &lt; 0, ABS(ROUND(VALUE(SUBSTITUTE(連結実質赤字比率に係る赤字・黒字の構成分析!G$40,"▲", "-")), 2)), NA())</f>
        <v>#VALUE!</v>
      </c>
      <c r="E30" s="171" t="e">
        <f>IF(ROUND(VALUE(SUBSTITUTE(連結実質赤字比率に係る赤字・黒字の構成分析!G$40,"▲", "-")), 2) &gt;= 0, ABS(ROUND(VALUE(SUBSTITUTE(連結実質赤字比率に係る赤字・黒字の構成分析!G$40,"▲", "-")), 2)), NA())</f>
        <v>#VALUE!</v>
      </c>
      <c r="F30" s="171" t="e">
        <f>IF(ROUND(VALUE(SUBSTITUTE(連結実質赤字比率に係る赤字・黒字の構成分析!H$40,"▲", "-")), 2) &lt; 0, ABS(ROUND(VALUE(SUBSTITUTE(連結実質赤字比率に係る赤字・黒字の構成分析!H$40,"▲", "-")), 2)), NA())</f>
        <v>#VALUE!</v>
      </c>
      <c r="G30" s="171" t="e">
        <f>IF(ROUND(VALUE(SUBSTITUTE(連結実質赤字比率に係る赤字・黒字の構成分析!H$40,"▲", "-")), 2) &gt;= 0, ABS(ROUND(VALUE(SUBSTITUTE(連結実質赤字比率に係る赤字・黒字の構成分析!H$40,"▲", "-")), 2)), NA())</f>
        <v>#VALUE!</v>
      </c>
      <c r="H30" s="171" t="e">
        <f>IF(ROUND(VALUE(SUBSTITUTE(連結実質赤字比率に係る赤字・黒字の構成分析!I$40,"▲", "-")), 2) &lt; 0, ABS(ROUND(VALUE(SUBSTITUTE(連結実質赤字比率に係る赤字・黒字の構成分析!I$40,"▲", "-")), 2)), NA())</f>
        <v>#VALUE!</v>
      </c>
      <c r="I30" s="171" t="e">
        <f>IF(ROUND(VALUE(SUBSTITUTE(連結実質赤字比率に係る赤字・黒字の構成分析!I$40,"▲", "-")), 2) &gt;= 0, ABS(ROUND(VALUE(SUBSTITUTE(連結実質赤字比率に係る赤字・黒字の構成分析!I$40,"▲", "-")), 2)), NA())</f>
        <v>#VALUE!</v>
      </c>
      <c r="J30" s="171" t="e">
        <f>IF(ROUND(VALUE(SUBSTITUTE(連結実質赤字比率に係る赤字・黒字の構成分析!J$40,"▲", "-")), 2) &lt; 0, ABS(ROUND(VALUE(SUBSTITUTE(連結実質赤字比率に係る赤字・黒字の構成分析!J$40,"▲", "-")), 2)), NA())</f>
        <v>#VALUE!</v>
      </c>
      <c r="K30" s="171" t="e">
        <f>IF(ROUND(VALUE(SUBSTITUTE(連結実質赤字比率に係る赤字・黒字の構成分析!J$40,"▲", "-")), 2) &gt;= 0, ABS(ROUND(VALUE(SUBSTITUTE(連結実質赤字比率に係る赤字・黒字の構成分析!J$40,"▲", "-")), 2)), NA())</f>
        <v>#VALUE!</v>
      </c>
    </row>
    <row r="31" spans="1:11" x14ac:dyDescent="0.2">
      <c r="A31" s="171" t="str">
        <f>IF(連結実質赤字比率に係る赤字・黒字の構成分析!C$39="",NA(),連結実質赤字比率に係る赤字・黒字の構成分析!C$39)</f>
        <v>用地取得事業特別会計</v>
      </c>
      <c r="B31" s="171" t="e">
        <f>IF(ROUND(VALUE(SUBSTITUTE(連結実質赤字比率に係る赤字・黒字の構成分析!F$39,"▲", "-")), 2) &lt; 0, ABS(ROUND(VALUE(SUBSTITUTE(連結実質赤字比率に係る赤字・黒字の構成分析!F$39,"▲", "-")), 2)), NA())</f>
        <v>#N/A</v>
      </c>
      <c r="C31" s="171">
        <f>IF(ROUND(VALUE(SUBSTITUTE(連結実質赤字比率に係る赤字・黒字の構成分析!F$39,"▲", "-")), 2) &gt;= 0, ABS(ROUND(VALUE(SUBSTITUTE(連結実質赤字比率に係る赤字・黒字の構成分析!F$39,"▲", "-")), 2)), NA())</f>
        <v>0</v>
      </c>
      <c r="D31" s="171" t="e">
        <f>IF(ROUND(VALUE(SUBSTITUTE(連結実質赤字比率に係る赤字・黒字の構成分析!G$39,"▲", "-")), 2) &lt; 0, ABS(ROUND(VALUE(SUBSTITUTE(連結実質赤字比率に係る赤字・黒字の構成分析!G$39,"▲", "-")), 2)), NA())</f>
        <v>#N/A</v>
      </c>
      <c r="E31" s="171">
        <f>IF(ROUND(VALUE(SUBSTITUTE(連結実質赤字比率に係る赤字・黒字の構成分析!G$39,"▲", "-")), 2) &gt;= 0, ABS(ROUND(VALUE(SUBSTITUTE(連結実質赤字比率に係る赤字・黒字の構成分析!G$39,"▲", "-")), 2)), NA())</f>
        <v>0</v>
      </c>
      <c r="F31" s="171" t="e">
        <f>IF(ROUND(VALUE(SUBSTITUTE(連結実質赤字比率に係る赤字・黒字の構成分析!H$39,"▲", "-")), 2) &lt; 0, ABS(ROUND(VALUE(SUBSTITUTE(連結実質赤字比率に係る赤字・黒字の構成分析!H$39,"▲", "-")), 2)), NA())</f>
        <v>#N/A</v>
      </c>
      <c r="G31" s="171">
        <f>IF(ROUND(VALUE(SUBSTITUTE(連結実質赤字比率に係る赤字・黒字の構成分析!H$39,"▲", "-")), 2) &gt;= 0, ABS(ROUND(VALUE(SUBSTITUTE(連結実質赤字比率に係る赤字・黒字の構成分析!H$39,"▲", "-")), 2)), NA())</f>
        <v>0</v>
      </c>
      <c r="H31" s="171" t="e">
        <f>IF(ROUND(VALUE(SUBSTITUTE(連結実質赤字比率に係る赤字・黒字の構成分析!I$39,"▲", "-")), 2) &lt; 0, ABS(ROUND(VALUE(SUBSTITUTE(連結実質赤字比率に係る赤字・黒字の構成分析!I$39,"▲", "-")), 2)), NA())</f>
        <v>#N/A</v>
      </c>
      <c r="I31" s="171">
        <f>IF(ROUND(VALUE(SUBSTITUTE(連結実質赤字比率に係る赤字・黒字の構成分析!I$39,"▲", "-")), 2) &gt;= 0, ABS(ROUND(VALUE(SUBSTITUTE(連結実質赤字比率に係る赤字・黒字の構成分析!I$39,"▲", "-")), 2)), NA())</f>
        <v>0</v>
      </c>
      <c r="J31" s="171" t="e">
        <f>IF(ROUND(VALUE(SUBSTITUTE(連結実質赤字比率に係る赤字・黒字の構成分析!J$39,"▲", "-")), 2) &lt; 0, ABS(ROUND(VALUE(SUBSTITUTE(連結実質赤字比率に係る赤字・黒字の構成分析!J$39,"▲", "-")), 2)), NA())</f>
        <v>#N/A</v>
      </c>
      <c r="K31" s="171">
        <f>IF(ROUND(VALUE(SUBSTITUTE(連結実質赤字比率に係る赤字・黒字の構成分析!J$39,"▲", "-")), 2) &gt;= 0, ABS(ROUND(VALUE(SUBSTITUTE(連結実質赤字比率に係る赤字・黒字の構成分析!J$39,"▲", "-")), 2)), NA())</f>
        <v>0</v>
      </c>
    </row>
    <row r="32" spans="1:11" x14ac:dyDescent="0.2">
      <c r="A32" s="171" t="str">
        <f>IF(連結実質赤字比率に係る赤字・黒字の構成分析!C$38="",NA(),連結実質赤字比率に係る赤字・黒字の構成分析!C$38)</f>
        <v>後期高齢者医療事業特別会計</v>
      </c>
      <c r="B32" s="171" t="e">
        <f>IF(ROUND(VALUE(SUBSTITUTE(連結実質赤字比率に係る赤字・黒字の構成分析!F$38,"▲", "-")), 2) &lt; 0, ABS(ROUND(VALUE(SUBSTITUTE(連結実質赤字比率に係る赤字・黒字の構成分析!F$38,"▲", "-")), 2)), NA())</f>
        <v>#N/A</v>
      </c>
      <c r="C32" s="171">
        <f>IF(ROUND(VALUE(SUBSTITUTE(連結実質赤字比率に係る赤字・黒字の構成分析!F$38,"▲", "-")), 2) &gt;= 0, ABS(ROUND(VALUE(SUBSTITUTE(連結実質赤字比率に係る赤字・黒字の構成分析!F$38,"▲", "-")), 2)), NA())</f>
        <v>0.03</v>
      </c>
      <c r="D32" s="171" t="e">
        <f>IF(ROUND(VALUE(SUBSTITUTE(連結実質赤字比率に係る赤字・黒字の構成分析!G$38,"▲", "-")), 2) &lt; 0, ABS(ROUND(VALUE(SUBSTITUTE(連結実質赤字比率に係る赤字・黒字の構成分析!G$38,"▲", "-")), 2)), NA())</f>
        <v>#N/A</v>
      </c>
      <c r="E32" s="171">
        <f>IF(ROUND(VALUE(SUBSTITUTE(連結実質赤字比率に係る赤字・黒字の構成分析!G$38,"▲", "-")), 2) &gt;= 0, ABS(ROUND(VALUE(SUBSTITUTE(連結実質赤字比率に係る赤字・黒字の構成分析!G$38,"▲", "-")), 2)), NA())</f>
        <v>0.02</v>
      </c>
      <c r="F32" s="171" t="e">
        <f>IF(ROUND(VALUE(SUBSTITUTE(連結実質赤字比率に係る赤字・黒字の構成分析!H$38,"▲", "-")), 2) &lt; 0, ABS(ROUND(VALUE(SUBSTITUTE(連結実質赤字比率に係る赤字・黒字の構成分析!H$38,"▲", "-")), 2)), NA())</f>
        <v>#N/A</v>
      </c>
      <c r="G32" s="171">
        <f>IF(ROUND(VALUE(SUBSTITUTE(連結実質赤字比率に係る赤字・黒字の構成分析!H$38,"▲", "-")), 2) &gt;= 0, ABS(ROUND(VALUE(SUBSTITUTE(連結実質赤字比率に係る赤字・黒字の構成分析!H$38,"▲", "-")), 2)), NA())</f>
        <v>0.03</v>
      </c>
      <c r="H32" s="171" t="e">
        <f>IF(ROUND(VALUE(SUBSTITUTE(連結実質赤字比率に係る赤字・黒字の構成分析!I$38,"▲", "-")), 2) &lt; 0, ABS(ROUND(VALUE(SUBSTITUTE(連結実質赤字比率に係る赤字・黒字の構成分析!I$38,"▲", "-")), 2)), NA())</f>
        <v>#N/A</v>
      </c>
      <c r="I32" s="171">
        <f>IF(ROUND(VALUE(SUBSTITUTE(連結実質赤字比率に係る赤字・黒字の構成分析!I$38,"▲", "-")), 2) &gt;= 0, ABS(ROUND(VALUE(SUBSTITUTE(連結実質赤字比率に係る赤字・黒字の構成分析!I$38,"▲", "-")), 2)), NA())</f>
        <v>0.02</v>
      </c>
      <c r="J32" s="171" t="e">
        <f>IF(ROUND(VALUE(SUBSTITUTE(連結実質赤字比率に係る赤字・黒字の構成分析!J$38,"▲", "-")), 2) &lt; 0, ABS(ROUND(VALUE(SUBSTITUTE(連結実質赤字比率に係る赤字・黒字の構成分析!J$38,"▲", "-")), 2)), NA())</f>
        <v>#N/A</v>
      </c>
      <c r="K32" s="171">
        <f>IF(ROUND(VALUE(SUBSTITUTE(連結実質赤字比率に係る赤字・黒字の構成分析!J$38,"▲", "-")), 2) &gt;= 0, ABS(ROUND(VALUE(SUBSTITUTE(連結実質赤字比率に係る赤字・黒字の構成分析!J$38,"▲", "-")), 2)), NA())</f>
        <v>0.02</v>
      </c>
    </row>
    <row r="33" spans="1:16" x14ac:dyDescent="0.2">
      <c r="A33" s="171" t="str">
        <f>IF(連結実質赤字比率に係る赤字・黒字の構成分析!C$37="",NA(),連結実質赤字比率に係る赤字・黒字の構成分析!C$37)</f>
        <v>国民健康保険事業特別会計</v>
      </c>
      <c r="B33" s="171" t="e">
        <f>IF(ROUND(VALUE(SUBSTITUTE(連結実質赤字比率に係る赤字・黒字の構成分析!F$37,"▲", "-")), 2) &lt; 0, ABS(ROUND(VALUE(SUBSTITUTE(連結実質赤字比率に係る赤字・黒字の構成分析!F$37,"▲", "-")), 2)), NA())</f>
        <v>#N/A</v>
      </c>
      <c r="C33" s="171">
        <f>IF(ROUND(VALUE(SUBSTITUTE(連結実質赤字比率に係る赤字・黒字の構成分析!F$37,"▲", "-")), 2) &gt;= 0, ABS(ROUND(VALUE(SUBSTITUTE(連結実質赤字比率に係る赤字・黒字の構成分析!F$37,"▲", "-")), 2)), NA())</f>
        <v>4.29</v>
      </c>
      <c r="D33" s="171" t="e">
        <f>IF(ROUND(VALUE(SUBSTITUTE(連結実質赤字比率に係る赤字・黒字の構成分析!G$37,"▲", "-")), 2) &lt; 0, ABS(ROUND(VALUE(SUBSTITUTE(連結実質赤字比率に係る赤字・黒字の構成分析!G$37,"▲", "-")), 2)), NA())</f>
        <v>#N/A</v>
      </c>
      <c r="E33" s="171">
        <f>IF(ROUND(VALUE(SUBSTITUTE(連結実質赤字比率に係る赤字・黒字の構成分析!G$37,"▲", "-")), 2) &gt;= 0, ABS(ROUND(VALUE(SUBSTITUTE(連結実質赤字比率に係る赤字・黒字の構成分析!G$37,"▲", "-")), 2)), NA())</f>
        <v>1.23</v>
      </c>
      <c r="F33" s="171" t="e">
        <f>IF(ROUND(VALUE(SUBSTITUTE(連結実質赤字比率に係る赤字・黒字の構成分析!H$37,"▲", "-")), 2) &lt; 0, ABS(ROUND(VALUE(SUBSTITUTE(連結実質赤字比率に係る赤字・黒字の構成分析!H$37,"▲", "-")), 2)), NA())</f>
        <v>#N/A</v>
      </c>
      <c r="G33" s="171">
        <f>IF(ROUND(VALUE(SUBSTITUTE(連結実質赤字比率に係る赤字・黒字の構成分析!H$37,"▲", "-")), 2) &gt;= 0, ABS(ROUND(VALUE(SUBSTITUTE(連結実質赤字比率に係る赤字・黒字の構成分析!H$37,"▲", "-")), 2)), NA())</f>
        <v>0.72</v>
      </c>
      <c r="H33" s="171" t="e">
        <f>IF(ROUND(VALUE(SUBSTITUTE(連結実質赤字比率に係る赤字・黒字の構成分析!I$37,"▲", "-")), 2) &lt; 0, ABS(ROUND(VALUE(SUBSTITUTE(連結実質赤字比率に係る赤字・黒字の構成分析!I$37,"▲", "-")), 2)), NA())</f>
        <v>#N/A</v>
      </c>
      <c r="I33" s="171">
        <f>IF(ROUND(VALUE(SUBSTITUTE(連結実質赤字比率に係る赤字・黒字の構成分析!I$37,"▲", "-")), 2) &gt;= 0, ABS(ROUND(VALUE(SUBSTITUTE(連結実質赤字比率に係る赤字・黒字の構成分析!I$37,"▲", "-")), 2)), NA())</f>
        <v>1.1100000000000001</v>
      </c>
      <c r="J33" s="171" t="e">
        <f>IF(ROUND(VALUE(SUBSTITUTE(連結実質赤字比率に係る赤字・黒字の構成分析!J$37,"▲", "-")), 2) &lt; 0, ABS(ROUND(VALUE(SUBSTITUTE(連結実質赤字比率に係る赤字・黒字の構成分析!J$37,"▲", "-")), 2)), NA())</f>
        <v>#N/A</v>
      </c>
      <c r="K33" s="171">
        <f>IF(ROUND(VALUE(SUBSTITUTE(連結実質赤字比率に係る赤字・黒字の構成分析!J$37,"▲", "-")), 2) &gt;= 0, ABS(ROUND(VALUE(SUBSTITUTE(連結実質赤字比率に係る赤字・黒字の構成分析!J$37,"▲", "-")), 2)), NA())</f>
        <v>0.88</v>
      </c>
    </row>
    <row r="34" spans="1:16" x14ac:dyDescent="0.2">
      <c r="A34" s="171" t="str">
        <f>IF(連結実質赤字比率に係る赤字・黒字の構成分析!C$36="",NA(),連結実質赤字比率に係る赤字・黒字の構成分析!C$36)</f>
        <v>介護保険事業特別会計</v>
      </c>
      <c r="B34" s="171" t="e">
        <f>IF(ROUND(VALUE(SUBSTITUTE(連結実質赤字比率に係る赤字・黒字の構成分析!F$36,"▲", "-")), 2) &lt; 0, ABS(ROUND(VALUE(SUBSTITUTE(連結実質赤字比率に係る赤字・黒字の構成分析!F$36,"▲", "-")), 2)), NA())</f>
        <v>#N/A</v>
      </c>
      <c r="C34" s="171">
        <f>IF(ROUND(VALUE(SUBSTITUTE(連結実質赤字比率に係る赤字・黒字の構成分析!F$36,"▲", "-")), 2) &gt;= 0, ABS(ROUND(VALUE(SUBSTITUTE(連結実質赤字比率に係る赤字・黒字の構成分析!F$36,"▲", "-")), 2)), NA())</f>
        <v>1.41</v>
      </c>
      <c r="D34" s="171" t="e">
        <f>IF(ROUND(VALUE(SUBSTITUTE(連結実質赤字比率に係る赤字・黒字の構成分析!G$36,"▲", "-")), 2) &lt; 0, ABS(ROUND(VALUE(SUBSTITUTE(連結実質赤字比率に係る赤字・黒字の構成分析!G$36,"▲", "-")), 2)), NA())</f>
        <v>#N/A</v>
      </c>
      <c r="E34" s="171">
        <f>IF(ROUND(VALUE(SUBSTITUTE(連結実質赤字比率に係る赤字・黒字の構成分析!G$36,"▲", "-")), 2) &gt;= 0, ABS(ROUND(VALUE(SUBSTITUTE(連結実質赤字比率に係る赤字・黒字の構成分析!G$36,"▲", "-")), 2)), NA())</f>
        <v>1.68</v>
      </c>
      <c r="F34" s="171" t="e">
        <f>IF(ROUND(VALUE(SUBSTITUTE(連結実質赤字比率に係る赤字・黒字の構成分析!H$36,"▲", "-")), 2) &lt; 0, ABS(ROUND(VALUE(SUBSTITUTE(連結実質赤字比率に係る赤字・黒字の構成分析!H$36,"▲", "-")), 2)), NA())</f>
        <v>#N/A</v>
      </c>
      <c r="G34" s="171">
        <f>IF(ROUND(VALUE(SUBSTITUTE(連結実質赤字比率に係る赤字・黒字の構成分析!H$36,"▲", "-")), 2) &gt;= 0, ABS(ROUND(VALUE(SUBSTITUTE(連結実質赤字比率に係る赤字・黒字の構成分析!H$36,"▲", "-")), 2)), NA())</f>
        <v>0.56000000000000005</v>
      </c>
      <c r="H34" s="171" t="e">
        <f>IF(ROUND(VALUE(SUBSTITUTE(連結実質赤字比率に係る赤字・黒字の構成分析!I$36,"▲", "-")), 2) &lt; 0, ABS(ROUND(VALUE(SUBSTITUTE(連結実質赤字比率に係る赤字・黒字の構成分析!I$36,"▲", "-")), 2)), NA())</f>
        <v>#N/A</v>
      </c>
      <c r="I34" s="171">
        <f>IF(ROUND(VALUE(SUBSTITUTE(連結実質赤字比率に係る赤字・黒字の構成分析!I$36,"▲", "-")), 2) &gt;= 0, ABS(ROUND(VALUE(SUBSTITUTE(連結実質赤字比率に係る赤字・黒字の構成分析!I$36,"▲", "-")), 2)), NA())</f>
        <v>0.74</v>
      </c>
      <c r="J34" s="171" t="e">
        <f>IF(ROUND(VALUE(SUBSTITUTE(連結実質赤字比率に係る赤字・黒字の構成分析!J$36,"▲", "-")), 2) &lt; 0, ABS(ROUND(VALUE(SUBSTITUTE(連結実質赤字比率に係る赤字・黒字の構成分析!J$36,"▲", "-")), 2)), NA())</f>
        <v>#N/A</v>
      </c>
      <c r="K34" s="171">
        <f>IF(ROUND(VALUE(SUBSTITUTE(連結実質赤字比率に係る赤字・黒字の構成分析!J$36,"▲", "-")), 2) &gt;= 0, ABS(ROUND(VALUE(SUBSTITUTE(連結実質赤字比率に係る赤字・黒字の構成分析!J$36,"▲", "-")), 2)), NA())</f>
        <v>1.37</v>
      </c>
    </row>
    <row r="35" spans="1:16" x14ac:dyDescent="0.2">
      <c r="A35" s="171" t="str">
        <f>IF(連結実質赤字比率に係る赤字・黒字の構成分析!C$35="",NA(),連結実質赤字比率に係る赤字・黒字の構成分析!C$35)</f>
        <v>公共下水道事業会計</v>
      </c>
      <c r="B35" s="171" t="e">
        <f>IF(ROUND(VALUE(SUBSTITUTE(連結実質赤字比率に係る赤字・黒字の構成分析!F$35,"▲", "-")), 2) &lt; 0, ABS(ROUND(VALUE(SUBSTITUTE(連結実質赤字比率に係る赤字・黒字の構成分析!F$35,"▲", "-")), 2)), NA())</f>
        <v>#VALUE!</v>
      </c>
      <c r="C35" s="171" t="e">
        <f>IF(ROUND(VALUE(SUBSTITUTE(連結実質赤字比率に係る赤字・黒字の構成分析!F$35,"▲", "-")), 2) &gt;= 0, ABS(ROUND(VALUE(SUBSTITUTE(連結実質赤字比率に係る赤字・黒字の構成分析!F$35,"▲", "-")), 2)), NA())</f>
        <v>#VALUE!</v>
      </c>
      <c r="D35" s="171" t="e">
        <f>IF(ROUND(VALUE(SUBSTITUTE(連結実質赤字比率に係る赤字・黒字の構成分析!G$35,"▲", "-")), 2) &lt; 0, ABS(ROUND(VALUE(SUBSTITUTE(連結実質赤字比率に係る赤字・黒字の構成分析!G$35,"▲", "-")), 2)), NA())</f>
        <v>#VALUE!</v>
      </c>
      <c r="E35" s="171" t="e">
        <f>IF(ROUND(VALUE(SUBSTITUTE(連結実質赤字比率に係る赤字・黒字の構成分析!G$35,"▲", "-")), 2) &gt;= 0, ABS(ROUND(VALUE(SUBSTITUTE(連結実質赤字比率に係る赤字・黒字の構成分析!G$35,"▲", "-")), 2)), NA())</f>
        <v>#VALUE!</v>
      </c>
      <c r="F35" s="171" t="e">
        <f>IF(ROUND(VALUE(SUBSTITUTE(連結実質赤字比率に係る赤字・黒字の構成分析!H$35,"▲", "-")), 2) &lt; 0, ABS(ROUND(VALUE(SUBSTITUTE(連結実質赤字比率に係る赤字・黒字の構成分析!H$35,"▲", "-")), 2)), NA())</f>
        <v>#N/A</v>
      </c>
      <c r="G35" s="171">
        <f>IF(ROUND(VALUE(SUBSTITUTE(連結実質赤字比率に係る赤字・黒字の構成分析!H$35,"▲", "-")), 2) &gt;= 0, ABS(ROUND(VALUE(SUBSTITUTE(連結実質赤字比率に係る赤字・黒字の構成分析!H$35,"▲", "-")), 2)), NA())</f>
        <v>3.64</v>
      </c>
      <c r="H35" s="171" t="e">
        <f>IF(ROUND(VALUE(SUBSTITUTE(連結実質赤字比率に係る赤字・黒字の構成分析!I$35,"▲", "-")), 2) &lt; 0, ABS(ROUND(VALUE(SUBSTITUTE(連結実質赤字比率に係る赤字・黒字の構成分析!I$35,"▲", "-")), 2)), NA())</f>
        <v>#N/A</v>
      </c>
      <c r="I35" s="171">
        <f>IF(ROUND(VALUE(SUBSTITUTE(連結実質赤字比率に係る赤字・黒字の構成分析!I$35,"▲", "-")), 2) &gt;= 0, ABS(ROUND(VALUE(SUBSTITUTE(連結実質赤字比率に係る赤字・黒字の構成分析!I$35,"▲", "-")), 2)), NA())</f>
        <v>2.58</v>
      </c>
      <c r="J35" s="171" t="e">
        <f>IF(ROUND(VALUE(SUBSTITUTE(連結実質赤字比率に係る赤字・黒字の構成分析!J$35,"▲", "-")), 2) &lt; 0, ABS(ROUND(VALUE(SUBSTITUTE(連結実質赤字比率に係る赤字・黒字の構成分析!J$35,"▲", "-")), 2)), NA())</f>
        <v>#N/A</v>
      </c>
      <c r="K35" s="171">
        <f>IF(ROUND(VALUE(SUBSTITUTE(連結実質赤字比率に係る赤字・黒字の構成分析!J$35,"▲", "-")), 2) &gt;= 0, ABS(ROUND(VALUE(SUBSTITUTE(連結実質赤字比率に係る赤字・黒字の構成分析!J$35,"▲", "-")), 2)), NA())</f>
        <v>2.66</v>
      </c>
    </row>
    <row r="36" spans="1:16" x14ac:dyDescent="0.2">
      <c r="A36" s="171" t="str">
        <f>IF(連結実質赤字比率に係る赤字・黒字の構成分析!C$34="",NA(),連結実質赤字比率に係る赤字・黒字の構成分析!C$34)</f>
        <v>一般会計</v>
      </c>
      <c r="B36" s="171" t="e">
        <f>IF(ROUND(VALUE(SUBSTITUTE(連結実質赤字比率に係る赤字・黒字の構成分析!F$34,"▲", "-")), 2) &lt; 0, ABS(ROUND(VALUE(SUBSTITUTE(連結実質赤字比率に係る赤字・黒字の構成分析!F$34,"▲", "-")), 2)), NA())</f>
        <v>#N/A</v>
      </c>
      <c r="C36" s="171">
        <f>IF(ROUND(VALUE(SUBSTITUTE(連結実質赤字比率に係る赤字・黒字の構成分析!F$34,"▲", "-")), 2) &gt;= 0, ABS(ROUND(VALUE(SUBSTITUTE(連結実質赤字比率に係る赤字・黒字の構成分析!F$34,"▲", "-")), 2)), NA())</f>
        <v>4.82</v>
      </c>
      <c r="D36" s="171" t="e">
        <f>IF(ROUND(VALUE(SUBSTITUTE(連結実質赤字比率に係る赤字・黒字の構成分析!G$34,"▲", "-")), 2) &lt; 0, ABS(ROUND(VALUE(SUBSTITUTE(連結実質赤字比率に係る赤字・黒字の構成分析!G$34,"▲", "-")), 2)), NA())</f>
        <v>#N/A</v>
      </c>
      <c r="E36" s="171">
        <f>IF(ROUND(VALUE(SUBSTITUTE(連結実質赤字比率に係る赤字・黒字の構成分析!G$34,"▲", "-")), 2) &gt;= 0, ABS(ROUND(VALUE(SUBSTITUTE(連結実質赤字比率に係る赤字・黒字の構成分析!G$34,"▲", "-")), 2)), NA())</f>
        <v>4.9000000000000004</v>
      </c>
      <c r="F36" s="171" t="e">
        <f>IF(ROUND(VALUE(SUBSTITUTE(連結実質赤字比率に係る赤字・黒字の構成分析!H$34,"▲", "-")), 2) &lt; 0, ABS(ROUND(VALUE(SUBSTITUTE(連結実質赤字比率に係る赤字・黒字の構成分析!H$34,"▲", "-")), 2)), NA())</f>
        <v>#N/A</v>
      </c>
      <c r="G36" s="171">
        <f>IF(ROUND(VALUE(SUBSTITUTE(連結実質赤字比率に係る赤字・黒字の構成分析!H$34,"▲", "-")), 2) &gt;= 0, ABS(ROUND(VALUE(SUBSTITUTE(連結実質赤字比率に係る赤字・黒字の構成分析!H$34,"▲", "-")), 2)), NA())</f>
        <v>3.51</v>
      </c>
      <c r="H36" s="171" t="e">
        <f>IF(ROUND(VALUE(SUBSTITUTE(連結実質赤字比率に係る赤字・黒字の構成分析!I$34,"▲", "-")), 2) &lt; 0, ABS(ROUND(VALUE(SUBSTITUTE(連結実質赤字比率に係る赤字・黒字の構成分析!I$34,"▲", "-")), 2)), NA())</f>
        <v>#N/A</v>
      </c>
      <c r="I36" s="171">
        <f>IF(ROUND(VALUE(SUBSTITUTE(連結実質赤字比率に係る赤字・黒字の構成分析!I$34,"▲", "-")), 2) &gt;= 0, ABS(ROUND(VALUE(SUBSTITUTE(連結実質赤字比率に係る赤字・黒字の構成分析!I$34,"▲", "-")), 2)), NA())</f>
        <v>6</v>
      </c>
      <c r="J36" s="171" t="e">
        <f>IF(ROUND(VALUE(SUBSTITUTE(連結実質赤字比率に係る赤字・黒字の構成分析!J$34,"▲", "-")), 2) &lt; 0, ABS(ROUND(VALUE(SUBSTITUTE(連結実質赤字比率に係る赤字・黒字の構成分析!J$34,"▲", "-")), 2)), NA())</f>
        <v>#N/A</v>
      </c>
      <c r="K36" s="171">
        <f>IF(ROUND(VALUE(SUBSTITUTE(連結実質赤字比率に係る赤字・黒字の構成分析!J$34,"▲", "-")), 2) &gt;= 0, ABS(ROUND(VALUE(SUBSTITUTE(連結実質赤字比率に係る赤字・黒字の構成分析!J$34,"▲", "-")), 2)), NA())</f>
        <v>11.69</v>
      </c>
    </row>
    <row r="39" spans="1:16" x14ac:dyDescent="0.2">
      <c r="A39" s="140" t="s">
        <v>60</v>
      </c>
    </row>
    <row r="40" spans="1:16" x14ac:dyDescent="0.2">
      <c r="A40" s="172"/>
      <c r="B40" s="172" t="str">
        <f>'実質公債費比率（分子）の構造'!K$44</f>
        <v>H29</v>
      </c>
      <c r="C40" s="172"/>
      <c r="D40" s="172"/>
      <c r="E40" s="172" t="str">
        <f>'実質公債費比率（分子）の構造'!L$44</f>
        <v>H30</v>
      </c>
      <c r="F40" s="172"/>
      <c r="G40" s="172"/>
      <c r="H40" s="172" t="str">
        <f>'実質公債費比率（分子）の構造'!M$44</f>
        <v>R01</v>
      </c>
      <c r="I40" s="172"/>
      <c r="J40" s="172"/>
      <c r="K40" s="172" t="str">
        <f>'実質公債費比率（分子）の構造'!N$44</f>
        <v>R02</v>
      </c>
      <c r="L40" s="172"/>
      <c r="M40" s="172"/>
      <c r="N40" s="172" t="str">
        <f>'実質公債費比率（分子）の構造'!O$44</f>
        <v>R03</v>
      </c>
      <c r="O40" s="172"/>
      <c r="P40" s="172"/>
    </row>
    <row r="41" spans="1:16" x14ac:dyDescent="0.2">
      <c r="A41" s="172"/>
      <c r="B41" s="172" t="s">
        <v>61</v>
      </c>
      <c r="C41" s="172"/>
      <c r="D41" s="172" t="s">
        <v>62</v>
      </c>
      <c r="E41" s="172" t="s">
        <v>61</v>
      </c>
      <c r="F41" s="172"/>
      <c r="G41" s="172" t="s">
        <v>62</v>
      </c>
      <c r="H41" s="172" t="s">
        <v>61</v>
      </c>
      <c r="I41" s="172"/>
      <c r="J41" s="172" t="s">
        <v>62</v>
      </c>
      <c r="K41" s="172" t="s">
        <v>61</v>
      </c>
      <c r="L41" s="172"/>
      <c r="M41" s="172" t="s">
        <v>62</v>
      </c>
      <c r="N41" s="172" t="s">
        <v>61</v>
      </c>
      <c r="O41" s="172"/>
      <c r="P41" s="172" t="s">
        <v>62</v>
      </c>
    </row>
    <row r="42" spans="1:16" x14ac:dyDescent="0.2">
      <c r="A42" s="172" t="s">
        <v>63</v>
      </c>
      <c r="B42" s="172"/>
      <c r="C42" s="172"/>
      <c r="D42" s="172">
        <f>'実質公債費比率（分子）の構造'!K$52</f>
        <v>3048</v>
      </c>
      <c r="E42" s="172"/>
      <c r="F42" s="172"/>
      <c r="G42" s="172">
        <f>'実質公債費比率（分子）の構造'!L$52</f>
        <v>3063</v>
      </c>
      <c r="H42" s="172"/>
      <c r="I42" s="172"/>
      <c r="J42" s="172">
        <f>'実質公債費比率（分子）の構造'!M$52</f>
        <v>2784</v>
      </c>
      <c r="K42" s="172"/>
      <c r="L42" s="172"/>
      <c r="M42" s="172">
        <f>'実質公債費比率（分子）の構造'!N$52</f>
        <v>2661</v>
      </c>
      <c r="N42" s="172"/>
      <c r="O42" s="172"/>
      <c r="P42" s="172">
        <f>'実質公債費比率（分子）の構造'!O$52</f>
        <v>2602</v>
      </c>
    </row>
    <row r="43" spans="1:16" x14ac:dyDescent="0.2">
      <c r="A43" s="172" t="s">
        <v>64</v>
      </c>
      <c r="B43" s="172">
        <f>'実質公債費比率（分子）の構造'!K$51</f>
        <v>0</v>
      </c>
      <c r="C43" s="172"/>
      <c r="D43" s="172"/>
      <c r="E43" s="172">
        <f>'実質公債費比率（分子）の構造'!L$51</f>
        <v>0</v>
      </c>
      <c r="F43" s="172"/>
      <c r="G43" s="172"/>
      <c r="H43" s="172">
        <f>'実質公債費比率（分子）の構造'!M$51</f>
        <v>0</v>
      </c>
      <c r="I43" s="172"/>
      <c r="J43" s="172"/>
      <c r="K43" s="172">
        <f>'実質公債費比率（分子）の構造'!N$51</f>
        <v>1</v>
      </c>
      <c r="L43" s="172"/>
      <c r="M43" s="172"/>
      <c r="N43" s="172">
        <f>'実質公債費比率（分子）の構造'!O$51</f>
        <v>1</v>
      </c>
      <c r="O43" s="172"/>
      <c r="P43" s="172"/>
    </row>
    <row r="44" spans="1:16" x14ac:dyDescent="0.2">
      <c r="A44" s="172" t="s">
        <v>65</v>
      </c>
      <c r="B44" s="172">
        <f>'実質公債費比率（分子）の構造'!K$50</f>
        <v>447</v>
      </c>
      <c r="C44" s="172"/>
      <c r="D44" s="172"/>
      <c r="E44" s="172">
        <f>'実質公債費比率（分子）の構造'!L$50</f>
        <v>442</v>
      </c>
      <c r="F44" s="172"/>
      <c r="G44" s="172"/>
      <c r="H44" s="172">
        <f>'実質公債費比率（分子）の構造'!M$50</f>
        <v>438</v>
      </c>
      <c r="I44" s="172"/>
      <c r="J44" s="172"/>
      <c r="K44" s="172">
        <f>'実質公債費比率（分子）の構造'!N$50</f>
        <v>453</v>
      </c>
      <c r="L44" s="172"/>
      <c r="M44" s="172"/>
      <c r="N44" s="172">
        <f>'実質公債費比率（分子）の構造'!O$50</f>
        <v>449</v>
      </c>
      <c r="O44" s="172"/>
      <c r="P44" s="172"/>
    </row>
    <row r="45" spans="1:16" x14ac:dyDescent="0.2">
      <c r="A45" s="172" t="s">
        <v>66</v>
      </c>
      <c r="B45" s="172">
        <f>'実質公債費比率（分子）の構造'!K$49</f>
        <v>192</v>
      </c>
      <c r="C45" s="172"/>
      <c r="D45" s="172"/>
      <c r="E45" s="172">
        <f>'実質公債費比率（分子）の構造'!L$49</f>
        <v>193</v>
      </c>
      <c r="F45" s="172"/>
      <c r="G45" s="172"/>
      <c r="H45" s="172">
        <f>'実質公債費比率（分子）の構造'!M$49</f>
        <v>204</v>
      </c>
      <c r="I45" s="172"/>
      <c r="J45" s="172"/>
      <c r="K45" s="172">
        <f>'実質公債費比率（分子）の構造'!N$49</f>
        <v>246</v>
      </c>
      <c r="L45" s="172"/>
      <c r="M45" s="172"/>
      <c r="N45" s="172">
        <f>'実質公債費比率（分子）の構造'!O$49</f>
        <v>260</v>
      </c>
      <c r="O45" s="172"/>
      <c r="P45" s="172"/>
    </row>
    <row r="46" spans="1:16" x14ac:dyDescent="0.2">
      <c r="A46" s="172" t="s">
        <v>67</v>
      </c>
      <c r="B46" s="172">
        <f>'実質公債費比率（分子）の構造'!K$48</f>
        <v>867</v>
      </c>
      <c r="C46" s="172"/>
      <c r="D46" s="172"/>
      <c r="E46" s="172">
        <f>'実質公債費比率（分子）の構造'!L$48</f>
        <v>805</v>
      </c>
      <c r="F46" s="172"/>
      <c r="G46" s="172"/>
      <c r="H46" s="172">
        <f>'実質公債費比率（分子）の構造'!M$48</f>
        <v>719</v>
      </c>
      <c r="I46" s="172"/>
      <c r="J46" s="172"/>
      <c r="K46" s="172">
        <f>'実質公債費比率（分子）の構造'!N$48</f>
        <v>590</v>
      </c>
      <c r="L46" s="172"/>
      <c r="M46" s="172"/>
      <c r="N46" s="172">
        <f>'実質公債費比率（分子）の構造'!O$48</f>
        <v>500</v>
      </c>
      <c r="O46" s="172"/>
      <c r="P46" s="172"/>
    </row>
    <row r="47" spans="1:16" x14ac:dyDescent="0.2">
      <c r="A47" s="172" t="s">
        <v>68</v>
      </c>
      <c r="B47" s="172" t="str">
        <f>'実質公債費比率（分子）の構造'!K$47</f>
        <v>-</v>
      </c>
      <c r="C47" s="172"/>
      <c r="D47" s="172"/>
      <c r="E47" s="172" t="str">
        <f>'実質公債費比率（分子）の構造'!L$47</f>
        <v>-</v>
      </c>
      <c r="F47" s="172"/>
      <c r="G47" s="172"/>
      <c r="H47" s="172" t="str">
        <f>'実質公債費比率（分子）の構造'!M$47</f>
        <v>-</v>
      </c>
      <c r="I47" s="172"/>
      <c r="J47" s="172"/>
      <c r="K47" s="172" t="str">
        <f>'実質公債費比率（分子）の構造'!N$47</f>
        <v>-</v>
      </c>
      <c r="L47" s="172"/>
      <c r="M47" s="172"/>
      <c r="N47" s="172" t="str">
        <f>'実質公債費比率（分子）の構造'!O$47</f>
        <v>-</v>
      </c>
      <c r="O47" s="172"/>
      <c r="P47" s="172"/>
    </row>
    <row r="48" spans="1:16" x14ac:dyDescent="0.2">
      <c r="A48" s="172" t="s">
        <v>69</v>
      </c>
      <c r="B48" s="172" t="str">
        <f>'実質公債費比率（分子）の構造'!K$46</f>
        <v>-</v>
      </c>
      <c r="C48" s="172"/>
      <c r="D48" s="172"/>
      <c r="E48" s="172" t="str">
        <f>'実質公債費比率（分子）の構造'!L$46</f>
        <v>-</v>
      </c>
      <c r="F48" s="172"/>
      <c r="G48" s="172"/>
      <c r="H48" s="172" t="str">
        <f>'実質公債費比率（分子）の構造'!M$46</f>
        <v>-</v>
      </c>
      <c r="I48" s="172"/>
      <c r="J48" s="172"/>
      <c r="K48" s="172" t="str">
        <f>'実質公債費比率（分子）の構造'!N$46</f>
        <v>-</v>
      </c>
      <c r="L48" s="172"/>
      <c r="M48" s="172"/>
      <c r="N48" s="172" t="str">
        <f>'実質公債費比率（分子）の構造'!O$46</f>
        <v>-</v>
      </c>
      <c r="O48" s="172"/>
      <c r="P48" s="172"/>
    </row>
    <row r="49" spans="1:16" x14ac:dyDescent="0.2">
      <c r="A49" s="172" t="s">
        <v>70</v>
      </c>
      <c r="B49" s="172">
        <f>'実質公債費比率（分子）の構造'!K$45</f>
        <v>2816</v>
      </c>
      <c r="C49" s="172"/>
      <c r="D49" s="172"/>
      <c r="E49" s="172">
        <f>'実質公債費比率（分子）の構造'!L$45</f>
        <v>2798</v>
      </c>
      <c r="F49" s="172"/>
      <c r="G49" s="172"/>
      <c r="H49" s="172">
        <f>'実質公債費比率（分子）の構造'!M$45</f>
        <v>2795</v>
      </c>
      <c r="I49" s="172"/>
      <c r="J49" s="172"/>
      <c r="K49" s="172">
        <f>'実質公債費比率（分子）の構造'!N$45</f>
        <v>2667</v>
      </c>
      <c r="L49" s="172"/>
      <c r="M49" s="172"/>
      <c r="N49" s="172">
        <f>'実質公債費比率（分子）の構造'!O$45</f>
        <v>2799</v>
      </c>
      <c r="O49" s="172"/>
      <c r="P49" s="172"/>
    </row>
    <row r="50" spans="1:16" x14ac:dyDescent="0.2">
      <c r="A50" s="172" t="s">
        <v>71</v>
      </c>
      <c r="B50" s="172" t="e">
        <f>NA()</f>
        <v>#N/A</v>
      </c>
      <c r="C50" s="172">
        <f>IF(ISNUMBER('実質公債費比率（分子）の構造'!K$53),'実質公債費比率（分子）の構造'!K$53,NA())</f>
        <v>1274</v>
      </c>
      <c r="D50" s="172" t="e">
        <f>NA()</f>
        <v>#N/A</v>
      </c>
      <c r="E50" s="172" t="e">
        <f>NA()</f>
        <v>#N/A</v>
      </c>
      <c r="F50" s="172">
        <f>IF(ISNUMBER('実質公債費比率（分子）の構造'!L$53),'実質公債費比率（分子）の構造'!L$53,NA())</f>
        <v>1175</v>
      </c>
      <c r="G50" s="172" t="e">
        <f>NA()</f>
        <v>#N/A</v>
      </c>
      <c r="H50" s="172" t="e">
        <f>NA()</f>
        <v>#N/A</v>
      </c>
      <c r="I50" s="172">
        <f>IF(ISNUMBER('実質公債費比率（分子）の構造'!M$53),'実質公債費比率（分子）の構造'!M$53,NA())</f>
        <v>1372</v>
      </c>
      <c r="J50" s="172" t="e">
        <f>NA()</f>
        <v>#N/A</v>
      </c>
      <c r="K50" s="172" t="e">
        <f>NA()</f>
        <v>#N/A</v>
      </c>
      <c r="L50" s="172">
        <f>IF(ISNUMBER('実質公債費比率（分子）の構造'!N$53),'実質公債費比率（分子）の構造'!N$53,NA())</f>
        <v>1296</v>
      </c>
      <c r="M50" s="172" t="e">
        <f>NA()</f>
        <v>#N/A</v>
      </c>
      <c r="N50" s="172" t="e">
        <f>NA()</f>
        <v>#N/A</v>
      </c>
      <c r="O50" s="172">
        <f>IF(ISNUMBER('実質公債費比率（分子）の構造'!O$53),'実質公債費比率（分子）の構造'!O$53,NA())</f>
        <v>1407</v>
      </c>
      <c r="P50" s="172" t="e">
        <f>NA()</f>
        <v>#N/A</v>
      </c>
    </row>
    <row r="53" spans="1:16" x14ac:dyDescent="0.2">
      <c r="A53" s="140" t="s">
        <v>72</v>
      </c>
    </row>
    <row r="54" spans="1:16" x14ac:dyDescent="0.2">
      <c r="A54" s="171"/>
      <c r="B54" s="171" t="str">
        <f>'将来負担比率（分子）の構造'!I$40</f>
        <v>H29</v>
      </c>
      <c r="C54" s="171"/>
      <c r="D54" s="171"/>
      <c r="E54" s="171" t="str">
        <f>'将来負担比率（分子）の構造'!J$40</f>
        <v>H30</v>
      </c>
      <c r="F54" s="171"/>
      <c r="G54" s="171"/>
      <c r="H54" s="171" t="str">
        <f>'将来負担比率（分子）の構造'!K$40</f>
        <v>R01</v>
      </c>
      <c r="I54" s="171"/>
      <c r="J54" s="171"/>
      <c r="K54" s="171" t="str">
        <f>'将来負担比率（分子）の構造'!L$40</f>
        <v>R02</v>
      </c>
      <c r="L54" s="171"/>
      <c r="M54" s="171"/>
      <c r="N54" s="171" t="str">
        <f>'将来負担比率（分子）の構造'!M$40</f>
        <v>R03</v>
      </c>
      <c r="O54" s="171"/>
      <c r="P54" s="171"/>
    </row>
    <row r="55" spans="1:16" x14ac:dyDescent="0.2">
      <c r="A55" s="171"/>
      <c r="B55" s="171" t="s">
        <v>73</v>
      </c>
      <c r="C55" s="171"/>
      <c r="D55" s="171" t="s">
        <v>74</v>
      </c>
      <c r="E55" s="171" t="s">
        <v>73</v>
      </c>
      <c r="F55" s="171"/>
      <c r="G55" s="171" t="s">
        <v>74</v>
      </c>
      <c r="H55" s="171" t="s">
        <v>73</v>
      </c>
      <c r="I55" s="171"/>
      <c r="J55" s="171" t="s">
        <v>74</v>
      </c>
      <c r="K55" s="171" t="s">
        <v>73</v>
      </c>
      <c r="L55" s="171"/>
      <c r="M55" s="171" t="s">
        <v>74</v>
      </c>
      <c r="N55" s="171" t="s">
        <v>73</v>
      </c>
      <c r="O55" s="171"/>
      <c r="P55" s="171" t="s">
        <v>74</v>
      </c>
    </row>
    <row r="56" spans="1:16" x14ac:dyDescent="0.2">
      <c r="A56" s="171" t="s">
        <v>43</v>
      </c>
      <c r="B56" s="171"/>
      <c r="C56" s="171"/>
      <c r="D56" s="171">
        <f>'将来負担比率（分子）の構造'!I$52</f>
        <v>24369</v>
      </c>
      <c r="E56" s="171"/>
      <c r="F56" s="171"/>
      <c r="G56" s="171">
        <f>'将来負担比率（分子）の構造'!J$52</f>
        <v>23484</v>
      </c>
      <c r="H56" s="171"/>
      <c r="I56" s="171"/>
      <c r="J56" s="171">
        <f>'将来負担比率（分子）の構造'!K$52</f>
        <v>22474</v>
      </c>
      <c r="K56" s="171"/>
      <c r="L56" s="171"/>
      <c r="M56" s="171">
        <f>'将来負担比率（分子）の構造'!L$52</f>
        <v>21620</v>
      </c>
      <c r="N56" s="171"/>
      <c r="O56" s="171"/>
      <c r="P56" s="171">
        <f>'将来負担比率（分子）の構造'!M$52</f>
        <v>21332</v>
      </c>
    </row>
    <row r="57" spans="1:16" x14ac:dyDescent="0.2">
      <c r="A57" s="171" t="s">
        <v>42</v>
      </c>
      <c r="B57" s="171"/>
      <c r="C57" s="171"/>
      <c r="D57" s="171">
        <f>'将来負担比率（分子）の構造'!I$51</f>
        <v>6176</v>
      </c>
      <c r="E57" s="171"/>
      <c r="F57" s="171"/>
      <c r="G57" s="171">
        <f>'将来負担比率（分子）の構造'!J$51</f>
        <v>6208</v>
      </c>
      <c r="H57" s="171"/>
      <c r="I57" s="171"/>
      <c r="J57" s="171">
        <f>'将来負担比率（分子）の構造'!K$51</f>
        <v>6695</v>
      </c>
      <c r="K57" s="171"/>
      <c r="L57" s="171"/>
      <c r="M57" s="171">
        <f>'将来負担比率（分子）の構造'!L$51</f>
        <v>6818</v>
      </c>
      <c r="N57" s="171"/>
      <c r="O57" s="171"/>
      <c r="P57" s="171">
        <f>'将来負担比率（分子）の構造'!M$51</f>
        <v>6756</v>
      </c>
    </row>
    <row r="58" spans="1:16" x14ac:dyDescent="0.2">
      <c r="A58" s="171" t="s">
        <v>41</v>
      </c>
      <c r="B58" s="171"/>
      <c r="C58" s="171"/>
      <c r="D58" s="171">
        <f>'将来負担比率（分子）の構造'!I$50</f>
        <v>3302</v>
      </c>
      <c r="E58" s="171"/>
      <c r="F58" s="171"/>
      <c r="G58" s="171">
        <f>'将来負担比率（分子）の構造'!J$50</f>
        <v>3953</v>
      </c>
      <c r="H58" s="171"/>
      <c r="I58" s="171"/>
      <c r="J58" s="171">
        <f>'将来負担比率（分子）の構造'!K$50</f>
        <v>3638</v>
      </c>
      <c r="K58" s="171"/>
      <c r="L58" s="171"/>
      <c r="M58" s="171">
        <f>'将来負担比率（分子）の構造'!L$50</f>
        <v>2994</v>
      </c>
      <c r="N58" s="171"/>
      <c r="O58" s="171"/>
      <c r="P58" s="171">
        <f>'将来負担比率（分子）の構造'!M$50</f>
        <v>3515</v>
      </c>
    </row>
    <row r="59" spans="1:16" x14ac:dyDescent="0.2">
      <c r="A59" s="171" t="s">
        <v>39</v>
      </c>
      <c r="B59" s="171" t="str">
        <f>'将来負担比率（分子）の構造'!I$49</f>
        <v>-</v>
      </c>
      <c r="C59" s="171"/>
      <c r="D59" s="171"/>
      <c r="E59" s="171" t="str">
        <f>'将来負担比率（分子）の構造'!J$49</f>
        <v>-</v>
      </c>
      <c r="F59" s="171"/>
      <c r="G59" s="171"/>
      <c r="H59" s="171" t="str">
        <f>'将来負担比率（分子）の構造'!K$49</f>
        <v>-</v>
      </c>
      <c r="I59" s="171"/>
      <c r="J59" s="171"/>
      <c r="K59" s="171" t="str">
        <f>'将来負担比率（分子）の構造'!L$49</f>
        <v>-</v>
      </c>
      <c r="L59" s="171"/>
      <c r="M59" s="171"/>
      <c r="N59" s="171" t="str">
        <f>'将来負担比率（分子）の構造'!M$49</f>
        <v>-</v>
      </c>
      <c r="O59" s="171"/>
      <c r="P59" s="171"/>
    </row>
    <row r="60" spans="1:16" x14ac:dyDescent="0.2">
      <c r="A60" s="171" t="s">
        <v>38</v>
      </c>
      <c r="B60" s="171" t="str">
        <f>'将来負担比率（分子）の構造'!I$48</f>
        <v>-</v>
      </c>
      <c r="C60" s="171"/>
      <c r="D60" s="171"/>
      <c r="E60" s="171" t="str">
        <f>'将来負担比率（分子）の構造'!J$48</f>
        <v>-</v>
      </c>
      <c r="F60" s="171"/>
      <c r="G60" s="171"/>
      <c r="H60" s="171" t="str">
        <f>'将来負担比率（分子）の構造'!K$48</f>
        <v>-</v>
      </c>
      <c r="I60" s="171"/>
      <c r="J60" s="171"/>
      <c r="K60" s="171" t="str">
        <f>'将来負担比率（分子）の構造'!L$48</f>
        <v>-</v>
      </c>
      <c r="L60" s="171"/>
      <c r="M60" s="171"/>
      <c r="N60" s="171" t="str">
        <f>'将来負担比率（分子）の構造'!M$48</f>
        <v>-</v>
      </c>
      <c r="O60" s="171"/>
      <c r="P60" s="171"/>
    </row>
    <row r="61" spans="1:16" x14ac:dyDescent="0.2">
      <c r="A61" s="171" t="s">
        <v>36</v>
      </c>
      <c r="B61" s="171">
        <f>'将来負担比率（分子）の構造'!I$46</f>
        <v>245</v>
      </c>
      <c r="C61" s="171"/>
      <c r="D61" s="171"/>
      <c r="E61" s="171">
        <f>'将来負担比率（分子）の構造'!J$46</f>
        <v>216</v>
      </c>
      <c r="F61" s="171"/>
      <c r="G61" s="171"/>
      <c r="H61" s="171">
        <f>'将来負担比率（分子）の構造'!K$46</f>
        <v>187</v>
      </c>
      <c r="I61" s="171"/>
      <c r="J61" s="171"/>
      <c r="K61" s="171">
        <f>'将来負担比率（分子）の構造'!L$46</f>
        <v>157</v>
      </c>
      <c r="L61" s="171"/>
      <c r="M61" s="171"/>
      <c r="N61" s="171">
        <f>'将来負担比率（分子）の構造'!M$46</f>
        <v>128</v>
      </c>
      <c r="O61" s="171"/>
      <c r="P61" s="171"/>
    </row>
    <row r="62" spans="1:16" x14ac:dyDescent="0.2">
      <c r="A62" s="171" t="s">
        <v>35</v>
      </c>
      <c r="B62" s="171">
        <f>'将来負担比率（分子）の構造'!I$45</f>
        <v>3392</v>
      </c>
      <c r="C62" s="171"/>
      <c r="D62" s="171"/>
      <c r="E62" s="171">
        <f>'将来負担比率（分子）の構造'!J$45</f>
        <v>2688</v>
      </c>
      <c r="F62" s="171"/>
      <c r="G62" s="171"/>
      <c r="H62" s="171">
        <f>'将来負担比率（分子）の構造'!K$45</f>
        <v>2915</v>
      </c>
      <c r="I62" s="171"/>
      <c r="J62" s="171"/>
      <c r="K62" s="171">
        <f>'将来負担比率（分子）の構造'!L$45</f>
        <v>3039</v>
      </c>
      <c r="L62" s="171"/>
      <c r="M62" s="171"/>
      <c r="N62" s="171">
        <f>'将来負担比率（分子）の構造'!M$45</f>
        <v>3412</v>
      </c>
      <c r="O62" s="171"/>
      <c r="P62" s="171"/>
    </row>
    <row r="63" spans="1:16" x14ac:dyDescent="0.2">
      <c r="A63" s="171" t="s">
        <v>34</v>
      </c>
      <c r="B63" s="171">
        <f>'将来負担比率（分子）の構造'!I$44</f>
        <v>2364</v>
      </c>
      <c r="C63" s="171"/>
      <c r="D63" s="171"/>
      <c r="E63" s="171">
        <f>'将来負担比率（分子）の構造'!J$44</f>
        <v>2298</v>
      </c>
      <c r="F63" s="171"/>
      <c r="G63" s="171"/>
      <c r="H63" s="171">
        <f>'将来負担比率（分子）の構造'!K$44</f>
        <v>2113</v>
      </c>
      <c r="I63" s="171"/>
      <c r="J63" s="171"/>
      <c r="K63" s="171">
        <f>'将来負担比率（分子）の構造'!L$44</f>
        <v>1901</v>
      </c>
      <c r="L63" s="171"/>
      <c r="M63" s="171"/>
      <c r="N63" s="171">
        <f>'将来負担比率（分子）の構造'!M$44</f>
        <v>1661</v>
      </c>
      <c r="O63" s="171"/>
      <c r="P63" s="171"/>
    </row>
    <row r="64" spans="1:16" x14ac:dyDescent="0.2">
      <c r="A64" s="171" t="s">
        <v>33</v>
      </c>
      <c r="B64" s="171">
        <f>'将来負担比率（分子）の構造'!I$43</f>
        <v>11381</v>
      </c>
      <c r="C64" s="171"/>
      <c r="D64" s="171"/>
      <c r="E64" s="171">
        <f>'将来負担比率（分子）の構造'!J$43</f>
        <v>11200</v>
      </c>
      <c r="F64" s="171"/>
      <c r="G64" s="171"/>
      <c r="H64" s="171">
        <f>'将来負担比率（分子）の構造'!K$43</f>
        <v>10765</v>
      </c>
      <c r="I64" s="171"/>
      <c r="J64" s="171"/>
      <c r="K64" s="171">
        <f>'将来負担比率（分子）の構造'!L$43</f>
        <v>9669</v>
      </c>
      <c r="L64" s="171"/>
      <c r="M64" s="171"/>
      <c r="N64" s="171">
        <f>'将来負担比率（分子）の構造'!M$43</f>
        <v>8325</v>
      </c>
      <c r="O64" s="171"/>
      <c r="P64" s="171"/>
    </row>
    <row r="65" spans="1:16" x14ac:dyDescent="0.2">
      <c r="A65" s="171" t="s">
        <v>32</v>
      </c>
      <c r="B65" s="171">
        <f>'将来負担比率（分子）の構造'!I$42</f>
        <v>5345</v>
      </c>
      <c r="C65" s="171"/>
      <c r="D65" s="171"/>
      <c r="E65" s="171">
        <f>'将来負担比率（分子）の構造'!J$42</f>
        <v>4925</v>
      </c>
      <c r="F65" s="171"/>
      <c r="G65" s="171"/>
      <c r="H65" s="171">
        <f>'将来負担比率（分子）の構造'!K$42</f>
        <v>4505</v>
      </c>
      <c r="I65" s="171"/>
      <c r="J65" s="171"/>
      <c r="K65" s="171">
        <f>'将来負担比率（分子）の構造'!L$42</f>
        <v>4085</v>
      </c>
      <c r="L65" s="171"/>
      <c r="M65" s="171"/>
      <c r="N65" s="171">
        <f>'将来負担比率（分子）の構造'!M$42</f>
        <v>3664</v>
      </c>
      <c r="O65" s="171"/>
      <c r="P65" s="171"/>
    </row>
    <row r="66" spans="1:16" x14ac:dyDescent="0.2">
      <c r="A66" s="171" t="s">
        <v>31</v>
      </c>
      <c r="B66" s="171">
        <f>'将来負担比率（分子）の構造'!I$41</f>
        <v>25012</v>
      </c>
      <c r="C66" s="171"/>
      <c r="D66" s="171"/>
      <c r="E66" s="171">
        <f>'将来負担比率（分子）の構造'!J$41</f>
        <v>23483</v>
      </c>
      <c r="F66" s="171"/>
      <c r="G66" s="171"/>
      <c r="H66" s="171">
        <f>'将来負担比率（分子）の構造'!K$41</f>
        <v>23551</v>
      </c>
      <c r="I66" s="171"/>
      <c r="J66" s="171"/>
      <c r="K66" s="171">
        <f>'将来負担比率（分子）の構造'!L$41</f>
        <v>23073</v>
      </c>
      <c r="L66" s="171"/>
      <c r="M66" s="171"/>
      <c r="N66" s="171">
        <f>'将来負担比率（分子）の構造'!M$41</f>
        <v>22403</v>
      </c>
      <c r="O66" s="171"/>
      <c r="P66" s="171"/>
    </row>
    <row r="67" spans="1:16" x14ac:dyDescent="0.2">
      <c r="A67" s="171" t="s">
        <v>75</v>
      </c>
      <c r="B67" s="171" t="e">
        <f>NA()</f>
        <v>#N/A</v>
      </c>
      <c r="C67" s="171">
        <f>IF(ISNUMBER('将来負担比率（分子）の構造'!I$53), IF('将来負担比率（分子）の構造'!I$53 &lt; 0, 0, '将来負担比率（分子）の構造'!I$53), NA())</f>
        <v>13891</v>
      </c>
      <c r="D67" s="171" t="e">
        <f>NA()</f>
        <v>#N/A</v>
      </c>
      <c r="E67" s="171" t="e">
        <f>NA()</f>
        <v>#N/A</v>
      </c>
      <c r="F67" s="171">
        <f>IF(ISNUMBER('将来負担比率（分子）の構造'!J$53), IF('将来負担比率（分子）の構造'!J$53 &lt; 0, 0, '将来負担比率（分子）の構造'!J$53), NA())</f>
        <v>11164</v>
      </c>
      <c r="G67" s="171" t="e">
        <f>NA()</f>
        <v>#N/A</v>
      </c>
      <c r="H67" s="171" t="e">
        <f>NA()</f>
        <v>#N/A</v>
      </c>
      <c r="I67" s="171">
        <f>IF(ISNUMBER('将来負担比率（分子）の構造'!K$53), IF('将来負担比率（分子）の構造'!K$53 &lt; 0, 0, '将来負担比率（分子）の構造'!K$53), NA())</f>
        <v>11230</v>
      </c>
      <c r="J67" s="171" t="e">
        <f>NA()</f>
        <v>#N/A</v>
      </c>
      <c r="K67" s="171" t="e">
        <f>NA()</f>
        <v>#N/A</v>
      </c>
      <c r="L67" s="171">
        <f>IF(ISNUMBER('将来負担比率（分子）の構造'!L$53), IF('将来負担比率（分子）の構造'!L$53 &lt; 0, 0, '将来負担比率（分子）の構造'!L$53), NA())</f>
        <v>10492</v>
      </c>
      <c r="M67" s="171" t="e">
        <f>NA()</f>
        <v>#N/A</v>
      </c>
      <c r="N67" s="171" t="e">
        <f>NA()</f>
        <v>#N/A</v>
      </c>
      <c r="O67" s="171">
        <f>IF(ISNUMBER('将来負担比率（分子）の構造'!M$53), IF('将来負担比率（分子）の構造'!M$53 &lt; 0, 0, '将来負担比率（分子）の構造'!M$53), NA())</f>
        <v>7991</v>
      </c>
      <c r="P67" s="171" t="e">
        <f>NA()</f>
        <v>#N/A</v>
      </c>
    </row>
    <row r="70" spans="1:16" x14ac:dyDescent="0.2">
      <c r="A70" s="173" t="s">
        <v>76</v>
      </c>
      <c r="B70" s="173"/>
      <c r="C70" s="173"/>
      <c r="D70" s="173"/>
      <c r="E70" s="173"/>
      <c r="F70" s="173"/>
    </row>
    <row r="71" spans="1:16" x14ac:dyDescent="0.2">
      <c r="A71" s="174"/>
      <c r="B71" s="174" t="str">
        <f>基金残高に係る経年分析!F54</f>
        <v>R01</v>
      </c>
      <c r="C71" s="174" t="str">
        <f>基金残高に係る経年分析!G54</f>
        <v>R02</v>
      </c>
      <c r="D71" s="174" t="str">
        <f>基金残高に係る経年分析!H54</f>
        <v>R03</v>
      </c>
    </row>
    <row r="72" spans="1:16" x14ac:dyDescent="0.2">
      <c r="A72" s="174" t="s">
        <v>77</v>
      </c>
      <c r="B72" s="175">
        <f>基金残高に係る経年分析!F55</f>
        <v>1536</v>
      </c>
      <c r="C72" s="175">
        <f>基金残高に係る経年分析!G55</f>
        <v>1142</v>
      </c>
      <c r="D72" s="175">
        <f>基金残高に係る経年分析!H55</f>
        <v>1726</v>
      </c>
    </row>
    <row r="73" spans="1:16" x14ac:dyDescent="0.2">
      <c r="A73" s="174" t="s">
        <v>78</v>
      </c>
      <c r="B73" s="175" t="str">
        <f>基金残高に係る経年分析!F56</f>
        <v>-</v>
      </c>
      <c r="C73" s="175" t="str">
        <f>基金残高に係る経年分析!G56</f>
        <v>-</v>
      </c>
      <c r="D73" s="175" t="str">
        <f>基金残高に係る経年分析!H56</f>
        <v>-</v>
      </c>
    </row>
    <row r="74" spans="1:16" x14ac:dyDescent="0.2">
      <c r="A74" s="174" t="s">
        <v>79</v>
      </c>
      <c r="B74" s="175">
        <f>基金残高に係る経年分析!F57</f>
        <v>682</v>
      </c>
      <c r="C74" s="175">
        <f>基金残高に係る経年分析!G57</f>
        <v>616</v>
      </c>
      <c r="D74" s="175">
        <f>基金残高に係る経年分析!H57</f>
        <v>636</v>
      </c>
    </row>
  </sheetData>
  <sheetProtection algorithmName="SHA-512" hashValue="II42maeSLkaphr0zmCtwPRz3GacU3kv7ozd3oEhBIr03y4yna/EByvFdxf3UVgv6XevI9TCZN1tAVFsnIqpBDQ==" saltValue="BVHpMViQdCL4NDEWXSikwA==" spinCount="100000" sheet="1" objects="1" scenarios="1"/>
  <phoneticPr fontId="2"/>
  <pageMargins left="0.78700000000000003" right="0.78700000000000003" top="0.98399999999999999" bottom="0.98399999999999999" header="0.51200000000000001" footer="0.51200000000000001"/>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50"/>
  <sheetViews>
    <sheetView showGridLines="0" zoomScaleNormal="100" workbookViewId="0"/>
  </sheetViews>
  <sheetFormatPr defaultColWidth="0" defaultRowHeight="11.25" customHeight="1" zeroHeight="1" x14ac:dyDescent="0.2"/>
  <cols>
    <col min="1" max="1" width="1.6640625" style="211" customWidth="1"/>
    <col min="2" max="2" width="2.33203125" style="211" customWidth="1"/>
    <col min="3" max="16" width="2.6640625" style="211" customWidth="1"/>
    <col min="17" max="17" width="2.33203125" style="211" customWidth="1"/>
    <col min="18" max="95" width="1.6640625" style="211" customWidth="1"/>
    <col min="96" max="133" width="1.6640625" style="221" customWidth="1"/>
    <col min="134" max="143" width="1.6640625" style="211" customWidth="1"/>
    <col min="144" max="16384" width="0" style="211" hidden="1"/>
  </cols>
  <sheetData>
    <row r="1" spans="2:143" ht="22.5" customHeight="1" thickBot="1" x14ac:dyDescent="0.25">
      <c r="B1" s="208"/>
      <c r="C1" s="209"/>
      <c r="D1" s="209"/>
      <c r="E1" s="209"/>
      <c r="F1" s="209"/>
      <c r="G1" s="209"/>
      <c r="H1" s="209"/>
      <c r="I1" s="209"/>
      <c r="J1" s="209"/>
      <c r="K1" s="209"/>
      <c r="L1" s="209"/>
      <c r="M1" s="209"/>
      <c r="N1" s="209"/>
      <c r="O1" s="209"/>
      <c r="P1" s="209"/>
      <c r="Q1" s="209"/>
      <c r="R1" s="209"/>
      <c r="S1" s="209"/>
      <c r="T1" s="209"/>
      <c r="U1" s="209"/>
      <c r="V1" s="209"/>
      <c r="W1" s="209"/>
      <c r="X1" s="209"/>
      <c r="Y1" s="209"/>
      <c r="Z1" s="209"/>
      <c r="AA1" s="209"/>
      <c r="AB1" s="209"/>
      <c r="AC1" s="209"/>
      <c r="AD1" s="209"/>
      <c r="AE1" s="209"/>
      <c r="AF1" s="209"/>
      <c r="AG1" s="209"/>
      <c r="AH1" s="209"/>
      <c r="AI1" s="209"/>
      <c r="AJ1" s="209"/>
      <c r="AK1" s="209"/>
      <c r="AL1" s="209"/>
      <c r="AM1" s="209"/>
      <c r="AN1" s="209"/>
      <c r="AO1" s="209"/>
      <c r="AP1" s="209"/>
      <c r="AQ1" s="209"/>
      <c r="AR1" s="209"/>
      <c r="AS1" s="209"/>
      <c r="AT1" s="209"/>
      <c r="AU1" s="209"/>
      <c r="AV1" s="209"/>
      <c r="AW1" s="209"/>
      <c r="AX1" s="209"/>
      <c r="AY1" s="209"/>
      <c r="AZ1" s="209"/>
      <c r="BA1" s="209"/>
      <c r="BB1" s="209"/>
      <c r="BC1" s="209"/>
      <c r="BD1" s="209"/>
      <c r="BE1" s="209"/>
      <c r="BF1" s="209"/>
      <c r="BG1" s="209"/>
      <c r="BH1" s="209"/>
      <c r="BI1" s="209"/>
      <c r="BJ1" s="209"/>
      <c r="BK1" s="209"/>
      <c r="BL1" s="209"/>
      <c r="BM1" s="209"/>
      <c r="BN1" s="209"/>
      <c r="BO1" s="209"/>
      <c r="BP1" s="209"/>
      <c r="BQ1" s="209"/>
      <c r="BR1" s="209"/>
      <c r="BS1" s="209"/>
      <c r="BT1" s="209"/>
      <c r="BU1" s="209"/>
      <c r="BV1" s="209"/>
      <c r="BW1" s="209"/>
      <c r="BX1" s="209"/>
      <c r="BY1" s="209"/>
      <c r="BZ1" s="209"/>
      <c r="CA1" s="209"/>
      <c r="CB1" s="209"/>
      <c r="CC1" s="209"/>
      <c r="CD1" s="210"/>
      <c r="CE1" s="210"/>
      <c r="CF1" s="210"/>
      <c r="CG1" s="210"/>
      <c r="CH1" s="210"/>
      <c r="CI1" s="210"/>
      <c r="CJ1" s="210"/>
      <c r="CK1" s="210"/>
      <c r="CL1" s="210"/>
      <c r="CM1" s="210"/>
      <c r="CN1" s="210"/>
      <c r="CO1" s="210"/>
      <c r="CP1" s="210"/>
      <c r="CQ1" s="210"/>
      <c r="CR1" s="210"/>
      <c r="CS1" s="210"/>
      <c r="CT1" s="210"/>
      <c r="CU1" s="210"/>
      <c r="CV1" s="210"/>
      <c r="CW1" s="210"/>
      <c r="CX1" s="210"/>
      <c r="CY1" s="210"/>
      <c r="CZ1" s="210"/>
      <c r="DA1" s="210"/>
      <c r="DB1" s="210"/>
      <c r="DC1" s="210"/>
      <c r="DD1" s="210"/>
      <c r="DE1" s="210"/>
      <c r="DF1" s="210"/>
      <c r="DG1" s="210"/>
      <c r="DH1" s="781" t="s">
        <v>210</v>
      </c>
      <c r="DI1" s="782"/>
      <c r="DJ1" s="782"/>
      <c r="DK1" s="782"/>
      <c r="DL1" s="782"/>
      <c r="DM1" s="782"/>
      <c r="DN1" s="783"/>
      <c r="DO1" s="211"/>
      <c r="DP1" s="781" t="s">
        <v>211</v>
      </c>
      <c r="DQ1" s="782"/>
      <c r="DR1" s="782"/>
      <c r="DS1" s="782"/>
      <c r="DT1" s="782"/>
      <c r="DU1" s="782"/>
      <c r="DV1" s="782"/>
      <c r="DW1" s="782"/>
      <c r="DX1" s="782"/>
      <c r="DY1" s="782"/>
      <c r="DZ1" s="782"/>
      <c r="EA1" s="782"/>
      <c r="EB1" s="782"/>
      <c r="EC1" s="783"/>
      <c r="ED1" s="209"/>
      <c r="EE1" s="209"/>
      <c r="EF1" s="209"/>
      <c r="EG1" s="209"/>
      <c r="EH1" s="209"/>
      <c r="EI1" s="209"/>
      <c r="EJ1" s="209"/>
      <c r="EK1" s="209"/>
      <c r="EL1" s="209"/>
      <c r="EM1" s="209"/>
    </row>
    <row r="2" spans="2:143" ht="22.5" customHeight="1" x14ac:dyDescent="0.2">
      <c r="B2" s="212" t="s">
        <v>212</v>
      </c>
      <c r="R2" s="213"/>
      <c r="S2" s="213"/>
      <c r="T2" s="213"/>
      <c r="U2" s="213"/>
      <c r="V2" s="213"/>
      <c r="W2" s="213"/>
      <c r="X2" s="213"/>
      <c r="Y2" s="213"/>
      <c r="Z2" s="213"/>
      <c r="AA2" s="213"/>
      <c r="AB2" s="213"/>
      <c r="AC2" s="213"/>
      <c r="AE2" s="214"/>
      <c r="AF2" s="214"/>
      <c r="AG2" s="214"/>
      <c r="AH2" s="214"/>
      <c r="AI2" s="214"/>
      <c r="AJ2" s="213"/>
      <c r="AK2" s="213"/>
      <c r="AL2" s="213"/>
      <c r="AM2" s="213"/>
      <c r="AN2" s="213"/>
      <c r="AO2" s="213"/>
      <c r="AP2" s="213"/>
      <c r="CD2" s="210"/>
      <c r="CE2" s="210"/>
      <c r="CF2" s="210"/>
      <c r="CG2" s="210"/>
      <c r="CH2" s="210"/>
      <c r="CI2" s="210"/>
      <c r="CJ2" s="210"/>
      <c r="CK2" s="210"/>
      <c r="CL2" s="210"/>
      <c r="CM2" s="210"/>
      <c r="CN2" s="210"/>
      <c r="CO2" s="210"/>
      <c r="CP2" s="210"/>
      <c r="CQ2" s="210"/>
      <c r="CR2" s="210"/>
      <c r="CS2" s="210"/>
      <c r="CT2" s="210"/>
      <c r="CU2" s="210"/>
      <c r="CV2" s="210"/>
      <c r="CW2" s="210"/>
      <c r="CX2" s="210"/>
      <c r="CY2" s="210"/>
      <c r="CZ2" s="210"/>
      <c r="DA2" s="210"/>
      <c r="DB2" s="210"/>
      <c r="DC2" s="210"/>
      <c r="DD2" s="210"/>
      <c r="DE2" s="210"/>
      <c r="DF2" s="210"/>
      <c r="DG2" s="210"/>
      <c r="DH2" s="210"/>
      <c r="DI2" s="210"/>
      <c r="DJ2" s="210"/>
      <c r="DK2" s="210"/>
      <c r="DL2" s="210"/>
      <c r="DM2" s="210"/>
      <c r="DN2" s="210"/>
      <c r="DO2" s="210"/>
      <c r="DP2" s="210"/>
      <c r="DQ2" s="210"/>
      <c r="DR2" s="210"/>
      <c r="DS2" s="210"/>
      <c r="DT2" s="210"/>
      <c r="DU2" s="210"/>
      <c r="DV2" s="210"/>
      <c r="DW2" s="210"/>
      <c r="DX2" s="210"/>
      <c r="DY2" s="210"/>
      <c r="DZ2" s="210"/>
      <c r="EA2" s="210"/>
      <c r="EB2" s="210"/>
      <c r="EC2" s="210"/>
    </row>
    <row r="3" spans="2:143" ht="11.25" customHeight="1" x14ac:dyDescent="0.2">
      <c r="B3" s="723" t="s">
        <v>213</v>
      </c>
      <c r="C3" s="724"/>
      <c r="D3" s="724"/>
      <c r="E3" s="724"/>
      <c r="F3" s="724"/>
      <c r="G3" s="724"/>
      <c r="H3" s="724"/>
      <c r="I3" s="724"/>
      <c r="J3" s="724"/>
      <c r="K3" s="724"/>
      <c r="L3" s="724"/>
      <c r="M3" s="724"/>
      <c r="N3" s="724"/>
      <c r="O3" s="724"/>
      <c r="P3" s="724"/>
      <c r="Q3" s="724"/>
      <c r="R3" s="724"/>
      <c r="S3" s="724"/>
      <c r="T3" s="724"/>
      <c r="U3" s="724"/>
      <c r="V3" s="724"/>
      <c r="W3" s="724"/>
      <c r="X3" s="724"/>
      <c r="Y3" s="724"/>
      <c r="Z3" s="724"/>
      <c r="AA3" s="724"/>
      <c r="AB3" s="724"/>
      <c r="AC3" s="724"/>
      <c r="AD3" s="724"/>
      <c r="AE3" s="724"/>
      <c r="AF3" s="724"/>
      <c r="AG3" s="724"/>
      <c r="AH3" s="724"/>
      <c r="AI3" s="724"/>
      <c r="AJ3" s="724"/>
      <c r="AK3" s="724"/>
      <c r="AL3" s="724"/>
      <c r="AM3" s="724"/>
      <c r="AN3" s="724"/>
      <c r="AO3" s="724"/>
      <c r="AP3" s="723" t="s">
        <v>214</v>
      </c>
      <c r="AQ3" s="724"/>
      <c r="AR3" s="724"/>
      <c r="AS3" s="724"/>
      <c r="AT3" s="724"/>
      <c r="AU3" s="724"/>
      <c r="AV3" s="724"/>
      <c r="AW3" s="724"/>
      <c r="AX3" s="724"/>
      <c r="AY3" s="724"/>
      <c r="AZ3" s="724"/>
      <c r="BA3" s="724"/>
      <c r="BB3" s="724"/>
      <c r="BC3" s="724"/>
      <c r="BD3" s="724"/>
      <c r="BE3" s="724"/>
      <c r="BF3" s="724"/>
      <c r="BG3" s="724"/>
      <c r="BH3" s="724"/>
      <c r="BI3" s="724"/>
      <c r="BJ3" s="724"/>
      <c r="BK3" s="724"/>
      <c r="BL3" s="724"/>
      <c r="BM3" s="724"/>
      <c r="BN3" s="724"/>
      <c r="BO3" s="724"/>
      <c r="BP3" s="724"/>
      <c r="BQ3" s="724"/>
      <c r="BR3" s="724"/>
      <c r="BS3" s="724"/>
      <c r="BT3" s="724"/>
      <c r="BU3" s="724"/>
      <c r="BV3" s="724"/>
      <c r="BW3" s="724"/>
      <c r="BX3" s="724"/>
      <c r="BY3" s="724"/>
      <c r="BZ3" s="724"/>
      <c r="CA3" s="724"/>
      <c r="CB3" s="725"/>
      <c r="CD3" s="766" t="s">
        <v>215</v>
      </c>
      <c r="CE3" s="767"/>
      <c r="CF3" s="767"/>
      <c r="CG3" s="767"/>
      <c r="CH3" s="767"/>
      <c r="CI3" s="767"/>
      <c r="CJ3" s="767"/>
      <c r="CK3" s="767"/>
      <c r="CL3" s="767"/>
      <c r="CM3" s="767"/>
      <c r="CN3" s="767"/>
      <c r="CO3" s="767"/>
      <c r="CP3" s="767"/>
      <c r="CQ3" s="767"/>
      <c r="CR3" s="767"/>
      <c r="CS3" s="767"/>
      <c r="CT3" s="767"/>
      <c r="CU3" s="767"/>
      <c r="CV3" s="767"/>
      <c r="CW3" s="767"/>
      <c r="CX3" s="767"/>
      <c r="CY3" s="767"/>
      <c r="CZ3" s="767"/>
      <c r="DA3" s="767"/>
      <c r="DB3" s="767"/>
      <c r="DC3" s="767"/>
      <c r="DD3" s="767"/>
      <c r="DE3" s="767"/>
      <c r="DF3" s="767"/>
      <c r="DG3" s="767"/>
      <c r="DH3" s="767"/>
      <c r="DI3" s="767"/>
      <c r="DJ3" s="767"/>
      <c r="DK3" s="767"/>
      <c r="DL3" s="767"/>
      <c r="DM3" s="767"/>
      <c r="DN3" s="767"/>
      <c r="DO3" s="767"/>
      <c r="DP3" s="767"/>
      <c r="DQ3" s="767"/>
      <c r="DR3" s="767"/>
      <c r="DS3" s="767"/>
      <c r="DT3" s="767"/>
      <c r="DU3" s="767"/>
      <c r="DV3" s="767"/>
      <c r="DW3" s="767"/>
      <c r="DX3" s="767"/>
      <c r="DY3" s="767"/>
      <c r="DZ3" s="767"/>
      <c r="EA3" s="767"/>
      <c r="EB3" s="767"/>
      <c r="EC3" s="768"/>
    </row>
    <row r="4" spans="2:143" ht="11.25" customHeight="1" x14ac:dyDescent="0.2">
      <c r="B4" s="723" t="s">
        <v>1</v>
      </c>
      <c r="C4" s="724"/>
      <c r="D4" s="724"/>
      <c r="E4" s="724"/>
      <c r="F4" s="724"/>
      <c r="G4" s="724"/>
      <c r="H4" s="724"/>
      <c r="I4" s="724"/>
      <c r="J4" s="724"/>
      <c r="K4" s="724"/>
      <c r="L4" s="724"/>
      <c r="M4" s="724"/>
      <c r="N4" s="724"/>
      <c r="O4" s="724"/>
      <c r="P4" s="724"/>
      <c r="Q4" s="725"/>
      <c r="R4" s="723" t="s">
        <v>216</v>
      </c>
      <c r="S4" s="724"/>
      <c r="T4" s="724"/>
      <c r="U4" s="724"/>
      <c r="V4" s="724"/>
      <c r="W4" s="724"/>
      <c r="X4" s="724"/>
      <c r="Y4" s="725"/>
      <c r="Z4" s="723" t="s">
        <v>217</v>
      </c>
      <c r="AA4" s="724"/>
      <c r="AB4" s="724"/>
      <c r="AC4" s="725"/>
      <c r="AD4" s="723" t="s">
        <v>218</v>
      </c>
      <c r="AE4" s="724"/>
      <c r="AF4" s="724"/>
      <c r="AG4" s="724"/>
      <c r="AH4" s="724"/>
      <c r="AI4" s="724"/>
      <c r="AJ4" s="724"/>
      <c r="AK4" s="725"/>
      <c r="AL4" s="723" t="s">
        <v>217</v>
      </c>
      <c r="AM4" s="724"/>
      <c r="AN4" s="724"/>
      <c r="AO4" s="725"/>
      <c r="AP4" s="784" t="s">
        <v>219</v>
      </c>
      <c r="AQ4" s="784"/>
      <c r="AR4" s="784"/>
      <c r="AS4" s="784"/>
      <c r="AT4" s="784"/>
      <c r="AU4" s="784"/>
      <c r="AV4" s="784"/>
      <c r="AW4" s="784"/>
      <c r="AX4" s="784"/>
      <c r="AY4" s="784"/>
      <c r="AZ4" s="784"/>
      <c r="BA4" s="784"/>
      <c r="BB4" s="784"/>
      <c r="BC4" s="784"/>
      <c r="BD4" s="784"/>
      <c r="BE4" s="784"/>
      <c r="BF4" s="784"/>
      <c r="BG4" s="784" t="s">
        <v>220</v>
      </c>
      <c r="BH4" s="784"/>
      <c r="BI4" s="784"/>
      <c r="BJ4" s="784"/>
      <c r="BK4" s="784"/>
      <c r="BL4" s="784"/>
      <c r="BM4" s="784"/>
      <c r="BN4" s="784"/>
      <c r="BO4" s="784" t="s">
        <v>217</v>
      </c>
      <c r="BP4" s="784"/>
      <c r="BQ4" s="784"/>
      <c r="BR4" s="784"/>
      <c r="BS4" s="784" t="s">
        <v>221</v>
      </c>
      <c r="BT4" s="784"/>
      <c r="BU4" s="784"/>
      <c r="BV4" s="784"/>
      <c r="BW4" s="784"/>
      <c r="BX4" s="784"/>
      <c r="BY4" s="784"/>
      <c r="BZ4" s="784"/>
      <c r="CA4" s="784"/>
      <c r="CB4" s="784"/>
      <c r="CD4" s="766" t="s">
        <v>222</v>
      </c>
      <c r="CE4" s="767"/>
      <c r="CF4" s="767"/>
      <c r="CG4" s="767"/>
      <c r="CH4" s="767"/>
      <c r="CI4" s="767"/>
      <c r="CJ4" s="767"/>
      <c r="CK4" s="767"/>
      <c r="CL4" s="767"/>
      <c r="CM4" s="767"/>
      <c r="CN4" s="767"/>
      <c r="CO4" s="767"/>
      <c r="CP4" s="767"/>
      <c r="CQ4" s="767"/>
      <c r="CR4" s="767"/>
      <c r="CS4" s="767"/>
      <c r="CT4" s="767"/>
      <c r="CU4" s="767"/>
      <c r="CV4" s="767"/>
      <c r="CW4" s="767"/>
      <c r="CX4" s="767"/>
      <c r="CY4" s="767"/>
      <c r="CZ4" s="767"/>
      <c r="DA4" s="767"/>
      <c r="DB4" s="767"/>
      <c r="DC4" s="767"/>
      <c r="DD4" s="767"/>
      <c r="DE4" s="767"/>
      <c r="DF4" s="767"/>
      <c r="DG4" s="767"/>
      <c r="DH4" s="767"/>
      <c r="DI4" s="767"/>
      <c r="DJ4" s="767"/>
      <c r="DK4" s="767"/>
      <c r="DL4" s="767"/>
      <c r="DM4" s="767"/>
      <c r="DN4" s="767"/>
      <c r="DO4" s="767"/>
      <c r="DP4" s="767"/>
      <c r="DQ4" s="767"/>
      <c r="DR4" s="767"/>
      <c r="DS4" s="767"/>
      <c r="DT4" s="767"/>
      <c r="DU4" s="767"/>
      <c r="DV4" s="767"/>
      <c r="DW4" s="767"/>
      <c r="DX4" s="767"/>
      <c r="DY4" s="767"/>
      <c r="DZ4" s="767"/>
      <c r="EA4" s="767"/>
      <c r="EB4" s="767"/>
      <c r="EC4" s="768"/>
    </row>
    <row r="5" spans="2:143" s="360" customFormat="1" ht="11.25" customHeight="1" x14ac:dyDescent="0.2">
      <c r="B5" s="730" t="s">
        <v>223</v>
      </c>
      <c r="C5" s="731"/>
      <c r="D5" s="731"/>
      <c r="E5" s="731"/>
      <c r="F5" s="731"/>
      <c r="G5" s="731"/>
      <c r="H5" s="731"/>
      <c r="I5" s="731"/>
      <c r="J5" s="731"/>
      <c r="K5" s="731"/>
      <c r="L5" s="731"/>
      <c r="M5" s="731"/>
      <c r="N5" s="731"/>
      <c r="O5" s="731"/>
      <c r="P5" s="731"/>
      <c r="Q5" s="732"/>
      <c r="R5" s="717">
        <v>16556288</v>
      </c>
      <c r="S5" s="718"/>
      <c r="T5" s="718"/>
      <c r="U5" s="718"/>
      <c r="V5" s="718"/>
      <c r="W5" s="718"/>
      <c r="X5" s="718"/>
      <c r="Y5" s="761"/>
      <c r="Z5" s="779">
        <v>42.9</v>
      </c>
      <c r="AA5" s="779"/>
      <c r="AB5" s="779"/>
      <c r="AC5" s="779"/>
      <c r="AD5" s="780">
        <v>15690158</v>
      </c>
      <c r="AE5" s="780"/>
      <c r="AF5" s="780"/>
      <c r="AG5" s="780"/>
      <c r="AH5" s="780"/>
      <c r="AI5" s="780"/>
      <c r="AJ5" s="780"/>
      <c r="AK5" s="780"/>
      <c r="AL5" s="762">
        <v>76.5</v>
      </c>
      <c r="AM5" s="735"/>
      <c r="AN5" s="735"/>
      <c r="AO5" s="763"/>
      <c r="AP5" s="730" t="s">
        <v>224</v>
      </c>
      <c r="AQ5" s="731"/>
      <c r="AR5" s="731"/>
      <c r="AS5" s="731"/>
      <c r="AT5" s="731"/>
      <c r="AU5" s="731"/>
      <c r="AV5" s="731"/>
      <c r="AW5" s="731"/>
      <c r="AX5" s="731"/>
      <c r="AY5" s="731"/>
      <c r="AZ5" s="731"/>
      <c r="BA5" s="731"/>
      <c r="BB5" s="731"/>
      <c r="BC5" s="731"/>
      <c r="BD5" s="731"/>
      <c r="BE5" s="731"/>
      <c r="BF5" s="732"/>
      <c r="BG5" s="664">
        <v>15690158</v>
      </c>
      <c r="BH5" s="665"/>
      <c r="BI5" s="665"/>
      <c r="BJ5" s="665"/>
      <c r="BK5" s="665"/>
      <c r="BL5" s="665"/>
      <c r="BM5" s="665"/>
      <c r="BN5" s="666"/>
      <c r="BO5" s="691">
        <v>94.8</v>
      </c>
      <c r="BP5" s="691"/>
      <c r="BQ5" s="691"/>
      <c r="BR5" s="691"/>
      <c r="BS5" s="692">
        <v>143489</v>
      </c>
      <c r="BT5" s="692"/>
      <c r="BU5" s="692"/>
      <c r="BV5" s="692"/>
      <c r="BW5" s="692"/>
      <c r="BX5" s="692"/>
      <c r="BY5" s="692"/>
      <c r="BZ5" s="692"/>
      <c r="CA5" s="692"/>
      <c r="CB5" s="750"/>
      <c r="CD5" s="766" t="s">
        <v>219</v>
      </c>
      <c r="CE5" s="767"/>
      <c r="CF5" s="767"/>
      <c r="CG5" s="767"/>
      <c r="CH5" s="767"/>
      <c r="CI5" s="767"/>
      <c r="CJ5" s="767"/>
      <c r="CK5" s="767"/>
      <c r="CL5" s="767"/>
      <c r="CM5" s="767"/>
      <c r="CN5" s="767"/>
      <c r="CO5" s="767"/>
      <c r="CP5" s="767"/>
      <c r="CQ5" s="768"/>
      <c r="CR5" s="766" t="s">
        <v>225</v>
      </c>
      <c r="CS5" s="767"/>
      <c r="CT5" s="767"/>
      <c r="CU5" s="767"/>
      <c r="CV5" s="767"/>
      <c r="CW5" s="767"/>
      <c r="CX5" s="767"/>
      <c r="CY5" s="768"/>
      <c r="CZ5" s="766" t="s">
        <v>217</v>
      </c>
      <c r="DA5" s="767"/>
      <c r="DB5" s="767"/>
      <c r="DC5" s="768"/>
      <c r="DD5" s="766" t="s">
        <v>226</v>
      </c>
      <c r="DE5" s="767"/>
      <c r="DF5" s="767"/>
      <c r="DG5" s="767"/>
      <c r="DH5" s="767"/>
      <c r="DI5" s="767"/>
      <c r="DJ5" s="767"/>
      <c r="DK5" s="767"/>
      <c r="DL5" s="767"/>
      <c r="DM5" s="767"/>
      <c r="DN5" s="767"/>
      <c r="DO5" s="767"/>
      <c r="DP5" s="768"/>
      <c r="DQ5" s="766" t="s">
        <v>227</v>
      </c>
      <c r="DR5" s="767"/>
      <c r="DS5" s="767"/>
      <c r="DT5" s="767"/>
      <c r="DU5" s="767"/>
      <c r="DV5" s="767"/>
      <c r="DW5" s="767"/>
      <c r="DX5" s="767"/>
      <c r="DY5" s="767"/>
      <c r="DZ5" s="767"/>
      <c r="EA5" s="767"/>
      <c r="EB5" s="767"/>
      <c r="EC5" s="768"/>
    </row>
    <row r="6" spans="2:143" ht="11.25" customHeight="1" x14ac:dyDescent="0.2">
      <c r="B6" s="661" t="s">
        <v>228</v>
      </c>
      <c r="C6" s="662"/>
      <c r="D6" s="662"/>
      <c r="E6" s="662"/>
      <c r="F6" s="662"/>
      <c r="G6" s="662"/>
      <c r="H6" s="662"/>
      <c r="I6" s="662"/>
      <c r="J6" s="662"/>
      <c r="K6" s="662"/>
      <c r="L6" s="662"/>
      <c r="M6" s="662"/>
      <c r="N6" s="662"/>
      <c r="O6" s="662"/>
      <c r="P6" s="662"/>
      <c r="Q6" s="663"/>
      <c r="R6" s="664">
        <v>225057</v>
      </c>
      <c r="S6" s="665"/>
      <c r="T6" s="665"/>
      <c r="U6" s="665"/>
      <c r="V6" s="665"/>
      <c r="W6" s="665"/>
      <c r="X6" s="665"/>
      <c r="Y6" s="666"/>
      <c r="Z6" s="691">
        <v>0.6</v>
      </c>
      <c r="AA6" s="691"/>
      <c r="AB6" s="691"/>
      <c r="AC6" s="691"/>
      <c r="AD6" s="692">
        <v>225057</v>
      </c>
      <c r="AE6" s="692"/>
      <c r="AF6" s="692"/>
      <c r="AG6" s="692"/>
      <c r="AH6" s="692"/>
      <c r="AI6" s="692"/>
      <c r="AJ6" s="692"/>
      <c r="AK6" s="692"/>
      <c r="AL6" s="667">
        <v>1.1000000000000001</v>
      </c>
      <c r="AM6" s="668"/>
      <c r="AN6" s="668"/>
      <c r="AO6" s="693"/>
      <c r="AP6" s="661" t="s">
        <v>229</v>
      </c>
      <c r="AQ6" s="662"/>
      <c r="AR6" s="662"/>
      <c r="AS6" s="662"/>
      <c r="AT6" s="662"/>
      <c r="AU6" s="662"/>
      <c r="AV6" s="662"/>
      <c r="AW6" s="662"/>
      <c r="AX6" s="662"/>
      <c r="AY6" s="662"/>
      <c r="AZ6" s="662"/>
      <c r="BA6" s="662"/>
      <c r="BB6" s="662"/>
      <c r="BC6" s="662"/>
      <c r="BD6" s="662"/>
      <c r="BE6" s="662"/>
      <c r="BF6" s="663"/>
      <c r="BG6" s="664">
        <v>15690158</v>
      </c>
      <c r="BH6" s="665"/>
      <c r="BI6" s="665"/>
      <c r="BJ6" s="665"/>
      <c r="BK6" s="665"/>
      <c r="BL6" s="665"/>
      <c r="BM6" s="665"/>
      <c r="BN6" s="666"/>
      <c r="BO6" s="691">
        <v>94.8</v>
      </c>
      <c r="BP6" s="691"/>
      <c r="BQ6" s="691"/>
      <c r="BR6" s="691"/>
      <c r="BS6" s="692">
        <v>143489</v>
      </c>
      <c r="BT6" s="692"/>
      <c r="BU6" s="692"/>
      <c r="BV6" s="692"/>
      <c r="BW6" s="692"/>
      <c r="BX6" s="692"/>
      <c r="BY6" s="692"/>
      <c r="BZ6" s="692"/>
      <c r="CA6" s="692"/>
      <c r="CB6" s="750"/>
      <c r="CD6" s="720" t="s">
        <v>230</v>
      </c>
      <c r="CE6" s="721"/>
      <c r="CF6" s="721"/>
      <c r="CG6" s="721"/>
      <c r="CH6" s="721"/>
      <c r="CI6" s="721"/>
      <c r="CJ6" s="721"/>
      <c r="CK6" s="721"/>
      <c r="CL6" s="721"/>
      <c r="CM6" s="721"/>
      <c r="CN6" s="721"/>
      <c r="CO6" s="721"/>
      <c r="CP6" s="721"/>
      <c r="CQ6" s="722"/>
      <c r="CR6" s="664">
        <v>260735</v>
      </c>
      <c r="CS6" s="665"/>
      <c r="CT6" s="665"/>
      <c r="CU6" s="665"/>
      <c r="CV6" s="665"/>
      <c r="CW6" s="665"/>
      <c r="CX6" s="665"/>
      <c r="CY6" s="666"/>
      <c r="CZ6" s="762">
        <v>0.7</v>
      </c>
      <c r="DA6" s="735"/>
      <c r="DB6" s="735"/>
      <c r="DC6" s="765"/>
      <c r="DD6" s="670" t="s">
        <v>127</v>
      </c>
      <c r="DE6" s="665"/>
      <c r="DF6" s="665"/>
      <c r="DG6" s="665"/>
      <c r="DH6" s="665"/>
      <c r="DI6" s="665"/>
      <c r="DJ6" s="665"/>
      <c r="DK6" s="665"/>
      <c r="DL6" s="665"/>
      <c r="DM6" s="665"/>
      <c r="DN6" s="665"/>
      <c r="DO6" s="665"/>
      <c r="DP6" s="666"/>
      <c r="DQ6" s="670">
        <v>260735</v>
      </c>
      <c r="DR6" s="665"/>
      <c r="DS6" s="665"/>
      <c r="DT6" s="665"/>
      <c r="DU6" s="665"/>
      <c r="DV6" s="665"/>
      <c r="DW6" s="665"/>
      <c r="DX6" s="665"/>
      <c r="DY6" s="665"/>
      <c r="DZ6" s="665"/>
      <c r="EA6" s="665"/>
      <c r="EB6" s="665"/>
      <c r="EC6" s="705"/>
    </row>
    <row r="7" spans="2:143" ht="11.25" customHeight="1" x14ac:dyDescent="0.2">
      <c r="B7" s="661" t="s">
        <v>231</v>
      </c>
      <c r="C7" s="662"/>
      <c r="D7" s="662"/>
      <c r="E7" s="662"/>
      <c r="F7" s="662"/>
      <c r="G7" s="662"/>
      <c r="H7" s="662"/>
      <c r="I7" s="662"/>
      <c r="J7" s="662"/>
      <c r="K7" s="662"/>
      <c r="L7" s="662"/>
      <c r="M7" s="662"/>
      <c r="N7" s="662"/>
      <c r="O7" s="662"/>
      <c r="P7" s="662"/>
      <c r="Q7" s="663"/>
      <c r="R7" s="664">
        <v>7994</v>
      </c>
      <c r="S7" s="665"/>
      <c r="T7" s="665"/>
      <c r="U7" s="665"/>
      <c r="V7" s="665"/>
      <c r="W7" s="665"/>
      <c r="X7" s="665"/>
      <c r="Y7" s="666"/>
      <c r="Z7" s="691">
        <v>0</v>
      </c>
      <c r="AA7" s="691"/>
      <c r="AB7" s="691"/>
      <c r="AC7" s="691"/>
      <c r="AD7" s="692">
        <v>7994</v>
      </c>
      <c r="AE7" s="692"/>
      <c r="AF7" s="692"/>
      <c r="AG7" s="692"/>
      <c r="AH7" s="692"/>
      <c r="AI7" s="692"/>
      <c r="AJ7" s="692"/>
      <c r="AK7" s="692"/>
      <c r="AL7" s="667">
        <v>0</v>
      </c>
      <c r="AM7" s="668"/>
      <c r="AN7" s="668"/>
      <c r="AO7" s="693"/>
      <c r="AP7" s="661" t="s">
        <v>232</v>
      </c>
      <c r="AQ7" s="662"/>
      <c r="AR7" s="662"/>
      <c r="AS7" s="662"/>
      <c r="AT7" s="662"/>
      <c r="AU7" s="662"/>
      <c r="AV7" s="662"/>
      <c r="AW7" s="662"/>
      <c r="AX7" s="662"/>
      <c r="AY7" s="662"/>
      <c r="AZ7" s="662"/>
      <c r="BA7" s="662"/>
      <c r="BB7" s="662"/>
      <c r="BC7" s="662"/>
      <c r="BD7" s="662"/>
      <c r="BE7" s="662"/>
      <c r="BF7" s="663"/>
      <c r="BG7" s="664">
        <v>7533989</v>
      </c>
      <c r="BH7" s="665"/>
      <c r="BI7" s="665"/>
      <c r="BJ7" s="665"/>
      <c r="BK7" s="665"/>
      <c r="BL7" s="665"/>
      <c r="BM7" s="665"/>
      <c r="BN7" s="666"/>
      <c r="BO7" s="691">
        <v>45.5</v>
      </c>
      <c r="BP7" s="691"/>
      <c r="BQ7" s="691"/>
      <c r="BR7" s="691"/>
      <c r="BS7" s="692">
        <v>143489</v>
      </c>
      <c r="BT7" s="692"/>
      <c r="BU7" s="692"/>
      <c r="BV7" s="692"/>
      <c r="BW7" s="692"/>
      <c r="BX7" s="692"/>
      <c r="BY7" s="692"/>
      <c r="BZ7" s="692"/>
      <c r="CA7" s="692"/>
      <c r="CB7" s="750"/>
      <c r="CD7" s="706" t="s">
        <v>233</v>
      </c>
      <c r="CE7" s="703"/>
      <c r="CF7" s="703"/>
      <c r="CG7" s="703"/>
      <c r="CH7" s="703"/>
      <c r="CI7" s="703"/>
      <c r="CJ7" s="703"/>
      <c r="CK7" s="703"/>
      <c r="CL7" s="703"/>
      <c r="CM7" s="703"/>
      <c r="CN7" s="703"/>
      <c r="CO7" s="703"/>
      <c r="CP7" s="703"/>
      <c r="CQ7" s="704"/>
      <c r="CR7" s="664">
        <v>3866390</v>
      </c>
      <c r="CS7" s="665"/>
      <c r="CT7" s="665"/>
      <c r="CU7" s="665"/>
      <c r="CV7" s="665"/>
      <c r="CW7" s="665"/>
      <c r="CX7" s="665"/>
      <c r="CY7" s="666"/>
      <c r="CZ7" s="691">
        <v>10.7</v>
      </c>
      <c r="DA7" s="691"/>
      <c r="DB7" s="691"/>
      <c r="DC7" s="691"/>
      <c r="DD7" s="670">
        <v>1100</v>
      </c>
      <c r="DE7" s="665"/>
      <c r="DF7" s="665"/>
      <c r="DG7" s="665"/>
      <c r="DH7" s="665"/>
      <c r="DI7" s="665"/>
      <c r="DJ7" s="665"/>
      <c r="DK7" s="665"/>
      <c r="DL7" s="665"/>
      <c r="DM7" s="665"/>
      <c r="DN7" s="665"/>
      <c r="DO7" s="665"/>
      <c r="DP7" s="666"/>
      <c r="DQ7" s="670">
        <v>3403438</v>
      </c>
      <c r="DR7" s="665"/>
      <c r="DS7" s="665"/>
      <c r="DT7" s="665"/>
      <c r="DU7" s="665"/>
      <c r="DV7" s="665"/>
      <c r="DW7" s="665"/>
      <c r="DX7" s="665"/>
      <c r="DY7" s="665"/>
      <c r="DZ7" s="665"/>
      <c r="EA7" s="665"/>
      <c r="EB7" s="665"/>
      <c r="EC7" s="705"/>
    </row>
    <row r="8" spans="2:143" ht="11.25" customHeight="1" x14ac:dyDescent="0.2">
      <c r="B8" s="661" t="s">
        <v>234</v>
      </c>
      <c r="C8" s="662"/>
      <c r="D8" s="662"/>
      <c r="E8" s="662"/>
      <c r="F8" s="662"/>
      <c r="G8" s="662"/>
      <c r="H8" s="662"/>
      <c r="I8" s="662"/>
      <c r="J8" s="662"/>
      <c r="K8" s="662"/>
      <c r="L8" s="662"/>
      <c r="M8" s="662"/>
      <c r="N8" s="662"/>
      <c r="O8" s="662"/>
      <c r="P8" s="662"/>
      <c r="Q8" s="663"/>
      <c r="R8" s="664">
        <v>119212</v>
      </c>
      <c r="S8" s="665"/>
      <c r="T8" s="665"/>
      <c r="U8" s="665"/>
      <c r="V8" s="665"/>
      <c r="W8" s="665"/>
      <c r="X8" s="665"/>
      <c r="Y8" s="666"/>
      <c r="Z8" s="691">
        <v>0.3</v>
      </c>
      <c r="AA8" s="691"/>
      <c r="AB8" s="691"/>
      <c r="AC8" s="691"/>
      <c r="AD8" s="692">
        <v>119212</v>
      </c>
      <c r="AE8" s="692"/>
      <c r="AF8" s="692"/>
      <c r="AG8" s="692"/>
      <c r="AH8" s="692"/>
      <c r="AI8" s="692"/>
      <c r="AJ8" s="692"/>
      <c r="AK8" s="692"/>
      <c r="AL8" s="667">
        <v>0.6</v>
      </c>
      <c r="AM8" s="668"/>
      <c r="AN8" s="668"/>
      <c r="AO8" s="693"/>
      <c r="AP8" s="661" t="s">
        <v>235</v>
      </c>
      <c r="AQ8" s="662"/>
      <c r="AR8" s="662"/>
      <c r="AS8" s="662"/>
      <c r="AT8" s="662"/>
      <c r="AU8" s="662"/>
      <c r="AV8" s="662"/>
      <c r="AW8" s="662"/>
      <c r="AX8" s="662"/>
      <c r="AY8" s="662"/>
      <c r="AZ8" s="662"/>
      <c r="BA8" s="662"/>
      <c r="BB8" s="662"/>
      <c r="BC8" s="662"/>
      <c r="BD8" s="662"/>
      <c r="BE8" s="662"/>
      <c r="BF8" s="663"/>
      <c r="BG8" s="664">
        <v>187600</v>
      </c>
      <c r="BH8" s="665"/>
      <c r="BI8" s="665"/>
      <c r="BJ8" s="665"/>
      <c r="BK8" s="665"/>
      <c r="BL8" s="665"/>
      <c r="BM8" s="665"/>
      <c r="BN8" s="666"/>
      <c r="BO8" s="691">
        <v>1.1000000000000001</v>
      </c>
      <c r="BP8" s="691"/>
      <c r="BQ8" s="691"/>
      <c r="BR8" s="691"/>
      <c r="BS8" s="692" t="s">
        <v>127</v>
      </c>
      <c r="BT8" s="692"/>
      <c r="BU8" s="692"/>
      <c r="BV8" s="692"/>
      <c r="BW8" s="692"/>
      <c r="BX8" s="692"/>
      <c r="BY8" s="692"/>
      <c r="BZ8" s="692"/>
      <c r="CA8" s="692"/>
      <c r="CB8" s="750"/>
      <c r="CD8" s="706" t="s">
        <v>236</v>
      </c>
      <c r="CE8" s="703"/>
      <c r="CF8" s="703"/>
      <c r="CG8" s="703"/>
      <c r="CH8" s="703"/>
      <c r="CI8" s="703"/>
      <c r="CJ8" s="703"/>
      <c r="CK8" s="703"/>
      <c r="CL8" s="703"/>
      <c r="CM8" s="703"/>
      <c r="CN8" s="703"/>
      <c r="CO8" s="703"/>
      <c r="CP8" s="703"/>
      <c r="CQ8" s="704"/>
      <c r="CR8" s="664">
        <v>16358570</v>
      </c>
      <c r="CS8" s="665"/>
      <c r="CT8" s="665"/>
      <c r="CU8" s="665"/>
      <c r="CV8" s="665"/>
      <c r="CW8" s="665"/>
      <c r="CX8" s="665"/>
      <c r="CY8" s="666"/>
      <c r="CZ8" s="691">
        <v>45.3</v>
      </c>
      <c r="DA8" s="691"/>
      <c r="DB8" s="691"/>
      <c r="DC8" s="691"/>
      <c r="DD8" s="670">
        <v>16361</v>
      </c>
      <c r="DE8" s="665"/>
      <c r="DF8" s="665"/>
      <c r="DG8" s="665"/>
      <c r="DH8" s="665"/>
      <c r="DI8" s="665"/>
      <c r="DJ8" s="665"/>
      <c r="DK8" s="665"/>
      <c r="DL8" s="665"/>
      <c r="DM8" s="665"/>
      <c r="DN8" s="665"/>
      <c r="DO8" s="665"/>
      <c r="DP8" s="666"/>
      <c r="DQ8" s="670">
        <v>6702021</v>
      </c>
      <c r="DR8" s="665"/>
      <c r="DS8" s="665"/>
      <c r="DT8" s="665"/>
      <c r="DU8" s="665"/>
      <c r="DV8" s="665"/>
      <c r="DW8" s="665"/>
      <c r="DX8" s="665"/>
      <c r="DY8" s="665"/>
      <c r="DZ8" s="665"/>
      <c r="EA8" s="665"/>
      <c r="EB8" s="665"/>
      <c r="EC8" s="705"/>
    </row>
    <row r="9" spans="2:143" ht="11.25" customHeight="1" x14ac:dyDescent="0.2">
      <c r="B9" s="661" t="s">
        <v>237</v>
      </c>
      <c r="C9" s="662"/>
      <c r="D9" s="662"/>
      <c r="E9" s="662"/>
      <c r="F9" s="662"/>
      <c r="G9" s="662"/>
      <c r="H9" s="662"/>
      <c r="I9" s="662"/>
      <c r="J9" s="662"/>
      <c r="K9" s="662"/>
      <c r="L9" s="662"/>
      <c r="M9" s="662"/>
      <c r="N9" s="662"/>
      <c r="O9" s="662"/>
      <c r="P9" s="662"/>
      <c r="Q9" s="663"/>
      <c r="R9" s="664">
        <v>151801</v>
      </c>
      <c r="S9" s="665"/>
      <c r="T9" s="665"/>
      <c r="U9" s="665"/>
      <c r="V9" s="665"/>
      <c r="W9" s="665"/>
      <c r="X9" s="665"/>
      <c r="Y9" s="666"/>
      <c r="Z9" s="691">
        <v>0.4</v>
      </c>
      <c r="AA9" s="691"/>
      <c r="AB9" s="691"/>
      <c r="AC9" s="691"/>
      <c r="AD9" s="692">
        <v>151801</v>
      </c>
      <c r="AE9" s="692"/>
      <c r="AF9" s="692"/>
      <c r="AG9" s="692"/>
      <c r="AH9" s="692"/>
      <c r="AI9" s="692"/>
      <c r="AJ9" s="692"/>
      <c r="AK9" s="692"/>
      <c r="AL9" s="667">
        <v>0.7</v>
      </c>
      <c r="AM9" s="668"/>
      <c r="AN9" s="668"/>
      <c r="AO9" s="693"/>
      <c r="AP9" s="661" t="s">
        <v>238</v>
      </c>
      <c r="AQ9" s="662"/>
      <c r="AR9" s="662"/>
      <c r="AS9" s="662"/>
      <c r="AT9" s="662"/>
      <c r="AU9" s="662"/>
      <c r="AV9" s="662"/>
      <c r="AW9" s="662"/>
      <c r="AX9" s="662"/>
      <c r="AY9" s="662"/>
      <c r="AZ9" s="662"/>
      <c r="BA9" s="662"/>
      <c r="BB9" s="662"/>
      <c r="BC9" s="662"/>
      <c r="BD9" s="662"/>
      <c r="BE9" s="662"/>
      <c r="BF9" s="663"/>
      <c r="BG9" s="664">
        <v>6382806</v>
      </c>
      <c r="BH9" s="665"/>
      <c r="BI9" s="665"/>
      <c r="BJ9" s="665"/>
      <c r="BK9" s="665"/>
      <c r="BL9" s="665"/>
      <c r="BM9" s="665"/>
      <c r="BN9" s="666"/>
      <c r="BO9" s="691">
        <v>38.6</v>
      </c>
      <c r="BP9" s="691"/>
      <c r="BQ9" s="691"/>
      <c r="BR9" s="691"/>
      <c r="BS9" s="692" t="s">
        <v>127</v>
      </c>
      <c r="BT9" s="692"/>
      <c r="BU9" s="692"/>
      <c r="BV9" s="692"/>
      <c r="BW9" s="692"/>
      <c r="BX9" s="692"/>
      <c r="BY9" s="692"/>
      <c r="BZ9" s="692"/>
      <c r="CA9" s="692"/>
      <c r="CB9" s="750"/>
      <c r="CD9" s="706" t="s">
        <v>239</v>
      </c>
      <c r="CE9" s="703"/>
      <c r="CF9" s="703"/>
      <c r="CG9" s="703"/>
      <c r="CH9" s="703"/>
      <c r="CI9" s="703"/>
      <c r="CJ9" s="703"/>
      <c r="CK9" s="703"/>
      <c r="CL9" s="703"/>
      <c r="CM9" s="703"/>
      <c r="CN9" s="703"/>
      <c r="CO9" s="703"/>
      <c r="CP9" s="703"/>
      <c r="CQ9" s="704"/>
      <c r="CR9" s="664">
        <v>3926357</v>
      </c>
      <c r="CS9" s="665"/>
      <c r="CT9" s="665"/>
      <c r="CU9" s="665"/>
      <c r="CV9" s="665"/>
      <c r="CW9" s="665"/>
      <c r="CX9" s="665"/>
      <c r="CY9" s="666"/>
      <c r="CZ9" s="691">
        <v>10.9</v>
      </c>
      <c r="DA9" s="691"/>
      <c r="DB9" s="691"/>
      <c r="DC9" s="691"/>
      <c r="DD9" s="670">
        <v>188955</v>
      </c>
      <c r="DE9" s="665"/>
      <c r="DF9" s="665"/>
      <c r="DG9" s="665"/>
      <c r="DH9" s="665"/>
      <c r="DI9" s="665"/>
      <c r="DJ9" s="665"/>
      <c r="DK9" s="665"/>
      <c r="DL9" s="665"/>
      <c r="DM9" s="665"/>
      <c r="DN9" s="665"/>
      <c r="DO9" s="665"/>
      <c r="DP9" s="666"/>
      <c r="DQ9" s="670">
        <v>2631204</v>
      </c>
      <c r="DR9" s="665"/>
      <c r="DS9" s="665"/>
      <c r="DT9" s="665"/>
      <c r="DU9" s="665"/>
      <c r="DV9" s="665"/>
      <c r="DW9" s="665"/>
      <c r="DX9" s="665"/>
      <c r="DY9" s="665"/>
      <c r="DZ9" s="665"/>
      <c r="EA9" s="665"/>
      <c r="EB9" s="665"/>
      <c r="EC9" s="705"/>
    </row>
    <row r="10" spans="2:143" ht="11.25" customHeight="1" x14ac:dyDescent="0.2">
      <c r="B10" s="661" t="s">
        <v>240</v>
      </c>
      <c r="C10" s="662"/>
      <c r="D10" s="662"/>
      <c r="E10" s="662"/>
      <c r="F10" s="662"/>
      <c r="G10" s="662"/>
      <c r="H10" s="662"/>
      <c r="I10" s="662"/>
      <c r="J10" s="662"/>
      <c r="K10" s="662"/>
      <c r="L10" s="662"/>
      <c r="M10" s="662"/>
      <c r="N10" s="662"/>
      <c r="O10" s="662"/>
      <c r="P10" s="662"/>
      <c r="Q10" s="663"/>
      <c r="R10" s="664" t="s">
        <v>127</v>
      </c>
      <c r="S10" s="665"/>
      <c r="T10" s="665"/>
      <c r="U10" s="665"/>
      <c r="V10" s="665"/>
      <c r="W10" s="665"/>
      <c r="X10" s="665"/>
      <c r="Y10" s="666"/>
      <c r="Z10" s="691" t="s">
        <v>127</v>
      </c>
      <c r="AA10" s="691"/>
      <c r="AB10" s="691"/>
      <c r="AC10" s="691"/>
      <c r="AD10" s="692" t="s">
        <v>127</v>
      </c>
      <c r="AE10" s="692"/>
      <c r="AF10" s="692"/>
      <c r="AG10" s="692"/>
      <c r="AH10" s="692"/>
      <c r="AI10" s="692"/>
      <c r="AJ10" s="692"/>
      <c r="AK10" s="692"/>
      <c r="AL10" s="667" t="s">
        <v>127</v>
      </c>
      <c r="AM10" s="668"/>
      <c r="AN10" s="668"/>
      <c r="AO10" s="693"/>
      <c r="AP10" s="661" t="s">
        <v>241</v>
      </c>
      <c r="AQ10" s="662"/>
      <c r="AR10" s="662"/>
      <c r="AS10" s="662"/>
      <c r="AT10" s="662"/>
      <c r="AU10" s="662"/>
      <c r="AV10" s="662"/>
      <c r="AW10" s="662"/>
      <c r="AX10" s="662"/>
      <c r="AY10" s="662"/>
      <c r="AZ10" s="662"/>
      <c r="BA10" s="662"/>
      <c r="BB10" s="662"/>
      <c r="BC10" s="662"/>
      <c r="BD10" s="662"/>
      <c r="BE10" s="662"/>
      <c r="BF10" s="663"/>
      <c r="BG10" s="664">
        <v>295208</v>
      </c>
      <c r="BH10" s="665"/>
      <c r="BI10" s="665"/>
      <c r="BJ10" s="665"/>
      <c r="BK10" s="665"/>
      <c r="BL10" s="665"/>
      <c r="BM10" s="665"/>
      <c r="BN10" s="666"/>
      <c r="BO10" s="691">
        <v>1.8</v>
      </c>
      <c r="BP10" s="691"/>
      <c r="BQ10" s="691"/>
      <c r="BR10" s="691"/>
      <c r="BS10" s="692" t="s">
        <v>127</v>
      </c>
      <c r="BT10" s="692"/>
      <c r="BU10" s="692"/>
      <c r="BV10" s="692"/>
      <c r="BW10" s="692"/>
      <c r="BX10" s="692"/>
      <c r="BY10" s="692"/>
      <c r="BZ10" s="692"/>
      <c r="CA10" s="692"/>
      <c r="CB10" s="750"/>
      <c r="CD10" s="706" t="s">
        <v>242</v>
      </c>
      <c r="CE10" s="703"/>
      <c r="CF10" s="703"/>
      <c r="CG10" s="703"/>
      <c r="CH10" s="703"/>
      <c r="CI10" s="703"/>
      <c r="CJ10" s="703"/>
      <c r="CK10" s="703"/>
      <c r="CL10" s="703"/>
      <c r="CM10" s="703"/>
      <c r="CN10" s="703"/>
      <c r="CO10" s="703"/>
      <c r="CP10" s="703"/>
      <c r="CQ10" s="704"/>
      <c r="CR10" s="664">
        <v>78739</v>
      </c>
      <c r="CS10" s="665"/>
      <c r="CT10" s="665"/>
      <c r="CU10" s="665"/>
      <c r="CV10" s="665"/>
      <c r="CW10" s="665"/>
      <c r="CX10" s="665"/>
      <c r="CY10" s="666"/>
      <c r="CZ10" s="691">
        <v>0.2</v>
      </c>
      <c r="DA10" s="691"/>
      <c r="DB10" s="691"/>
      <c r="DC10" s="691"/>
      <c r="DD10" s="670" t="s">
        <v>127</v>
      </c>
      <c r="DE10" s="665"/>
      <c r="DF10" s="665"/>
      <c r="DG10" s="665"/>
      <c r="DH10" s="665"/>
      <c r="DI10" s="665"/>
      <c r="DJ10" s="665"/>
      <c r="DK10" s="665"/>
      <c r="DL10" s="665"/>
      <c r="DM10" s="665"/>
      <c r="DN10" s="665"/>
      <c r="DO10" s="665"/>
      <c r="DP10" s="666"/>
      <c r="DQ10" s="670">
        <v>18739</v>
      </c>
      <c r="DR10" s="665"/>
      <c r="DS10" s="665"/>
      <c r="DT10" s="665"/>
      <c r="DU10" s="665"/>
      <c r="DV10" s="665"/>
      <c r="DW10" s="665"/>
      <c r="DX10" s="665"/>
      <c r="DY10" s="665"/>
      <c r="DZ10" s="665"/>
      <c r="EA10" s="665"/>
      <c r="EB10" s="665"/>
      <c r="EC10" s="705"/>
    </row>
    <row r="11" spans="2:143" ht="11.25" customHeight="1" x14ac:dyDescent="0.2">
      <c r="B11" s="661" t="s">
        <v>243</v>
      </c>
      <c r="C11" s="662"/>
      <c r="D11" s="662"/>
      <c r="E11" s="662"/>
      <c r="F11" s="662"/>
      <c r="G11" s="662"/>
      <c r="H11" s="662"/>
      <c r="I11" s="662"/>
      <c r="J11" s="662"/>
      <c r="K11" s="662"/>
      <c r="L11" s="662"/>
      <c r="M11" s="662"/>
      <c r="N11" s="662"/>
      <c r="O11" s="662"/>
      <c r="P11" s="662"/>
      <c r="Q11" s="663"/>
      <c r="R11" s="664">
        <v>2308255</v>
      </c>
      <c r="S11" s="665"/>
      <c r="T11" s="665"/>
      <c r="U11" s="665"/>
      <c r="V11" s="665"/>
      <c r="W11" s="665"/>
      <c r="X11" s="665"/>
      <c r="Y11" s="666"/>
      <c r="Z11" s="667">
        <v>6</v>
      </c>
      <c r="AA11" s="668"/>
      <c r="AB11" s="668"/>
      <c r="AC11" s="669"/>
      <c r="AD11" s="670">
        <v>2308255</v>
      </c>
      <c r="AE11" s="665"/>
      <c r="AF11" s="665"/>
      <c r="AG11" s="665"/>
      <c r="AH11" s="665"/>
      <c r="AI11" s="665"/>
      <c r="AJ11" s="665"/>
      <c r="AK11" s="666"/>
      <c r="AL11" s="667">
        <v>11.3</v>
      </c>
      <c r="AM11" s="668"/>
      <c r="AN11" s="668"/>
      <c r="AO11" s="693"/>
      <c r="AP11" s="661" t="s">
        <v>244</v>
      </c>
      <c r="AQ11" s="662"/>
      <c r="AR11" s="662"/>
      <c r="AS11" s="662"/>
      <c r="AT11" s="662"/>
      <c r="AU11" s="662"/>
      <c r="AV11" s="662"/>
      <c r="AW11" s="662"/>
      <c r="AX11" s="662"/>
      <c r="AY11" s="662"/>
      <c r="AZ11" s="662"/>
      <c r="BA11" s="662"/>
      <c r="BB11" s="662"/>
      <c r="BC11" s="662"/>
      <c r="BD11" s="662"/>
      <c r="BE11" s="662"/>
      <c r="BF11" s="663"/>
      <c r="BG11" s="664">
        <v>668375</v>
      </c>
      <c r="BH11" s="665"/>
      <c r="BI11" s="665"/>
      <c r="BJ11" s="665"/>
      <c r="BK11" s="665"/>
      <c r="BL11" s="665"/>
      <c r="BM11" s="665"/>
      <c r="BN11" s="666"/>
      <c r="BO11" s="691">
        <v>4</v>
      </c>
      <c r="BP11" s="691"/>
      <c r="BQ11" s="691"/>
      <c r="BR11" s="691"/>
      <c r="BS11" s="692">
        <v>143489</v>
      </c>
      <c r="BT11" s="692"/>
      <c r="BU11" s="692"/>
      <c r="BV11" s="692"/>
      <c r="BW11" s="692"/>
      <c r="BX11" s="692"/>
      <c r="BY11" s="692"/>
      <c r="BZ11" s="692"/>
      <c r="CA11" s="692"/>
      <c r="CB11" s="750"/>
      <c r="CD11" s="706" t="s">
        <v>245</v>
      </c>
      <c r="CE11" s="703"/>
      <c r="CF11" s="703"/>
      <c r="CG11" s="703"/>
      <c r="CH11" s="703"/>
      <c r="CI11" s="703"/>
      <c r="CJ11" s="703"/>
      <c r="CK11" s="703"/>
      <c r="CL11" s="703"/>
      <c r="CM11" s="703"/>
      <c r="CN11" s="703"/>
      <c r="CO11" s="703"/>
      <c r="CP11" s="703"/>
      <c r="CQ11" s="704"/>
      <c r="CR11" s="664">
        <v>389771</v>
      </c>
      <c r="CS11" s="665"/>
      <c r="CT11" s="665"/>
      <c r="CU11" s="665"/>
      <c r="CV11" s="665"/>
      <c r="CW11" s="665"/>
      <c r="CX11" s="665"/>
      <c r="CY11" s="666"/>
      <c r="CZ11" s="691">
        <v>1.1000000000000001</v>
      </c>
      <c r="DA11" s="691"/>
      <c r="DB11" s="691"/>
      <c r="DC11" s="691"/>
      <c r="DD11" s="670">
        <v>117036</v>
      </c>
      <c r="DE11" s="665"/>
      <c r="DF11" s="665"/>
      <c r="DG11" s="665"/>
      <c r="DH11" s="665"/>
      <c r="DI11" s="665"/>
      <c r="DJ11" s="665"/>
      <c r="DK11" s="665"/>
      <c r="DL11" s="665"/>
      <c r="DM11" s="665"/>
      <c r="DN11" s="665"/>
      <c r="DO11" s="665"/>
      <c r="DP11" s="666"/>
      <c r="DQ11" s="670">
        <v>265094</v>
      </c>
      <c r="DR11" s="665"/>
      <c r="DS11" s="665"/>
      <c r="DT11" s="665"/>
      <c r="DU11" s="665"/>
      <c r="DV11" s="665"/>
      <c r="DW11" s="665"/>
      <c r="DX11" s="665"/>
      <c r="DY11" s="665"/>
      <c r="DZ11" s="665"/>
      <c r="EA11" s="665"/>
      <c r="EB11" s="665"/>
      <c r="EC11" s="705"/>
    </row>
    <row r="12" spans="2:143" ht="11.25" customHeight="1" x14ac:dyDescent="0.2">
      <c r="B12" s="661" t="s">
        <v>246</v>
      </c>
      <c r="C12" s="662"/>
      <c r="D12" s="662"/>
      <c r="E12" s="662"/>
      <c r="F12" s="662"/>
      <c r="G12" s="662"/>
      <c r="H12" s="662"/>
      <c r="I12" s="662"/>
      <c r="J12" s="662"/>
      <c r="K12" s="662"/>
      <c r="L12" s="662"/>
      <c r="M12" s="662"/>
      <c r="N12" s="662"/>
      <c r="O12" s="662"/>
      <c r="P12" s="662"/>
      <c r="Q12" s="663"/>
      <c r="R12" s="664">
        <v>20877</v>
      </c>
      <c r="S12" s="665"/>
      <c r="T12" s="665"/>
      <c r="U12" s="665"/>
      <c r="V12" s="665"/>
      <c r="W12" s="665"/>
      <c r="X12" s="665"/>
      <c r="Y12" s="666"/>
      <c r="Z12" s="691">
        <v>0.1</v>
      </c>
      <c r="AA12" s="691"/>
      <c r="AB12" s="691"/>
      <c r="AC12" s="691"/>
      <c r="AD12" s="692">
        <v>20877</v>
      </c>
      <c r="AE12" s="692"/>
      <c r="AF12" s="692"/>
      <c r="AG12" s="692"/>
      <c r="AH12" s="692"/>
      <c r="AI12" s="692"/>
      <c r="AJ12" s="692"/>
      <c r="AK12" s="692"/>
      <c r="AL12" s="667">
        <v>0.1</v>
      </c>
      <c r="AM12" s="668"/>
      <c r="AN12" s="668"/>
      <c r="AO12" s="693"/>
      <c r="AP12" s="661" t="s">
        <v>247</v>
      </c>
      <c r="AQ12" s="662"/>
      <c r="AR12" s="662"/>
      <c r="AS12" s="662"/>
      <c r="AT12" s="662"/>
      <c r="AU12" s="662"/>
      <c r="AV12" s="662"/>
      <c r="AW12" s="662"/>
      <c r="AX12" s="662"/>
      <c r="AY12" s="662"/>
      <c r="AZ12" s="662"/>
      <c r="BA12" s="662"/>
      <c r="BB12" s="662"/>
      <c r="BC12" s="662"/>
      <c r="BD12" s="662"/>
      <c r="BE12" s="662"/>
      <c r="BF12" s="663"/>
      <c r="BG12" s="664">
        <v>7258967</v>
      </c>
      <c r="BH12" s="665"/>
      <c r="BI12" s="665"/>
      <c r="BJ12" s="665"/>
      <c r="BK12" s="665"/>
      <c r="BL12" s="665"/>
      <c r="BM12" s="665"/>
      <c r="BN12" s="666"/>
      <c r="BO12" s="691">
        <v>43.8</v>
      </c>
      <c r="BP12" s="691"/>
      <c r="BQ12" s="691"/>
      <c r="BR12" s="691"/>
      <c r="BS12" s="692" t="s">
        <v>127</v>
      </c>
      <c r="BT12" s="692"/>
      <c r="BU12" s="692"/>
      <c r="BV12" s="692"/>
      <c r="BW12" s="692"/>
      <c r="BX12" s="692"/>
      <c r="BY12" s="692"/>
      <c r="BZ12" s="692"/>
      <c r="CA12" s="692"/>
      <c r="CB12" s="750"/>
      <c r="CD12" s="706" t="s">
        <v>248</v>
      </c>
      <c r="CE12" s="703"/>
      <c r="CF12" s="703"/>
      <c r="CG12" s="703"/>
      <c r="CH12" s="703"/>
      <c r="CI12" s="703"/>
      <c r="CJ12" s="703"/>
      <c r="CK12" s="703"/>
      <c r="CL12" s="703"/>
      <c r="CM12" s="703"/>
      <c r="CN12" s="703"/>
      <c r="CO12" s="703"/>
      <c r="CP12" s="703"/>
      <c r="CQ12" s="704"/>
      <c r="CR12" s="664">
        <v>618064</v>
      </c>
      <c r="CS12" s="665"/>
      <c r="CT12" s="665"/>
      <c r="CU12" s="665"/>
      <c r="CV12" s="665"/>
      <c r="CW12" s="665"/>
      <c r="CX12" s="665"/>
      <c r="CY12" s="666"/>
      <c r="CZ12" s="691">
        <v>1.7</v>
      </c>
      <c r="DA12" s="691"/>
      <c r="DB12" s="691"/>
      <c r="DC12" s="691"/>
      <c r="DD12" s="670" t="s">
        <v>127</v>
      </c>
      <c r="DE12" s="665"/>
      <c r="DF12" s="665"/>
      <c r="DG12" s="665"/>
      <c r="DH12" s="665"/>
      <c r="DI12" s="665"/>
      <c r="DJ12" s="665"/>
      <c r="DK12" s="665"/>
      <c r="DL12" s="665"/>
      <c r="DM12" s="665"/>
      <c r="DN12" s="665"/>
      <c r="DO12" s="665"/>
      <c r="DP12" s="666"/>
      <c r="DQ12" s="670">
        <v>344830</v>
      </c>
      <c r="DR12" s="665"/>
      <c r="DS12" s="665"/>
      <c r="DT12" s="665"/>
      <c r="DU12" s="665"/>
      <c r="DV12" s="665"/>
      <c r="DW12" s="665"/>
      <c r="DX12" s="665"/>
      <c r="DY12" s="665"/>
      <c r="DZ12" s="665"/>
      <c r="EA12" s="665"/>
      <c r="EB12" s="665"/>
      <c r="EC12" s="705"/>
    </row>
    <row r="13" spans="2:143" ht="11.25" customHeight="1" x14ac:dyDescent="0.2">
      <c r="B13" s="661" t="s">
        <v>249</v>
      </c>
      <c r="C13" s="662"/>
      <c r="D13" s="662"/>
      <c r="E13" s="662"/>
      <c r="F13" s="662"/>
      <c r="G13" s="662"/>
      <c r="H13" s="662"/>
      <c r="I13" s="662"/>
      <c r="J13" s="662"/>
      <c r="K13" s="662"/>
      <c r="L13" s="662"/>
      <c r="M13" s="662"/>
      <c r="N13" s="662"/>
      <c r="O13" s="662"/>
      <c r="P13" s="662"/>
      <c r="Q13" s="663"/>
      <c r="R13" s="664" t="s">
        <v>127</v>
      </c>
      <c r="S13" s="665"/>
      <c r="T13" s="665"/>
      <c r="U13" s="665"/>
      <c r="V13" s="665"/>
      <c r="W13" s="665"/>
      <c r="X13" s="665"/>
      <c r="Y13" s="666"/>
      <c r="Z13" s="691" t="s">
        <v>127</v>
      </c>
      <c r="AA13" s="691"/>
      <c r="AB13" s="691"/>
      <c r="AC13" s="691"/>
      <c r="AD13" s="692" t="s">
        <v>127</v>
      </c>
      <c r="AE13" s="692"/>
      <c r="AF13" s="692"/>
      <c r="AG13" s="692"/>
      <c r="AH13" s="692"/>
      <c r="AI13" s="692"/>
      <c r="AJ13" s="692"/>
      <c r="AK13" s="692"/>
      <c r="AL13" s="667" t="s">
        <v>127</v>
      </c>
      <c r="AM13" s="668"/>
      <c r="AN13" s="668"/>
      <c r="AO13" s="693"/>
      <c r="AP13" s="661" t="s">
        <v>250</v>
      </c>
      <c r="AQ13" s="662"/>
      <c r="AR13" s="662"/>
      <c r="AS13" s="662"/>
      <c r="AT13" s="662"/>
      <c r="AU13" s="662"/>
      <c r="AV13" s="662"/>
      <c r="AW13" s="662"/>
      <c r="AX13" s="662"/>
      <c r="AY13" s="662"/>
      <c r="AZ13" s="662"/>
      <c r="BA13" s="662"/>
      <c r="BB13" s="662"/>
      <c r="BC13" s="662"/>
      <c r="BD13" s="662"/>
      <c r="BE13" s="662"/>
      <c r="BF13" s="663"/>
      <c r="BG13" s="664">
        <v>7223928</v>
      </c>
      <c r="BH13" s="665"/>
      <c r="BI13" s="665"/>
      <c r="BJ13" s="665"/>
      <c r="BK13" s="665"/>
      <c r="BL13" s="665"/>
      <c r="BM13" s="665"/>
      <c r="BN13" s="666"/>
      <c r="BO13" s="691">
        <v>43.6</v>
      </c>
      <c r="BP13" s="691"/>
      <c r="BQ13" s="691"/>
      <c r="BR13" s="691"/>
      <c r="BS13" s="692" t="s">
        <v>127</v>
      </c>
      <c r="BT13" s="692"/>
      <c r="BU13" s="692"/>
      <c r="BV13" s="692"/>
      <c r="BW13" s="692"/>
      <c r="BX13" s="692"/>
      <c r="BY13" s="692"/>
      <c r="BZ13" s="692"/>
      <c r="CA13" s="692"/>
      <c r="CB13" s="750"/>
      <c r="CD13" s="706" t="s">
        <v>251</v>
      </c>
      <c r="CE13" s="703"/>
      <c r="CF13" s="703"/>
      <c r="CG13" s="703"/>
      <c r="CH13" s="703"/>
      <c r="CI13" s="703"/>
      <c r="CJ13" s="703"/>
      <c r="CK13" s="703"/>
      <c r="CL13" s="703"/>
      <c r="CM13" s="703"/>
      <c r="CN13" s="703"/>
      <c r="CO13" s="703"/>
      <c r="CP13" s="703"/>
      <c r="CQ13" s="704"/>
      <c r="CR13" s="664">
        <v>3208270</v>
      </c>
      <c r="CS13" s="665"/>
      <c r="CT13" s="665"/>
      <c r="CU13" s="665"/>
      <c r="CV13" s="665"/>
      <c r="CW13" s="665"/>
      <c r="CX13" s="665"/>
      <c r="CY13" s="666"/>
      <c r="CZ13" s="691">
        <v>8.9</v>
      </c>
      <c r="DA13" s="691"/>
      <c r="DB13" s="691"/>
      <c r="DC13" s="691"/>
      <c r="DD13" s="670">
        <v>1161159</v>
      </c>
      <c r="DE13" s="665"/>
      <c r="DF13" s="665"/>
      <c r="DG13" s="665"/>
      <c r="DH13" s="665"/>
      <c r="DI13" s="665"/>
      <c r="DJ13" s="665"/>
      <c r="DK13" s="665"/>
      <c r="DL13" s="665"/>
      <c r="DM13" s="665"/>
      <c r="DN13" s="665"/>
      <c r="DO13" s="665"/>
      <c r="DP13" s="666"/>
      <c r="DQ13" s="670">
        <v>1996230</v>
      </c>
      <c r="DR13" s="665"/>
      <c r="DS13" s="665"/>
      <c r="DT13" s="665"/>
      <c r="DU13" s="665"/>
      <c r="DV13" s="665"/>
      <c r="DW13" s="665"/>
      <c r="DX13" s="665"/>
      <c r="DY13" s="665"/>
      <c r="DZ13" s="665"/>
      <c r="EA13" s="665"/>
      <c r="EB13" s="665"/>
      <c r="EC13" s="705"/>
    </row>
    <row r="14" spans="2:143" ht="11.25" customHeight="1" x14ac:dyDescent="0.2">
      <c r="B14" s="661" t="s">
        <v>252</v>
      </c>
      <c r="C14" s="662"/>
      <c r="D14" s="662"/>
      <c r="E14" s="662"/>
      <c r="F14" s="662"/>
      <c r="G14" s="662"/>
      <c r="H14" s="662"/>
      <c r="I14" s="662"/>
      <c r="J14" s="662"/>
      <c r="K14" s="662"/>
      <c r="L14" s="662"/>
      <c r="M14" s="662"/>
      <c r="N14" s="662"/>
      <c r="O14" s="662"/>
      <c r="P14" s="662"/>
      <c r="Q14" s="663"/>
      <c r="R14" s="664" t="s">
        <v>127</v>
      </c>
      <c r="S14" s="665"/>
      <c r="T14" s="665"/>
      <c r="U14" s="665"/>
      <c r="V14" s="665"/>
      <c r="W14" s="665"/>
      <c r="X14" s="665"/>
      <c r="Y14" s="666"/>
      <c r="Z14" s="691" t="s">
        <v>127</v>
      </c>
      <c r="AA14" s="691"/>
      <c r="AB14" s="691"/>
      <c r="AC14" s="691"/>
      <c r="AD14" s="692" t="s">
        <v>127</v>
      </c>
      <c r="AE14" s="692"/>
      <c r="AF14" s="692"/>
      <c r="AG14" s="692"/>
      <c r="AH14" s="692"/>
      <c r="AI14" s="692"/>
      <c r="AJ14" s="692"/>
      <c r="AK14" s="692"/>
      <c r="AL14" s="667" t="s">
        <v>127</v>
      </c>
      <c r="AM14" s="668"/>
      <c r="AN14" s="668"/>
      <c r="AO14" s="693"/>
      <c r="AP14" s="661" t="s">
        <v>253</v>
      </c>
      <c r="AQ14" s="662"/>
      <c r="AR14" s="662"/>
      <c r="AS14" s="662"/>
      <c r="AT14" s="662"/>
      <c r="AU14" s="662"/>
      <c r="AV14" s="662"/>
      <c r="AW14" s="662"/>
      <c r="AX14" s="662"/>
      <c r="AY14" s="662"/>
      <c r="AZ14" s="662"/>
      <c r="BA14" s="662"/>
      <c r="BB14" s="662"/>
      <c r="BC14" s="662"/>
      <c r="BD14" s="662"/>
      <c r="BE14" s="662"/>
      <c r="BF14" s="663"/>
      <c r="BG14" s="664">
        <v>213967</v>
      </c>
      <c r="BH14" s="665"/>
      <c r="BI14" s="665"/>
      <c r="BJ14" s="665"/>
      <c r="BK14" s="665"/>
      <c r="BL14" s="665"/>
      <c r="BM14" s="665"/>
      <c r="BN14" s="666"/>
      <c r="BO14" s="691">
        <v>1.3</v>
      </c>
      <c r="BP14" s="691"/>
      <c r="BQ14" s="691"/>
      <c r="BR14" s="691"/>
      <c r="BS14" s="692" t="s">
        <v>127</v>
      </c>
      <c r="BT14" s="692"/>
      <c r="BU14" s="692"/>
      <c r="BV14" s="692"/>
      <c r="BW14" s="692"/>
      <c r="BX14" s="692"/>
      <c r="BY14" s="692"/>
      <c r="BZ14" s="692"/>
      <c r="CA14" s="692"/>
      <c r="CB14" s="750"/>
      <c r="CD14" s="706" t="s">
        <v>254</v>
      </c>
      <c r="CE14" s="703"/>
      <c r="CF14" s="703"/>
      <c r="CG14" s="703"/>
      <c r="CH14" s="703"/>
      <c r="CI14" s="703"/>
      <c r="CJ14" s="703"/>
      <c r="CK14" s="703"/>
      <c r="CL14" s="703"/>
      <c r="CM14" s="703"/>
      <c r="CN14" s="703"/>
      <c r="CO14" s="703"/>
      <c r="CP14" s="703"/>
      <c r="CQ14" s="704"/>
      <c r="CR14" s="664">
        <v>1379280</v>
      </c>
      <c r="CS14" s="665"/>
      <c r="CT14" s="665"/>
      <c r="CU14" s="665"/>
      <c r="CV14" s="665"/>
      <c r="CW14" s="665"/>
      <c r="CX14" s="665"/>
      <c r="CY14" s="666"/>
      <c r="CZ14" s="691">
        <v>3.8</v>
      </c>
      <c r="DA14" s="691"/>
      <c r="DB14" s="691"/>
      <c r="DC14" s="691"/>
      <c r="DD14" s="670">
        <v>107171</v>
      </c>
      <c r="DE14" s="665"/>
      <c r="DF14" s="665"/>
      <c r="DG14" s="665"/>
      <c r="DH14" s="665"/>
      <c r="DI14" s="665"/>
      <c r="DJ14" s="665"/>
      <c r="DK14" s="665"/>
      <c r="DL14" s="665"/>
      <c r="DM14" s="665"/>
      <c r="DN14" s="665"/>
      <c r="DO14" s="665"/>
      <c r="DP14" s="666"/>
      <c r="DQ14" s="670">
        <v>1277420</v>
      </c>
      <c r="DR14" s="665"/>
      <c r="DS14" s="665"/>
      <c r="DT14" s="665"/>
      <c r="DU14" s="665"/>
      <c r="DV14" s="665"/>
      <c r="DW14" s="665"/>
      <c r="DX14" s="665"/>
      <c r="DY14" s="665"/>
      <c r="DZ14" s="665"/>
      <c r="EA14" s="665"/>
      <c r="EB14" s="665"/>
      <c r="EC14" s="705"/>
    </row>
    <row r="15" spans="2:143" ht="11.25" customHeight="1" x14ac:dyDescent="0.2">
      <c r="B15" s="661" t="s">
        <v>255</v>
      </c>
      <c r="C15" s="662"/>
      <c r="D15" s="662"/>
      <c r="E15" s="662"/>
      <c r="F15" s="662"/>
      <c r="G15" s="662"/>
      <c r="H15" s="662"/>
      <c r="I15" s="662"/>
      <c r="J15" s="662"/>
      <c r="K15" s="662"/>
      <c r="L15" s="662"/>
      <c r="M15" s="662"/>
      <c r="N15" s="662"/>
      <c r="O15" s="662"/>
      <c r="P15" s="662"/>
      <c r="Q15" s="663"/>
      <c r="R15" s="664" t="s">
        <v>127</v>
      </c>
      <c r="S15" s="665"/>
      <c r="T15" s="665"/>
      <c r="U15" s="665"/>
      <c r="V15" s="665"/>
      <c r="W15" s="665"/>
      <c r="X15" s="665"/>
      <c r="Y15" s="666"/>
      <c r="Z15" s="691" t="s">
        <v>127</v>
      </c>
      <c r="AA15" s="691"/>
      <c r="AB15" s="691"/>
      <c r="AC15" s="691"/>
      <c r="AD15" s="692" t="s">
        <v>127</v>
      </c>
      <c r="AE15" s="692"/>
      <c r="AF15" s="692"/>
      <c r="AG15" s="692"/>
      <c r="AH15" s="692"/>
      <c r="AI15" s="692"/>
      <c r="AJ15" s="692"/>
      <c r="AK15" s="692"/>
      <c r="AL15" s="667" t="s">
        <v>127</v>
      </c>
      <c r="AM15" s="668"/>
      <c r="AN15" s="668"/>
      <c r="AO15" s="693"/>
      <c r="AP15" s="661" t="s">
        <v>256</v>
      </c>
      <c r="AQ15" s="662"/>
      <c r="AR15" s="662"/>
      <c r="AS15" s="662"/>
      <c r="AT15" s="662"/>
      <c r="AU15" s="662"/>
      <c r="AV15" s="662"/>
      <c r="AW15" s="662"/>
      <c r="AX15" s="662"/>
      <c r="AY15" s="662"/>
      <c r="AZ15" s="662"/>
      <c r="BA15" s="662"/>
      <c r="BB15" s="662"/>
      <c r="BC15" s="662"/>
      <c r="BD15" s="662"/>
      <c r="BE15" s="662"/>
      <c r="BF15" s="663"/>
      <c r="BG15" s="664">
        <v>683235</v>
      </c>
      <c r="BH15" s="665"/>
      <c r="BI15" s="665"/>
      <c r="BJ15" s="665"/>
      <c r="BK15" s="665"/>
      <c r="BL15" s="665"/>
      <c r="BM15" s="665"/>
      <c r="BN15" s="666"/>
      <c r="BO15" s="691">
        <v>4.0999999999999996</v>
      </c>
      <c r="BP15" s="691"/>
      <c r="BQ15" s="691"/>
      <c r="BR15" s="691"/>
      <c r="BS15" s="692" t="s">
        <v>127</v>
      </c>
      <c r="BT15" s="692"/>
      <c r="BU15" s="692"/>
      <c r="BV15" s="692"/>
      <c r="BW15" s="692"/>
      <c r="BX15" s="692"/>
      <c r="BY15" s="692"/>
      <c r="BZ15" s="692"/>
      <c r="CA15" s="692"/>
      <c r="CB15" s="750"/>
      <c r="CD15" s="706" t="s">
        <v>257</v>
      </c>
      <c r="CE15" s="703"/>
      <c r="CF15" s="703"/>
      <c r="CG15" s="703"/>
      <c r="CH15" s="703"/>
      <c r="CI15" s="703"/>
      <c r="CJ15" s="703"/>
      <c r="CK15" s="703"/>
      <c r="CL15" s="703"/>
      <c r="CM15" s="703"/>
      <c r="CN15" s="703"/>
      <c r="CO15" s="703"/>
      <c r="CP15" s="703"/>
      <c r="CQ15" s="704"/>
      <c r="CR15" s="664">
        <v>3192880</v>
      </c>
      <c r="CS15" s="665"/>
      <c r="CT15" s="665"/>
      <c r="CU15" s="665"/>
      <c r="CV15" s="665"/>
      <c r="CW15" s="665"/>
      <c r="CX15" s="665"/>
      <c r="CY15" s="666"/>
      <c r="CZ15" s="691">
        <v>8.8000000000000007</v>
      </c>
      <c r="DA15" s="691"/>
      <c r="DB15" s="691"/>
      <c r="DC15" s="691"/>
      <c r="DD15" s="670">
        <v>377906</v>
      </c>
      <c r="DE15" s="665"/>
      <c r="DF15" s="665"/>
      <c r="DG15" s="665"/>
      <c r="DH15" s="665"/>
      <c r="DI15" s="665"/>
      <c r="DJ15" s="665"/>
      <c r="DK15" s="665"/>
      <c r="DL15" s="665"/>
      <c r="DM15" s="665"/>
      <c r="DN15" s="665"/>
      <c r="DO15" s="665"/>
      <c r="DP15" s="666"/>
      <c r="DQ15" s="670">
        <v>2591544</v>
      </c>
      <c r="DR15" s="665"/>
      <c r="DS15" s="665"/>
      <c r="DT15" s="665"/>
      <c r="DU15" s="665"/>
      <c r="DV15" s="665"/>
      <c r="DW15" s="665"/>
      <c r="DX15" s="665"/>
      <c r="DY15" s="665"/>
      <c r="DZ15" s="665"/>
      <c r="EA15" s="665"/>
      <c r="EB15" s="665"/>
      <c r="EC15" s="705"/>
    </row>
    <row r="16" spans="2:143" ht="11.25" customHeight="1" x14ac:dyDescent="0.2">
      <c r="B16" s="661" t="s">
        <v>258</v>
      </c>
      <c r="C16" s="662"/>
      <c r="D16" s="662"/>
      <c r="E16" s="662"/>
      <c r="F16" s="662"/>
      <c r="G16" s="662"/>
      <c r="H16" s="662"/>
      <c r="I16" s="662"/>
      <c r="J16" s="662"/>
      <c r="K16" s="662"/>
      <c r="L16" s="662"/>
      <c r="M16" s="662"/>
      <c r="N16" s="662"/>
      <c r="O16" s="662"/>
      <c r="P16" s="662"/>
      <c r="Q16" s="663"/>
      <c r="R16" s="664">
        <v>41421</v>
      </c>
      <c r="S16" s="665"/>
      <c r="T16" s="665"/>
      <c r="U16" s="665"/>
      <c r="V16" s="665"/>
      <c r="W16" s="665"/>
      <c r="X16" s="665"/>
      <c r="Y16" s="666"/>
      <c r="Z16" s="691">
        <v>0.1</v>
      </c>
      <c r="AA16" s="691"/>
      <c r="AB16" s="691"/>
      <c r="AC16" s="691"/>
      <c r="AD16" s="692">
        <v>41421</v>
      </c>
      <c r="AE16" s="692"/>
      <c r="AF16" s="692"/>
      <c r="AG16" s="692"/>
      <c r="AH16" s="692"/>
      <c r="AI16" s="692"/>
      <c r="AJ16" s="692"/>
      <c r="AK16" s="692"/>
      <c r="AL16" s="667">
        <v>0.2</v>
      </c>
      <c r="AM16" s="668"/>
      <c r="AN16" s="668"/>
      <c r="AO16" s="693"/>
      <c r="AP16" s="661" t="s">
        <v>259</v>
      </c>
      <c r="AQ16" s="662"/>
      <c r="AR16" s="662"/>
      <c r="AS16" s="662"/>
      <c r="AT16" s="662"/>
      <c r="AU16" s="662"/>
      <c r="AV16" s="662"/>
      <c r="AW16" s="662"/>
      <c r="AX16" s="662"/>
      <c r="AY16" s="662"/>
      <c r="AZ16" s="662"/>
      <c r="BA16" s="662"/>
      <c r="BB16" s="662"/>
      <c r="BC16" s="662"/>
      <c r="BD16" s="662"/>
      <c r="BE16" s="662"/>
      <c r="BF16" s="663"/>
      <c r="BG16" s="664" t="s">
        <v>127</v>
      </c>
      <c r="BH16" s="665"/>
      <c r="BI16" s="665"/>
      <c r="BJ16" s="665"/>
      <c r="BK16" s="665"/>
      <c r="BL16" s="665"/>
      <c r="BM16" s="665"/>
      <c r="BN16" s="666"/>
      <c r="BO16" s="691" t="s">
        <v>127</v>
      </c>
      <c r="BP16" s="691"/>
      <c r="BQ16" s="691"/>
      <c r="BR16" s="691"/>
      <c r="BS16" s="692" t="s">
        <v>127</v>
      </c>
      <c r="BT16" s="692"/>
      <c r="BU16" s="692"/>
      <c r="BV16" s="692"/>
      <c r="BW16" s="692"/>
      <c r="BX16" s="692"/>
      <c r="BY16" s="692"/>
      <c r="BZ16" s="692"/>
      <c r="CA16" s="692"/>
      <c r="CB16" s="750"/>
      <c r="CD16" s="706" t="s">
        <v>260</v>
      </c>
      <c r="CE16" s="703"/>
      <c r="CF16" s="703"/>
      <c r="CG16" s="703"/>
      <c r="CH16" s="703"/>
      <c r="CI16" s="703"/>
      <c r="CJ16" s="703"/>
      <c r="CK16" s="703"/>
      <c r="CL16" s="703"/>
      <c r="CM16" s="703"/>
      <c r="CN16" s="703"/>
      <c r="CO16" s="703"/>
      <c r="CP16" s="703"/>
      <c r="CQ16" s="704"/>
      <c r="CR16" s="664">
        <v>22505</v>
      </c>
      <c r="CS16" s="665"/>
      <c r="CT16" s="665"/>
      <c r="CU16" s="665"/>
      <c r="CV16" s="665"/>
      <c r="CW16" s="665"/>
      <c r="CX16" s="665"/>
      <c r="CY16" s="666"/>
      <c r="CZ16" s="691">
        <v>0.1</v>
      </c>
      <c r="DA16" s="691"/>
      <c r="DB16" s="691"/>
      <c r="DC16" s="691"/>
      <c r="DD16" s="670" t="s">
        <v>127</v>
      </c>
      <c r="DE16" s="665"/>
      <c r="DF16" s="665"/>
      <c r="DG16" s="665"/>
      <c r="DH16" s="665"/>
      <c r="DI16" s="665"/>
      <c r="DJ16" s="665"/>
      <c r="DK16" s="665"/>
      <c r="DL16" s="665"/>
      <c r="DM16" s="665"/>
      <c r="DN16" s="665"/>
      <c r="DO16" s="665"/>
      <c r="DP16" s="666"/>
      <c r="DQ16" s="670">
        <v>22505</v>
      </c>
      <c r="DR16" s="665"/>
      <c r="DS16" s="665"/>
      <c r="DT16" s="665"/>
      <c r="DU16" s="665"/>
      <c r="DV16" s="665"/>
      <c r="DW16" s="665"/>
      <c r="DX16" s="665"/>
      <c r="DY16" s="665"/>
      <c r="DZ16" s="665"/>
      <c r="EA16" s="665"/>
      <c r="EB16" s="665"/>
      <c r="EC16" s="705"/>
    </row>
    <row r="17" spans="2:133" ht="11.25" customHeight="1" x14ac:dyDescent="0.2">
      <c r="B17" s="661" t="s">
        <v>261</v>
      </c>
      <c r="C17" s="662"/>
      <c r="D17" s="662"/>
      <c r="E17" s="662"/>
      <c r="F17" s="662"/>
      <c r="G17" s="662"/>
      <c r="H17" s="662"/>
      <c r="I17" s="662"/>
      <c r="J17" s="662"/>
      <c r="K17" s="662"/>
      <c r="L17" s="662"/>
      <c r="M17" s="662"/>
      <c r="N17" s="662"/>
      <c r="O17" s="662"/>
      <c r="P17" s="662"/>
      <c r="Q17" s="663"/>
      <c r="R17" s="664">
        <v>236148</v>
      </c>
      <c r="S17" s="665"/>
      <c r="T17" s="665"/>
      <c r="U17" s="665"/>
      <c r="V17" s="665"/>
      <c r="W17" s="665"/>
      <c r="X17" s="665"/>
      <c r="Y17" s="666"/>
      <c r="Z17" s="691">
        <v>0.6</v>
      </c>
      <c r="AA17" s="691"/>
      <c r="AB17" s="691"/>
      <c r="AC17" s="691"/>
      <c r="AD17" s="692">
        <v>236148</v>
      </c>
      <c r="AE17" s="692"/>
      <c r="AF17" s="692"/>
      <c r="AG17" s="692"/>
      <c r="AH17" s="692"/>
      <c r="AI17" s="692"/>
      <c r="AJ17" s="692"/>
      <c r="AK17" s="692"/>
      <c r="AL17" s="667">
        <v>1.2</v>
      </c>
      <c r="AM17" s="668"/>
      <c r="AN17" s="668"/>
      <c r="AO17" s="693"/>
      <c r="AP17" s="661" t="s">
        <v>262</v>
      </c>
      <c r="AQ17" s="662"/>
      <c r="AR17" s="662"/>
      <c r="AS17" s="662"/>
      <c r="AT17" s="662"/>
      <c r="AU17" s="662"/>
      <c r="AV17" s="662"/>
      <c r="AW17" s="662"/>
      <c r="AX17" s="662"/>
      <c r="AY17" s="662"/>
      <c r="AZ17" s="662"/>
      <c r="BA17" s="662"/>
      <c r="BB17" s="662"/>
      <c r="BC17" s="662"/>
      <c r="BD17" s="662"/>
      <c r="BE17" s="662"/>
      <c r="BF17" s="663"/>
      <c r="BG17" s="664" t="s">
        <v>127</v>
      </c>
      <c r="BH17" s="665"/>
      <c r="BI17" s="665"/>
      <c r="BJ17" s="665"/>
      <c r="BK17" s="665"/>
      <c r="BL17" s="665"/>
      <c r="BM17" s="665"/>
      <c r="BN17" s="666"/>
      <c r="BO17" s="691" t="s">
        <v>127</v>
      </c>
      <c r="BP17" s="691"/>
      <c r="BQ17" s="691"/>
      <c r="BR17" s="691"/>
      <c r="BS17" s="692" t="s">
        <v>127</v>
      </c>
      <c r="BT17" s="692"/>
      <c r="BU17" s="692"/>
      <c r="BV17" s="692"/>
      <c r="BW17" s="692"/>
      <c r="BX17" s="692"/>
      <c r="BY17" s="692"/>
      <c r="BZ17" s="692"/>
      <c r="CA17" s="692"/>
      <c r="CB17" s="750"/>
      <c r="CD17" s="706" t="s">
        <v>263</v>
      </c>
      <c r="CE17" s="703"/>
      <c r="CF17" s="703"/>
      <c r="CG17" s="703"/>
      <c r="CH17" s="703"/>
      <c r="CI17" s="703"/>
      <c r="CJ17" s="703"/>
      <c r="CK17" s="703"/>
      <c r="CL17" s="703"/>
      <c r="CM17" s="703"/>
      <c r="CN17" s="703"/>
      <c r="CO17" s="703"/>
      <c r="CP17" s="703"/>
      <c r="CQ17" s="704"/>
      <c r="CR17" s="664">
        <v>2799931</v>
      </c>
      <c r="CS17" s="665"/>
      <c r="CT17" s="665"/>
      <c r="CU17" s="665"/>
      <c r="CV17" s="665"/>
      <c r="CW17" s="665"/>
      <c r="CX17" s="665"/>
      <c r="CY17" s="666"/>
      <c r="CZ17" s="691">
        <v>7.8</v>
      </c>
      <c r="DA17" s="691"/>
      <c r="DB17" s="691"/>
      <c r="DC17" s="691"/>
      <c r="DD17" s="670" t="s">
        <v>127</v>
      </c>
      <c r="DE17" s="665"/>
      <c r="DF17" s="665"/>
      <c r="DG17" s="665"/>
      <c r="DH17" s="665"/>
      <c r="DI17" s="665"/>
      <c r="DJ17" s="665"/>
      <c r="DK17" s="665"/>
      <c r="DL17" s="665"/>
      <c r="DM17" s="665"/>
      <c r="DN17" s="665"/>
      <c r="DO17" s="665"/>
      <c r="DP17" s="666"/>
      <c r="DQ17" s="670">
        <v>2797810</v>
      </c>
      <c r="DR17" s="665"/>
      <c r="DS17" s="665"/>
      <c r="DT17" s="665"/>
      <c r="DU17" s="665"/>
      <c r="DV17" s="665"/>
      <c r="DW17" s="665"/>
      <c r="DX17" s="665"/>
      <c r="DY17" s="665"/>
      <c r="DZ17" s="665"/>
      <c r="EA17" s="665"/>
      <c r="EB17" s="665"/>
      <c r="EC17" s="705"/>
    </row>
    <row r="18" spans="2:133" ht="11.25" customHeight="1" x14ac:dyDescent="0.2">
      <c r="B18" s="661" t="s">
        <v>264</v>
      </c>
      <c r="C18" s="662"/>
      <c r="D18" s="662"/>
      <c r="E18" s="662"/>
      <c r="F18" s="662"/>
      <c r="G18" s="662"/>
      <c r="H18" s="662"/>
      <c r="I18" s="662"/>
      <c r="J18" s="662"/>
      <c r="K18" s="662"/>
      <c r="L18" s="662"/>
      <c r="M18" s="662"/>
      <c r="N18" s="662"/>
      <c r="O18" s="662"/>
      <c r="P18" s="662"/>
      <c r="Q18" s="663"/>
      <c r="R18" s="664">
        <v>224576</v>
      </c>
      <c r="S18" s="665"/>
      <c r="T18" s="665"/>
      <c r="U18" s="665"/>
      <c r="V18" s="665"/>
      <c r="W18" s="665"/>
      <c r="X18" s="665"/>
      <c r="Y18" s="666"/>
      <c r="Z18" s="691">
        <v>0.6</v>
      </c>
      <c r="AA18" s="691"/>
      <c r="AB18" s="691"/>
      <c r="AC18" s="691"/>
      <c r="AD18" s="692">
        <v>216641</v>
      </c>
      <c r="AE18" s="692"/>
      <c r="AF18" s="692"/>
      <c r="AG18" s="692"/>
      <c r="AH18" s="692"/>
      <c r="AI18" s="692"/>
      <c r="AJ18" s="692"/>
      <c r="AK18" s="692"/>
      <c r="AL18" s="667">
        <v>1.1000000238418579</v>
      </c>
      <c r="AM18" s="668"/>
      <c r="AN18" s="668"/>
      <c r="AO18" s="693"/>
      <c r="AP18" s="661" t="s">
        <v>265</v>
      </c>
      <c r="AQ18" s="662"/>
      <c r="AR18" s="662"/>
      <c r="AS18" s="662"/>
      <c r="AT18" s="662"/>
      <c r="AU18" s="662"/>
      <c r="AV18" s="662"/>
      <c r="AW18" s="662"/>
      <c r="AX18" s="662"/>
      <c r="AY18" s="662"/>
      <c r="AZ18" s="662"/>
      <c r="BA18" s="662"/>
      <c r="BB18" s="662"/>
      <c r="BC18" s="662"/>
      <c r="BD18" s="662"/>
      <c r="BE18" s="662"/>
      <c r="BF18" s="663"/>
      <c r="BG18" s="664" t="s">
        <v>127</v>
      </c>
      <c r="BH18" s="665"/>
      <c r="BI18" s="665"/>
      <c r="BJ18" s="665"/>
      <c r="BK18" s="665"/>
      <c r="BL18" s="665"/>
      <c r="BM18" s="665"/>
      <c r="BN18" s="666"/>
      <c r="BO18" s="691" t="s">
        <v>127</v>
      </c>
      <c r="BP18" s="691"/>
      <c r="BQ18" s="691"/>
      <c r="BR18" s="691"/>
      <c r="BS18" s="692" t="s">
        <v>127</v>
      </c>
      <c r="BT18" s="692"/>
      <c r="BU18" s="692"/>
      <c r="BV18" s="692"/>
      <c r="BW18" s="692"/>
      <c r="BX18" s="692"/>
      <c r="BY18" s="692"/>
      <c r="BZ18" s="692"/>
      <c r="CA18" s="692"/>
      <c r="CB18" s="750"/>
      <c r="CD18" s="706" t="s">
        <v>266</v>
      </c>
      <c r="CE18" s="703"/>
      <c r="CF18" s="703"/>
      <c r="CG18" s="703"/>
      <c r="CH18" s="703"/>
      <c r="CI18" s="703"/>
      <c r="CJ18" s="703"/>
      <c r="CK18" s="703"/>
      <c r="CL18" s="703"/>
      <c r="CM18" s="703"/>
      <c r="CN18" s="703"/>
      <c r="CO18" s="703"/>
      <c r="CP18" s="703"/>
      <c r="CQ18" s="704"/>
      <c r="CR18" s="664" t="s">
        <v>127</v>
      </c>
      <c r="CS18" s="665"/>
      <c r="CT18" s="665"/>
      <c r="CU18" s="665"/>
      <c r="CV18" s="665"/>
      <c r="CW18" s="665"/>
      <c r="CX18" s="665"/>
      <c r="CY18" s="666"/>
      <c r="CZ18" s="691" t="s">
        <v>127</v>
      </c>
      <c r="DA18" s="691"/>
      <c r="DB18" s="691"/>
      <c r="DC18" s="691"/>
      <c r="DD18" s="670" t="s">
        <v>127</v>
      </c>
      <c r="DE18" s="665"/>
      <c r="DF18" s="665"/>
      <c r="DG18" s="665"/>
      <c r="DH18" s="665"/>
      <c r="DI18" s="665"/>
      <c r="DJ18" s="665"/>
      <c r="DK18" s="665"/>
      <c r="DL18" s="665"/>
      <c r="DM18" s="665"/>
      <c r="DN18" s="665"/>
      <c r="DO18" s="665"/>
      <c r="DP18" s="666"/>
      <c r="DQ18" s="670" t="s">
        <v>127</v>
      </c>
      <c r="DR18" s="665"/>
      <c r="DS18" s="665"/>
      <c r="DT18" s="665"/>
      <c r="DU18" s="665"/>
      <c r="DV18" s="665"/>
      <c r="DW18" s="665"/>
      <c r="DX18" s="665"/>
      <c r="DY18" s="665"/>
      <c r="DZ18" s="665"/>
      <c r="EA18" s="665"/>
      <c r="EB18" s="665"/>
      <c r="EC18" s="705"/>
    </row>
    <row r="19" spans="2:133" ht="11.25" customHeight="1" x14ac:dyDescent="0.2">
      <c r="B19" s="661" t="s">
        <v>267</v>
      </c>
      <c r="C19" s="662"/>
      <c r="D19" s="662"/>
      <c r="E19" s="662"/>
      <c r="F19" s="662"/>
      <c r="G19" s="662"/>
      <c r="H19" s="662"/>
      <c r="I19" s="662"/>
      <c r="J19" s="662"/>
      <c r="K19" s="662"/>
      <c r="L19" s="662"/>
      <c r="M19" s="662"/>
      <c r="N19" s="662"/>
      <c r="O19" s="662"/>
      <c r="P19" s="662"/>
      <c r="Q19" s="663"/>
      <c r="R19" s="664">
        <v>95336</v>
      </c>
      <c r="S19" s="665"/>
      <c r="T19" s="665"/>
      <c r="U19" s="665"/>
      <c r="V19" s="665"/>
      <c r="W19" s="665"/>
      <c r="X19" s="665"/>
      <c r="Y19" s="666"/>
      <c r="Z19" s="691">
        <v>0.2</v>
      </c>
      <c r="AA19" s="691"/>
      <c r="AB19" s="691"/>
      <c r="AC19" s="691"/>
      <c r="AD19" s="692">
        <v>95336</v>
      </c>
      <c r="AE19" s="692"/>
      <c r="AF19" s="692"/>
      <c r="AG19" s="692"/>
      <c r="AH19" s="692"/>
      <c r="AI19" s="692"/>
      <c r="AJ19" s="692"/>
      <c r="AK19" s="692"/>
      <c r="AL19" s="667">
        <v>0.5</v>
      </c>
      <c r="AM19" s="668"/>
      <c r="AN19" s="668"/>
      <c r="AO19" s="693"/>
      <c r="AP19" s="661" t="s">
        <v>268</v>
      </c>
      <c r="AQ19" s="662"/>
      <c r="AR19" s="662"/>
      <c r="AS19" s="662"/>
      <c r="AT19" s="662"/>
      <c r="AU19" s="662"/>
      <c r="AV19" s="662"/>
      <c r="AW19" s="662"/>
      <c r="AX19" s="662"/>
      <c r="AY19" s="662"/>
      <c r="AZ19" s="662"/>
      <c r="BA19" s="662"/>
      <c r="BB19" s="662"/>
      <c r="BC19" s="662"/>
      <c r="BD19" s="662"/>
      <c r="BE19" s="662"/>
      <c r="BF19" s="663"/>
      <c r="BG19" s="664">
        <v>866130</v>
      </c>
      <c r="BH19" s="665"/>
      <c r="BI19" s="665"/>
      <c r="BJ19" s="665"/>
      <c r="BK19" s="665"/>
      <c r="BL19" s="665"/>
      <c r="BM19" s="665"/>
      <c r="BN19" s="666"/>
      <c r="BO19" s="691">
        <v>5.2</v>
      </c>
      <c r="BP19" s="691"/>
      <c r="BQ19" s="691"/>
      <c r="BR19" s="691"/>
      <c r="BS19" s="692" t="s">
        <v>127</v>
      </c>
      <c r="BT19" s="692"/>
      <c r="BU19" s="692"/>
      <c r="BV19" s="692"/>
      <c r="BW19" s="692"/>
      <c r="BX19" s="692"/>
      <c r="BY19" s="692"/>
      <c r="BZ19" s="692"/>
      <c r="CA19" s="692"/>
      <c r="CB19" s="750"/>
      <c r="CD19" s="706" t="s">
        <v>269</v>
      </c>
      <c r="CE19" s="703"/>
      <c r="CF19" s="703"/>
      <c r="CG19" s="703"/>
      <c r="CH19" s="703"/>
      <c r="CI19" s="703"/>
      <c r="CJ19" s="703"/>
      <c r="CK19" s="703"/>
      <c r="CL19" s="703"/>
      <c r="CM19" s="703"/>
      <c r="CN19" s="703"/>
      <c r="CO19" s="703"/>
      <c r="CP19" s="703"/>
      <c r="CQ19" s="704"/>
      <c r="CR19" s="664" t="s">
        <v>127</v>
      </c>
      <c r="CS19" s="665"/>
      <c r="CT19" s="665"/>
      <c r="CU19" s="665"/>
      <c r="CV19" s="665"/>
      <c r="CW19" s="665"/>
      <c r="CX19" s="665"/>
      <c r="CY19" s="666"/>
      <c r="CZ19" s="691" t="s">
        <v>127</v>
      </c>
      <c r="DA19" s="691"/>
      <c r="DB19" s="691"/>
      <c r="DC19" s="691"/>
      <c r="DD19" s="670" t="s">
        <v>127</v>
      </c>
      <c r="DE19" s="665"/>
      <c r="DF19" s="665"/>
      <c r="DG19" s="665"/>
      <c r="DH19" s="665"/>
      <c r="DI19" s="665"/>
      <c r="DJ19" s="665"/>
      <c r="DK19" s="665"/>
      <c r="DL19" s="665"/>
      <c r="DM19" s="665"/>
      <c r="DN19" s="665"/>
      <c r="DO19" s="665"/>
      <c r="DP19" s="666"/>
      <c r="DQ19" s="670" t="s">
        <v>127</v>
      </c>
      <c r="DR19" s="665"/>
      <c r="DS19" s="665"/>
      <c r="DT19" s="665"/>
      <c r="DU19" s="665"/>
      <c r="DV19" s="665"/>
      <c r="DW19" s="665"/>
      <c r="DX19" s="665"/>
      <c r="DY19" s="665"/>
      <c r="DZ19" s="665"/>
      <c r="EA19" s="665"/>
      <c r="EB19" s="665"/>
      <c r="EC19" s="705"/>
    </row>
    <row r="20" spans="2:133" ht="11.25" customHeight="1" x14ac:dyDescent="0.2">
      <c r="B20" s="661" t="s">
        <v>270</v>
      </c>
      <c r="C20" s="662"/>
      <c r="D20" s="662"/>
      <c r="E20" s="662"/>
      <c r="F20" s="662"/>
      <c r="G20" s="662"/>
      <c r="H20" s="662"/>
      <c r="I20" s="662"/>
      <c r="J20" s="662"/>
      <c r="K20" s="662"/>
      <c r="L20" s="662"/>
      <c r="M20" s="662"/>
      <c r="N20" s="662"/>
      <c r="O20" s="662"/>
      <c r="P20" s="662"/>
      <c r="Q20" s="663"/>
      <c r="R20" s="664">
        <v>13035</v>
      </c>
      <c r="S20" s="665"/>
      <c r="T20" s="665"/>
      <c r="U20" s="665"/>
      <c r="V20" s="665"/>
      <c r="W20" s="665"/>
      <c r="X20" s="665"/>
      <c r="Y20" s="666"/>
      <c r="Z20" s="691">
        <v>0</v>
      </c>
      <c r="AA20" s="691"/>
      <c r="AB20" s="691"/>
      <c r="AC20" s="691"/>
      <c r="AD20" s="692">
        <v>13035</v>
      </c>
      <c r="AE20" s="692"/>
      <c r="AF20" s="692"/>
      <c r="AG20" s="692"/>
      <c r="AH20" s="692"/>
      <c r="AI20" s="692"/>
      <c r="AJ20" s="692"/>
      <c r="AK20" s="692"/>
      <c r="AL20" s="667">
        <v>0.1</v>
      </c>
      <c r="AM20" s="668"/>
      <c r="AN20" s="668"/>
      <c r="AO20" s="693"/>
      <c r="AP20" s="661" t="s">
        <v>271</v>
      </c>
      <c r="AQ20" s="662"/>
      <c r="AR20" s="662"/>
      <c r="AS20" s="662"/>
      <c r="AT20" s="662"/>
      <c r="AU20" s="662"/>
      <c r="AV20" s="662"/>
      <c r="AW20" s="662"/>
      <c r="AX20" s="662"/>
      <c r="AY20" s="662"/>
      <c r="AZ20" s="662"/>
      <c r="BA20" s="662"/>
      <c r="BB20" s="662"/>
      <c r="BC20" s="662"/>
      <c r="BD20" s="662"/>
      <c r="BE20" s="662"/>
      <c r="BF20" s="663"/>
      <c r="BG20" s="664">
        <v>866130</v>
      </c>
      <c r="BH20" s="665"/>
      <c r="BI20" s="665"/>
      <c r="BJ20" s="665"/>
      <c r="BK20" s="665"/>
      <c r="BL20" s="665"/>
      <c r="BM20" s="665"/>
      <c r="BN20" s="666"/>
      <c r="BO20" s="691">
        <v>5.2</v>
      </c>
      <c r="BP20" s="691"/>
      <c r="BQ20" s="691"/>
      <c r="BR20" s="691"/>
      <c r="BS20" s="692" t="s">
        <v>127</v>
      </c>
      <c r="BT20" s="692"/>
      <c r="BU20" s="692"/>
      <c r="BV20" s="692"/>
      <c r="BW20" s="692"/>
      <c r="BX20" s="692"/>
      <c r="BY20" s="692"/>
      <c r="BZ20" s="692"/>
      <c r="CA20" s="692"/>
      <c r="CB20" s="750"/>
      <c r="CD20" s="706" t="s">
        <v>272</v>
      </c>
      <c r="CE20" s="703"/>
      <c r="CF20" s="703"/>
      <c r="CG20" s="703"/>
      <c r="CH20" s="703"/>
      <c r="CI20" s="703"/>
      <c r="CJ20" s="703"/>
      <c r="CK20" s="703"/>
      <c r="CL20" s="703"/>
      <c r="CM20" s="703"/>
      <c r="CN20" s="703"/>
      <c r="CO20" s="703"/>
      <c r="CP20" s="703"/>
      <c r="CQ20" s="704"/>
      <c r="CR20" s="664">
        <v>36101492</v>
      </c>
      <c r="CS20" s="665"/>
      <c r="CT20" s="665"/>
      <c r="CU20" s="665"/>
      <c r="CV20" s="665"/>
      <c r="CW20" s="665"/>
      <c r="CX20" s="665"/>
      <c r="CY20" s="666"/>
      <c r="CZ20" s="691">
        <v>100</v>
      </c>
      <c r="DA20" s="691"/>
      <c r="DB20" s="691"/>
      <c r="DC20" s="691"/>
      <c r="DD20" s="670">
        <v>1969688</v>
      </c>
      <c r="DE20" s="665"/>
      <c r="DF20" s="665"/>
      <c r="DG20" s="665"/>
      <c r="DH20" s="665"/>
      <c r="DI20" s="665"/>
      <c r="DJ20" s="665"/>
      <c r="DK20" s="665"/>
      <c r="DL20" s="665"/>
      <c r="DM20" s="665"/>
      <c r="DN20" s="665"/>
      <c r="DO20" s="665"/>
      <c r="DP20" s="666"/>
      <c r="DQ20" s="670">
        <v>22311570</v>
      </c>
      <c r="DR20" s="665"/>
      <c r="DS20" s="665"/>
      <c r="DT20" s="665"/>
      <c r="DU20" s="665"/>
      <c r="DV20" s="665"/>
      <c r="DW20" s="665"/>
      <c r="DX20" s="665"/>
      <c r="DY20" s="665"/>
      <c r="DZ20" s="665"/>
      <c r="EA20" s="665"/>
      <c r="EB20" s="665"/>
      <c r="EC20" s="705"/>
    </row>
    <row r="21" spans="2:133" ht="11.25" customHeight="1" x14ac:dyDescent="0.2">
      <c r="B21" s="661" t="s">
        <v>273</v>
      </c>
      <c r="C21" s="662"/>
      <c r="D21" s="662"/>
      <c r="E21" s="662"/>
      <c r="F21" s="662"/>
      <c r="G21" s="662"/>
      <c r="H21" s="662"/>
      <c r="I21" s="662"/>
      <c r="J21" s="662"/>
      <c r="K21" s="662"/>
      <c r="L21" s="662"/>
      <c r="M21" s="662"/>
      <c r="N21" s="662"/>
      <c r="O21" s="662"/>
      <c r="P21" s="662"/>
      <c r="Q21" s="663"/>
      <c r="R21" s="664">
        <v>5039</v>
      </c>
      <c r="S21" s="665"/>
      <c r="T21" s="665"/>
      <c r="U21" s="665"/>
      <c r="V21" s="665"/>
      <c r="W21" s="665"/>
      <c r="X21" s="665"/>
      <c r="Y21" s="666"/>
      <c r="Z21" s="691">
        <v>0</v>
      </c>
      <c r="AA21" s="691"/>
      <c r="AB21" s="691"/>
      <c r="AC21" s="691"/>
      <c r="AD21" s="692">
        <v>5039</v>
      </c>
      <c r="AE21" s="692"/>
      <c r="AF21" s="692"/>
      <c r="AG21" s="692"/>
      <c r="AH21" s="692"/>
      <c r="AI21" s="692"/>
      <c r="AJ21" s="692"/>
      <c r="AK21" s="692"/>
      <c r="AL21" s="667">
        <v>0</v>
      </c>
      <c r="AM21" s="668"/>
      <c r="AN21" s="668"/>
      <c r="AO21" s="693"/>
      <c r="AP21" s="757" t="s">
        <v>274</v>
      </c>
      <c r="AQ21" s="764"/>
      <c r="AR21" s="764"/>
      <c r="AS21" s="764"/>
      <c r="AT21" s="764"/>
      <c r="AU21" s="764"/>
      <c r="AV21" s="764"/>
      <c r="AW21" s="764"/>
      <c r="AX21" s="764"/>
      <c r="AY21" s="764"/>
      <c r="AZ21" s="764"/>
      <c r="BA21" s="764"/>
      <c r="BB21" s="764"/>
      <c r="BC21" s="764"/>
      <c r="BD21" s="764"/>
      <c r="BE21" s="764"/>
      <c r="BF21" s="759"/>
      <c r="BG21" s="664" t="s">
        <v>127</v>
      </c>
      <c r="BH21" s="665"/>
      <c r="BI21" s="665"/>
      <c r="BJ21" s="665"/>
      <c r="BK21" s="665"/>
      <c r="BL21" s="665"/>
      <c r="BM21" s="665"/>
      <c r="BN21" s="666"/>
      <c r="BO21" s="691" t="s">
        <v>127</v>
      </c>
      <c r="BP21" s="691"/>
      <c r="BQ21" s="691"/>
      <c r="BR21" s="691"/>
      <c r="BS21" s="692" t="s">
        <v>127</v>
      </c>
      <c r="BT21" s="692"/>
      <c r="BU21" s="692"/>
      <c r="BV21" s="692"/>
      <c r="BW21" s="692"/>
      <c r="BX21" s="692"/>
      <c r="BY21" s="692"/>
      <c r="BZ21" s="692"/>
      <c r="CA21" s="692"/>
      <c r="CB21" s="750"/>
      <c r="CD21" s="769"/>
      <c r="CE21" s="695"/>
      <c r="CF21" s="695"/>
      <c r="CG21" s="695"/>
      <c r="CH21" s="695"/>
      <c r="CI21" s="695"/>
      <c r="CJ21" s="695"/>
      <c r="CK21" s="695"/>
      <c r="CL21" s="695"/>
      <c r="CM21" s="695"/>
      <c r="CN21" s="695"/>
      <c r="CO21" s="695"/>
      <c r="CP21" s="695"/>
      <c r="CQ21" s="696"/>
      <c r="CR21" s="770"/>
      <c r="CS21" s="771"/>
      <c r="CT21" s="771"/>
      <c r="CU21" s="771"/>
      <c r="CV21" s="771"/>
      <c r="CW21" s="771"/>
      <c r="CX21" s="771"/>
      <c r="CY21" s="772"/>
      <c r="CZ21" s="773"/>
      <c r="DA21" s="773"/>
      <c r="DB21" s="773"/>
      <c r="DC21" s="773"/>
      <c r="DD21" s="774"/>
      <c r="DE21" s="771"/>
      <c r="DF21" s="771"/>
      <c r="DG21" s="771"/>
      <c r="DH21" s="771"/>
      <c r="DI21" s="771"/>
      <c r="DJ21" s="771"/>
      <c r="DK21" s="771"/>
      <c r="DL21" s="771"/>
      <c r="DM21" s="771"/>
      <c r="DN21" s="771"/>
      <c r="DO21" s="771"/>
      <c r="DP21" s="772"/>
      <c r="DQ21" s="774"/>
      <c r="DR21" s="771"/>
      <c r="DS21" s="771"/>
      <c r="DT21" s="771"/>
      <c r="DU21" s="771"/>
      <c r="DV21" s="771"/>
      <c r="DW21" s="771"/>
      <c r="DX21" s="771"/>
      <c r="DY21" s="771"/>
      <c r="DZ21" s="771"/>
      <c r="EA21" s="771"/>
      <c r="EB21" s="771"/>
      <c r="EC21" s="778"/>
    </row>
    <row r="22" spans="2:133" ht="11.25" customHeight="1" x14ac:dyDescent="0.2">
      <c r="B22" s="727" t="s">
        <v>275</v>
      </c>
      <c r="C22" s="728"/>
      <c r="D22" s="728"/>
      <c r="E22" s="728"/>
      <c r="F22" s="728"/>
      <c r="G22" s="728"/>
      <c r="H22" s="728"/>
      <c r="I22" s="728"/>
      <c r="J22" s="728"/>
      <c r="K22" s="728"/>
      <c r="L22" s="728"/>
      <c r="M22" s="728"/>
      <c r="N22" s="728"/>
      <c r="O22" s="728"/>
      <c r="P22" s="728"/>
      <c r="Q22" s="729"/>
      <c r="R22" s="664">
        <v>111166</v>
      </c>
      <c r="S22" s="665"/>
      <c r="T22" s="665"/>
      <c r="U22" s="665"/>
      <c r="V22" s="665"/>
      <c r="W22" s="665"/>
      <c r="X22" s="665"/>
      <c r="Y22" s="666"/>
      <c r="Z22" s="691">
        <v>0.3</v>
      </c>
      <c r="AA22" s="691"/>
      <c r="AB22" s="691"/>
      <c r="AC22" s="691"/>
      <c r="AD22" s="692">
        <v>103231</v>
      </c>
      <c r="AE22" s="692"/>
      <c r="AF22" s="692"/>
      <c r="AG22" s="692"/>
      <c r="AH22" s="692"/>
      <c r="AI22" s="692"/>
      <c r="AJ22" s="692"/>
      <c r="AK22" s="692"/>
      <c r="AL22" s="667">
        <v>0.5</v>
      </c>
      <c r="AM22" s="668"/>
      <c r="AN22" s="668"/>
      <c r="AO22" s="693"/>
      <c r="AP22" s="757" t="s">
        <v>276</v>
      </c>
      <c r="AQ22" s="764"/>
      <c r="AR22" s="764"/>
      <c r="AS22" s="764"/>
      <c r="AT22" s="764"/>
      <c r="AU22" s="764"/>
      <c r="AV22" s="764"/>
      <c r="AW22" s="764"/>
      <c r="AX22" s="764"/>
      <c r="AY22" s="764"/>
      <c r="AZ22" s="764"/>
      <c r="BA22" s="764"/>
      <c r="BB22" s="764"/>
      <c r="BC22" s="764"/>
      <c r="BD22" s="764"/>
      <c r="BE22" s="764"/>
      <c r="BF22" s="759"/>
      <c r="BG22" s="664" t="s">
        <v>127</v>
      </c>
      <c r="BH22" s="665"/>
      <c r="BI22" s="665"/>
      <c r="BJ22" s="665"/>
      <c r="BK22" s="665"/>
      <c r="BL22" s="665"/>
      <c r="BM22" s="665"/>
      <c r="BN22" s="666"/>
      <c r="BO22" s="691" t="s">
        <v>127</v>
      </c>
      <c r="BP22" s="691"/>
      <c r="BQ22" s="691"/>
      <c r="BR22" s="691"/>
      <c r="BS22" s="692" t="s">
        <v>127</v>
      </c>
      <c r="BT22" s="692"/>
      <c r="BU22" s="692"/>
      <c r="BV22" s="692"/>
      <c r="BW22" s="692"/>
      <c r="BX22" s="692"/>
      <c r="BY22" s="692"/>
      <c r="BZ22" s="692"/>
      <c r="CA22" s="692"/>
      <c r="CB22" s="750"/>
      <c r="CD22" s="766" t="s">
        <v>277</v>
      </c>
      <c r="CE22" s="767"/>
      <c r="CF22" s="767"/>
      <c r="CG22" s="767"/>
      <c r="CH22" s="767"/>
      <c r="CI22" s="767"/>
      <c r="CJ22" s="767"/>
      <c r="CK22" s="767"/>
      <c r="CL22" s="767"/>
      <c r="CM22" s="767"/>
      <c r="CN22" s="767"/>
      <c r="CO22" s="767"/>
      <c r="CP22" s="767"/>
      <c r="CQ22" s="767"/>
      <c r="CR22" s="767"/>
      <c r="CS22" s="767"/>
      <c r="CT22" s="767"/>
      <c r="CU22" s="767"/>
      <c r="CV22" s="767"/>
      <c r="CW22" s="767"/>
      <c r="CX22" s="767"/>
      <c r="CY22" s="767"/>
      <c r="CZ22" s="767"/>
      <c r="DA22" s="767"/>
      <c r="DB22" s="767"/>
      <c r="DC22" s="767"/>
      <c r="DD22" s="767"/>
      <c r="DE22" s="767"/>
      <c r="DF22" s="767"/>
      <c r="DG22" s="767"/>
      <c r="DH22" s="767"/>
      <c r="DI22" s="767"/>
      <c r="DJ22" s="767"/>
      <c r="DK22" s="767"/>
      <c r="DL22" s="767"/>
      <c r="DM22" s="767"/>
      <c r="DN22" s="767"/>
      <c r="DO22" s="767"/>
      <c r="DP22" s="767"/>
      <c r="DQ22" s="767"/>
      <c r="DR22" s="767"/>
      <c r="DS22" s="767"/>
      <c r="DT22" s="767"/>
      <c r="DU22" s="767"/>
      <c r="DV22" s="767"/>
      <c r="DW22" s="767"/>
      <c r="DX22" s="767"/>
      <c r="DY22" s="767"/>
      <c r="DZ22" s="767"/>
      <c r="EA22" s="767"/>
      <c r="EB22" s="767"/>
      <c r="EC22" s="768"/>
    </row>
    <row r="23" spans="2:133" ht="11.25" customHeight="1" x14ac:dyDescent="0.2">
      <c r="B23" s="661" t="s">
        <v>278</v>
      </c>
      <c r="C23" s="662"/>
      <c r="D23" s="662"/>
      <c r="E23" s="662"/>
      <c r="F23" s="662"/>
      <c r="G23" s="662"/>
      <c r="H23" s="662"/>
      <c r="I23" s="662"/>
      <c r="J23" s="662"/>
      <c r="K23" s="662"/>
      <c r="L23" s="662"/>
      <c r="M23" s="662"/>
      <c r="N23" s="662"/>
      <c r="O23" s="662"/>
      <c r="P23" s="662"/>
      <c r="Q23" s="663"/>
      <c r="R23" s="664">
        <v>1513972</v>
      </c>
      <c r="S23" s="665"/>
      <c r="T23" s="665"/>
      <c r="U23" s="665"/>
      <c r="V23" s="665"/>
      <c r="W23" s="665"/>
      <c r="X23" s="665"/>
      <c r="Y23" s="666"/>
      <c r="Z23" s="691">
        <v>3.9</v>
      </c>
      <c r="AA23" s="691"/>
      <c r="AB23" s="691"/>
      <c r="AC23" s="691"/>
      <c r="AD23" s="692">
        <v>1378735</v>
      </c>
      <c r="AE23" s="692"/>
      <c r="AF23" s="692"/>
      <c r="AG23" s="692"/>
      <c r="AH23" s="692"/>
      <c r="AI23" s="692"/>
      <c r="AJ23" s="692"/>
      <c r="AK23" s="692"/>
      <c r="AL23" s="667">
        <v>6.7</v>
      </c>
      <c r="AM23" s="668"/>
      <c r="AN23" s="668"/>
      <c r="AO23" s="693"/>
      <c r="AP23" s="757" t="s">
        <v>279</v>
      </c>
      <c r="AQ23" s="764"/>
      <c r="AR23" s="764"/>
      <c r="AS23" s="764"/>
      <c r="AT23" s="764"/>
      <c r="AU23" s="764"/>
      <c r="AV23" s="764"/>
      <c r="AW23" s="764"/>
      <c r="AX23" s="764"/>
      <c r="AY23" s="764"/>
      <c r="AZ23" s="764"/>
      <c r="BA23" s="764"/>
      <c r="BB23" s="764"/>
      <c r="BC23" s="764"/>
      <c r="BD23" s="764"/>
      <c r="BE23" s="764"/>
      <c r="BF23" s="759"/>
      <c r="BG23" s="664">
        <v>866130</v>
      </c>
      <c r="BH23" s="665"/>
      <c r="BI23" s="665"/>
      <c r="BJ23" s="665"/>
      <c r="BK23" s="665"/>
      <c r="BL23" s="665"/>
      <c r="BM23" s="665"/>
      <c r="BN23" s="666"/>
      <c r="BO23" s="691">
        <v>5.2</v>
      </c>
      <c r="BP23" s="691"/>
      <c r="BQ23" s="691"/>
      <c r="BR23" s="691"/>
      <c r="BS23" s="692" t="s">
        <v>127</v>
      </c>
      <c r="BT23" s="692"/>
      <c r="BU23" s="692"/>
      <c r="BV23" s="692"/>
      <c r="BW23" s="692"/>
      <c r="BX23" s="692"/>
      <c r="BY23" s="692"/>
      <c r="BZ23" s="692"/>
      <c r="CA23" s="692"/>
      <c r="CB23" s="750"/>
      <c r="CD23" s="766" t="s">
        <v>219</v>
      </c>
      <c r="CE23" s="767"/>
      <c r="CF23" s="767"/>
      <c r="CG23" s="767"/>
      <c r="CH23" s="767"/>
      <c r="CI23" s="767"/>
      <c r="CJ23" s="767"/>
      <c r="CK23" s="767"/>
      <c r="CL23" s="767"/>
      <c r="CM23" s="767"/>
      <c r="CN23" s="767"/>
      <c r="CO23" s="767"/>
      <c r="CP23" s="767"/>
      <c r="CQ23" s="768"/>
      <c r="CR23" s="766" t="s">
        <v>280</v>
      </c>
      <c r="CS23" s="767"/>
      <c r="CT23" s="767"/>
      <c r="CU23" s="767"/>
      <c r="CV23" s="767"/>
      <c r="CW23" s="767"/>
      <c r="CX23" s="767"/>
      <c r="CY23" s="768"/>
      <c r="CZ23" s="766" t="s">
        <v>281</v>
      </c>
      <c r="DA23" s="767"/>
      <c r="DB23" s="767"/>
      <c r="DC23" s="768"/>
      <c r="DD23" s="766" t="s">
        <v>282</v>
      </c>
      <c r="DE23" s="767"/>
      <c r="DF23" s="767"/>
      <c r="DG23" s="767"/>
      <c r="DH23" s="767"/>
      <c r="DI23" s="767"/>
      <c r="DJ23" s="767"/>
      <c r="DK23" s="768"/>
      <c r="DL23" s="775" t="s">
        <v>283</v>
      </c>
      <c r="DM23" s="776"/>
      <c r="DN23" s="776"/>
      <c r="DO23" s="776"/>
      <c r="DP23" s="776"/>
      <c r="DQ23" s="776"/>
      <c r="DR23" s="776"/>
      <c r="DS23" s="776"/>
      <c r="DT23" s="776"/>
      <c r="DU23" s="776"/>
      <c r="DV23" s="777"/>
      <c r="DW23" s="766" t="s">
        <v>284</v>
      </c>
      <c r="DX23" s="767"/>
      <c r="DY23" s="767"/>
      <c r="DZ23" s="767"/>
      <c r="EA23" s="767"/>
      <c r="EB23" s="767"/>
      <c r="EC23" s="768"/>
    </row>
    <row r="24" spans="2:133" ht="11.25" customHeight="1" x14ac:dyDescent="0.2">
      <c r="B24" s="661" t="s">
        <v>285</v>
      </c>
      <c r="C24" s="662"/>
      <c r="D24" s="662"/>
      <c r="E24" s="662"/>
      <c r="F24" s="662"/>
      <c r="G24" s="662"/>
      <c r="H24" s="662"/>
      <c r="I24" s="662"/>
      <c r="J24" s="662"/>
      <c r="K24" s="662"/>
      <c r="L24" s="662"/>
      <c r="M24" s="662"/>
      <c r="N24" s="662"/>
      <c r="O24" s="662"/>
      <c r="P24" s="662"/>
      <c r="Q24" s="663"/>
      <c r="R24" s="664">
        <v>1378735</v>
      </c>
      <c r="S24" s="665"/>
      <c r="T24" s="665"/>
      <c r="U24" s="665"/>
      <c r="V24" s="665"/>
      <c r="W24" s="665"/>
      <c r="X24" s="665"/>
      <c r="Y24" s="666"/>
      <c r="Z24" s="691">
        <v>3.6</v>
      </c>
      <c r="AA24" s="691"/>
      <c r="AB24" s="691"/>
      <c r="AC24" s="691"/>
      <c r="AD24" s="692">
        <v>1378735</v>
      </c>
      <c r="AE24" s="692"/>
      <c r="AF24" s="692"/>
      <c r="AG24" s="692"/>
      <c r="AH24" s="692"/>
      <c r="AI24" s="692"/>
      <c r="AJ24" s="692"/>
      <c r="AK24" s="692"/>
      <c r="AL24" s="667">
        <v>6.7</v>
      </c>
      <c r="AM24" s="668"/>
      <c r="AN24" s="668"/>
      <c r="AO24" s="693"/>
      <c r="AP24" s="757" t="s">
        <v>286</v>
      </c>
      <c r="AQ24" s="764"/>
      <c r="AR24" s="764"/>
      <c r="AS24" s="764"/>
      <c r="AT24" s="764"/>
      <c r="AU24" s="764"/>
      <c r="AV24" s="764"/>
      <c r="AW24" s="764"/>
      <c r="AX24" s="764"/>
      <c r="AY24" s="764"/>
      <c r="AZ24" s="764"/>
      <c r="BA24" s="764"/>
      <c r="BB24" s="764"/>
      <c r="BC24" s="764"/>
      <c r="BD24" s="764"/>
      <c r="BE24" s="764"/>
      <c r="BF24" s="759"/>
      <c r="BG24" s="664" t="s">
        <v>127</v>
      </c>
      <c r="BH24" s="665"/>
      <c r="BI24" s="665"/>
      <c r="BJ24" s="665"/>
      <c r="BK24" s="665"/>
      <c r="BL24" s="665"/>
      <c r="BM24" s="665"/>
      <c r="BN24" s="666"/>
      <c r="BO24" s="691" t="s">
        <v>127</v>
      </c>
      <c r="BP24" s="691"/>
      <c r="BQ24" s="691"/>
      <c r="BR24" s="691"/>
      <c r="BS24" s="692" t="s">
        <v>127</v>
      </c>
      <c r="BT24" s="692"/>
      <c r="BU24" s="692"/>
      <c r="BV24" s="692"/>
      <c r="BW24" s="692"/>
      <c r="BX24" s="692"/>
      <c r="BY24" s="692"/>
      <c r="BZ24" s="692"/>
      <c r="CA24" s="692"/>
      <c r="CB24" s="750"/>
      <c r="CD24" s="720" t="s">
        <v>287</v>
      </c>
      <c r="CE24" s="721"/>
      <c r="CF24" s="721"/>
      <c r="CG24" s="721"/>
      <c r="CH24" s="721"/>
      <c r="CI24" s="721"/>
      <c r="CJ24" s="721"/>
      <c r="CK24" s="721"/>
      <c r="CL24" s="721"/>
      <c r="CM24" s="721"/>
      <c r="CN24" s="721"/>
      <c r="CO24" s="721"/>
      <c r="CP24" s="721"/>
      <c r="CQ24" s="722"/>
      <c r="CR24" s="717">
        <v>21330352</v>
      </c>
      <c r="CS24" s="718"/>
      <c r="CT24" s="718"/>
      <c r="CU24" s="718"/>
      <c r="CV24" s="718"/>
      <c r="CW24" s="718"/>
      <c r="CX24" s="718"/>
      <c r="CY24" s="761"/>
      <c r="CZ24" s="762">
        <v>59.1</v>
      </c>
      <c r="DA24" s="735"/>
      <c r="DB24" s="735"/>
      <c r="DC24" s="765"/>
      <c r="DD24" s="760">
        <v>11813066</v>
      </c>
      <c r="DE24" s="718"/>
      <c r="DF24" s="718"/>
      <c r="DG24" s="718"/>
      <c r="DH24" s="718"/>
      <c r="DI24" s="718"/>
      <c r="DJ24" s="718"/>
      <c r="DK24" s="761"/>
      <c r="DL24" s="760">
        <v>11809857</v>
      </c>
      <c r="DM24" s="718"/>
      <c r="DN24" s="718"/>
      <c r="DO24" s="718"/>
      <c r="DP24" s="718"/>
      <c r="DQ24" s="718"/>
      <c r="DR24" s="718"/>
      <c r="DS24" s="718"/>
      <c r="DT24" s="718"/>
      <c r="DU24" s="718"/>
      <c r="DV24" s="761"/>
      <c r="DW24" s="762">
        <v>54.4</v>
      </c>
      <c r="DX24" s="735"/>
      <c r="DY24" s="735"/>
      <c r="DZ24" s="735"/>
      <c r="EA24" s="735"/>
      <c r="EB24" s="735"/>
      <c r="EC24" s="763"/>
    </row>
    <row r="25" spans="2:133" ht="11.25" customHeight="1" x14ac:dyDescent="0.2">
      <c r="B25" s="661" t="s">
        <v>288</v>
      </c>
      <c r="C25" s="662"/>
      <c r="D25" s="662"/>
      <c r="E25" s="662"/>
      <c r="F25" s="662"/>
      <c r="G25" s="662"/>
      <c r="H25" s="662"/>
      <c r="I25" s="662"/>
      <c r="J25" s="662"/>
      <c r="K25" s="662"/>
      <c r="L25" s="662"/>
      <c r="M25" s="662"/>
      <c r="N25" s="662"/>
      <c r="O25" s="662"/>
      <c r="P25" s="662"/>
      <c r="Q25" s="663"/>
      <c r="R25" s="664">
        <v>135231</v>
      </c>
      <c r="S25" s="665"/>
      <c r="T25" s="665"/>
      <c r="U25" s="665"/>
      <c r="V25" s="665"/>
      <c r="W25" s="665"/>
      <c r="X25" s="665"/>
      <c r="Y25" s="666"/>
      <c r="Z25" s="691">
        <v>0.4</v>
      </c>
      <c r="AA25" s="691"/>
      <c r="AB25" s="691"/>
      <c r="AC25" s="691"/>
      <c r="AD25" s="692" t="s">
        <v>127</v>
      </c>
      <c r="AE25" s="692"/>
      <c r="AF25" s="692"/>
      <c r="AG25" s="692"/>
      <c r="AH25" s="692"/>
      <c r="AI25" s="692"/>
      <c r="AJ25" s="692"/>
      <c r="AK25" s="692"/>
      <c r="AL25" s="667" t="s">
        <v>127</v>
      </c>
      <c r="AM25" s="668"/>
      <c r="AN25" s="668"/>
      <c r="AO25" s="693"/>
      <c r="AP25" s="757" t="s">
        <v>289</v>
      </c>
      <c r="AQ25" s="764"/>
      <c r="AR25" s="764"/>
      <c r="AS25" s="764"/>
      <c r="AT25" s="764"/>
      <c r="AU25" s="764"/>
      <c r="AV25" s="764"/>
      <c r="AW25" s="764"/>
      <c r="AX25" s="764"/>
      <c r="AY25" s="764"/>
      <c r="AZ25" s="764"/>
      <c r="BA25" s="764"/>
      <c r="BB25" s="764"/>
      <c r="BC25" s="764"/>
      <c r="BD25" s="764"/>
      <c r="BE25" s="764"/>
      <c r="BF25" s="759"/>
      <c r="BG25" s="664" t="s">
        <v>127</v>
      </c>
      <c r="BH25" s="665"/>
      <c r="BI25" s="665"/>
      <c r="BJ25" s="665"/>
      <c r="BK25" s="665"/>
      <c r="BL25" s="665"/>
      <c r="BM25" s="665"/>
      <c r="BN25" s="666"/>
      <c r="BO25" s="691" t="s">
        <v>127</v>
      </c>
      <c r="BP25" s="691"/>
      <c r="BQ25" s="691"/>
      <c r="BR25" s="691"/>
      <c r="BS25" s="692" t="s">
        <v>127</v>
      </c>
      <c r="BT25" s="692"/>
      <c r="BU25" s="692"/>
      <c r="BV25" s="692"/>
      <c r="BW25" s="692"/>
      <c r="BX25" s="692"/>
      <c r="BY25" s="692"/>
      <c r="BZ25" s="692"/>
      <c r="CA25" s="692"/>
      <c r="CB25" s="750"/>
      <c r="CD25" s="706" t="s">
        <v>290</v>
      </c>
      <c r="CE25" s="703"/>
      <c r="CF25" s="703"/>
      <c r="CG25" s="703"/>
      <c r="CH25" s="703"/>
      <c r="CI25" s="703"/>
      <c r="CJ25" s="703"/>
      <c r="CK25" s="703"/>
      <c r="CL25" s="703"/>
      <c r="CM25" s="703"/>
      <c r="CN25" s="703"/>
      <c r="CO25" s="703"/>
      <c r="CP25" s="703"/>
      <c r="CQ25" s="704"/>
      <c r="CR25" s="664">
        <v>6487079</v>
      </c>
      <c r="CS25" s="675"/>
      <c r="CT25" s="675"/>
      <c r="CU25" s="675"/>
      <c r="CV25" s="675"/>
      <c r="CW25" s="675"/>
      <c r="CX25" s="675"/>
      <c r="CY25" s="676"/>
      <c r="CZ25" s="667">
        <v>18</v>
      </c>
      <c r="DA25" s="677"/>
      <c r="DB25" s="677"/>
      <c r="DC25" s="678"/>
      <c r="DD25" s="670">
        <v>6092660</v>
      </c>
      <c r="DE25" s="675"/>
      <c r="DF25" s="675"/>
      <c r="DG25" s="675"/>
      <c r="DH25" s="675"/>
      <c r="DI25" s="675"/>
      <c r="DJ25" s="675"/>
      <c r="DK25" s="676"/>
      <c r="DL25" s="670">
        <v>6089453</v>
      </c>
      <c r="DM25" s="675"/>
      <c r="DN25" s="675"/>
      <c r="DO25" s="675"/>
      <c r="DP25" s="675"/>
      <c r="DQ25" s="675"/>
      <c r="DR25" s="675"/>
      <c r="DS25" s="675"/>
      <c r="DT25" s="675"/>
      <c r="DU25" s="675"/>
      <c r="DV25" s="676"/>
      <c r="DW25" s="667">
        <v>28.1</v>
      </c>
      <c r="DX25" s="677"/>
      <c r="DY25" s="677"/>
      <c r="DZ25" s="677"/>
      <c r="EA25" s="677"/>
      <c r="EB25" s="677"/>
      <c r="EC25" s="698"/>
    </row>
    <row r="26" spans="2:133" ht="11.25" customHeight="1" x14ac:dyDescent="0.2">
      <c r="B26" s="661" t="s">
        <v>291</v>
      </c>
      <c r="C26" s="662"/>
      <c r="D26" s="662"/>
      <c r="E26" s="662"/>
      <c r="F26" s="662"/>
      <c r="G26" s="662"/>
      <c r="H26" s="662"/>
      <c r="I26" s="662"/>
      <c r="J26" s="662"/>
      <c r="K26" s="662"/>
      <c r="L26" s="662"/>
      <c r="M26" s="662"/>
      <c r="N26" s="662"/>
      <c r="O26" s="662"/>
      <c r="P26" s="662"/>
      <c r="Q26" s="663"/>
      <c r="R26" s="664">
        <v>6</v>
      </c>
      <c r="S26" s="665"/>
      <c r="T26" s="665"/>
      <c r="U26" s="665"/>
      <c r="V26" s="665"/>
      <c r="W26" s="665"/>
      <c r="X26" s="665"/>
      <c r="Y26" s="666"/>
      <c r="Z26" s="691">
        <v>0</v>
      </c>
      <c r="AA26" s="691"/>
      <c r="AB26" s="691"/>
      <c r="AC26" s="691"/>
      <c r="AD26" s="692" t="s">
        <v>127</v>
      </c>
      <c r="AE26" s="692"/>
      <c r="AF26" s="692"/>
      <c r="AG26" s="692"/>
      <c r="AH26" s="692"/>
      <c r="AI26" s="692"/>
      <c r="AJ26" s="692"/>
      <c r="AK26" s="692"/>
      <c r="AL26" s="667" t="s">
        <v>127</v>
      </c>
      <c r="AM26" s="668"/>
      <c r="AN26" s="668"/>
      <c r="AO26" s="693"/>
      <c r="AP26" s="757" t="s">
        <v>292</v>
      </c>
      <c r="AQ26" s="758"/>
      <c r="AR26" s="758"/>
      <c r="AS26" s="758"/>
      <c r="AT26" s="758"/>
      <c r="AU26" s="758"/>
      <c r="AV26" s="758"/>
      <c r="AW26" s="758"/>
      <c r="AX26" s="758"/>
      <c r="AY26" s="758"/>
      <c r="AZ26" s="758"/>
      <c r="BA26" s="758"/>
      <c r="BB26" s="758"/>
      <c r="BC26" s="758"/>
      <c r="BD26" s="758"/>
      <c r="BE26" s="758"/>
      <c r="BF26" s="759"/>
      <c r="BG26" s="664" t="s">
        <v>127</v>
      </c>
      <c r="BH26" s="665"/>
      <c r="BI26" s="665"/>
      <c r="BJ26" s="665"/>
      <c r="BK26" s="665"/>
      <c r="BL26" s="665"/>
      <c r="BM26" s="665"/>
      <c r="BN26" s="666"/>
      <c r="BO26" s="691" t="s">
        <v>127</v>
      </c>
      <c r="BP26" s="691"/>
      <c r="BQ26" s="691"/>
      <c r="BR26" s="691"/>
      <c r="BS26" s="692" t="s">
        <v>127</v>
      </c>
      <c r="BT26" s="692"/>
      <c r="BU26" s="692"/>
      <c r="BV26" s="692"/>
      <c r="BW26" s="692"/>
      <c r="BX26" s="692"/>
      <c r="BY26" s="692"/>
      <c r="BZ26" s="692"/>
      <c r="CA26" s="692"/>
      <c r="CB26" s="750"/>
      <c r="CD26" s="706" t="s">
        <v>293</v>
      </c>
      <c r="CE26" s="703"/>
      <c r="CF26" s="703"/>
      <c r="CG26" s="703"/>
      <c r="CH26" s="703"/>
      <c r="CI26" s="703"/>
      <c r="CJ26" s="703"/>
      <c r="CK26" s="703"/>
      <c r="CL26" s="703"/>
      <c r="CM26" s="703"/>
      <c r="CN26" s="703"/>
      <c r="CO26" s="703"/>
      <c r="CP26" s="703"/>
      <c r="CQ26" s="704"/>
      <c r="CR26" s="664">
        <v>4224393</v>
      </c>
      <c r="CS26" s="665"/>
      <c r="CT26" s="665"/>
      <c r="CU26" s="665"/>
      <c r="CV26" s="665"/>
      <c r="CW26" s="665"/>
      <c r="CX26" s="665"/>
      <c r="CY26" s="666"/>
      <c r="CZ26" s="667">
        <v>11.7</v>
      </c>
      <c r="DA26" s="677"/>
      <c r="DB26" s="677"/>
      <c r="DC26" s="678"/>
      <c r="DD26" s="670">
        <v>3996044</v>
      </c>
      <c r="DE26" s="665"/>
      <c r="DF26" s="665"/>
      <c r="DG26" s="665"/>
      <c r="DH26" s="665"/>
      <c r="DI26" s="665"/>
      <c r="DJ26" s="665"/>
      <c r="DK26" s="666"/>
      <c r="DL26" s="670" t="s">
        <v>127</v>
      </c>
      <c r="DM26" s="665"/>
      <c r="DN26" s="665"/>
      <c r="DO26" s="665"/>
      <c r="DP26" s="665"/>
      <c r="DQ26" s="665"/>
      <c r="DR26" s="665"/>
      <c r="DS26" s="665"/>
      <c r="DT26" s="665"/>
      <c r="DU26" s="665"/>
      <c r="DV26" s="666"/>
      <c r="DW26" s="667" t="s">
        <v>127</v>
      </c>
      <c r="DX26" s="677"/>
      <c r="DY26" s="677"/>
      <c r="DZ26" s="677"/>
      <c r="EA26" s="677"/>
      <c r="EB26" s="677"/>
      <c r="EC26" s="698"/>
    </row>
    <row r="27" spans="2:133" ht="11.25" customHeight="1" x14ac:dyDescent="0.2">
      <c r="B27" s="661" t="s">
        <v>294</v>
      </c>
      <c r="C27" s="662"/>
      <c r="D27" s="662"/>
      <c r="E27" s="662"/>
      <c r="F27" s="662"/>
      <c r="G27" s="662"/>
      <c r="H27" s="662"/>
      <c r="I27" s="662"/>
      <c r="J27" s="662"/>
      <c r="K27" s="662"/>
      <c r="L27" s="662"/>
      <c r="M27" s="662"/>
      <c r="N27" s="662"/>
      <c r="O27" s="662"/>
      <c r="P27" s="662"/>
      <c r="Q27" s="663"/>
      <c r="R27" s="664">
        <v>21405601</v>
      </c>
      <c r="S27" s="665"/>
      <c r="T27" s="665"/>
      <c r="U27" s="665"/>
      <c r="V27" s="665"/>
      <c r="W27" s="665"/>
      <c r="X27" s="665"/>
      <c r="Y27" s="666"/>
      <c r="Z27" s="691">
        <v>55.5</v>
      </c>
      <c r="AA27" s="691"/>
      <c r="AB27" s="691"/>
      <c r="AC27" s="691"/>
      <c r="AD27" s="692">
        <v>20396299</v>
      </c>
      <c r="AE27" s="692"/>
      <c r="AF27" s="692"/>
      <c r="AG27" s="692"/>
      <c r="AH27" s="692"/>
      <c r="AI27" s="692"/>
      <c r="AJ27" s="692"/>
      <c r="AK27" s="692"/>
      <c r="AL27" s="667">
        <v>99.5</v>
      </c>
      <c r="AM27" s="668"/>
      <c r="AN27" s="668"/>
      <c r="AO27" s="693"/>
      <c r="AP27" s="661" t="s">
        <v>295</v>
      </c>
      <c r="AQ27" s="662"/>
      <c r="AR27" s="662"/>
      <c r="AS27" s="662"/>
      <c r="AT27" s="662"/>
      <c r="AU27" s="662"/>
      <c r="AV27" s="662"/>
      <c r="AW27" s="662"/>
      <c r="AX27" s="662"/>
      <c r="AY27" s="662"/>
      <c r="AZ27" s="662"/>
      <c r="BA27" s="662"/>
      <c r="BB27" s="662"/>
      <c r="BC27" s="662"/>
      <c r="BD27" s="662"/>
      <c r="BE27" s="662"/>
      <c r="BF27" s="663"/>
      <c r="BG27" s="664">
        <v>16556288</v>
      </c>
      <c r="BH27" s="665"/>
      <c r="BI27" s="665"/>
      <c r="BJ27" s="665"/>
      <c r="BK27" s="665"/>
      <c r="BL27" s="665"/>
      <c r="BM27" s="665"/>
      <c r="BN27" s="666"/>
      <c r="BO27" s="691">
        <v>100</v>
      </c>
      <c r="BP27" s="691"/>
      <c r="BQ27" s="691"/>
      <c r="BR27" s="691"/>
      <c r="BS27" s="692">
        <v>143489</v>
      </c>
      <c r="BT27" s="692"/>
      <c r="BU27" s="692"/>
      <c r="BV27" s="692"/>
      <c r="BW27" s="692"/>
      <c r="BX27" s="692"/>
      <c r="BY27" s="692"/>
      <c r="BZ27" s="692"/>
      <c r="CA27" s="692"/>
      <c r="CB27" s="750"/>
      <c r="CD27" s="706" t="s">
        <v>296</v>
      </c>
      <c r="CE27" s="703"/>
      <c r="CF27" s="703"/>
      <c r="CG27" s="703"/>
      <c r="CH27" s="703"/>
      <c r="CI27" s="703"/>
      <c r="CJ27" s="703"/>
      <c r="CK27" s="703"/>
      <c r="CL27" s="703"/>
      <c r="CM27" s="703"/>
      <c r="CN27" s="703"/>
      <c r="CO27" s="703"/>
      <c r="CP27" s="703"/>
      <c r="CQ27" s="704"/>
      <c r="CR27" s="664">
        <v>12043342</v>
      </c>
      <c r="CS27" s="675"/>
      <c r="CT27" s="675"/>
      <c r="CU27" s="675"/>
      <c r="CV27" s="675"/>
      <c r="CW27" s="675"/>
      <c r="CX27" s="675"/>
      <c r="CY27" s="676"/>
      <c r="CZ27" s="667">
        <v>33.4</v>
      </c>
      <c r="DA27" s="677"/>
      <c r="DB27" s="677"/>
      <c r="DC27" s="678"/>
      <c r="DD27" s="670">
        <v>2922596</v>
      </c>
      <c r="DE27" s="675"/>
      <c r="DF27" s="675"/>
      <c r="DG27" s="675"/>
      <c r="DH27" s="675"/>
      <c r="DI27" s="675"/>
      <c r="DJ27" s="675"/>
      <c r="DK27" s="676"/>
      <c r="DL27" s="670">
        <v>2922594</v>
      </c>
      <c r="DM27" s="675"/>
      <c r="DN27" s="675"/>
      <c r="DO27" s="675"/>
      <c r="DP27" s="675"/>
      <c r="DQ27" s="675"/>
      <c r="DR27" s="675"/>
      <c r="DS27" s="675"/>
      <c r="DT27" s="675"/>
      <c r="DU27" s="675"/>
      <c r="DV27" s="676"/>
      <c r="DW27" s="667">
        <v>13.5</v>
      </c>
      <c r="DX27" s="677"/>
      <c r="DY27" s="677"/>
      <c r="DZ27" s="677"/>
      <c r="EA27" s="677"/>
      <c r="EB27" s="677"/>
      <c r="EC27" s="698"/>
    </row>
    <row r="28" spans="2:133" ht="11.25" customHeight="1" x14ac:dyDescent="0.2">
      <c r="B28" s="661" t="s">
        <v>297</v>
      </c>
      <c r="C28" s="662"/>
      <c r="D28" s="662"/>
      <c r="E28" s="662"/>
      <c r="F28" s="662"/>
      <c r="G28" s="662"/>
      <c r="H28" s="662"/>
      <c r="I28" s="662"/>
      <c r="J28" s="662"/>
      <c r="K28" s="662"/>
      <c r="L28" s="662"/>
      <c r="M28" s="662"/>
      <c r="N28" s="662"/>
      <c r="O28" s="662"/>
      <c r="P28" s="662"/>
      <c r="Q28" s="663"/>
      <c r="R28" s="664">
        <v>13737</v>
      </c>
      <c r="S28" s="665"/>
      <c r="T28" s="665"/>
      <c r="U28" s="665"/>
      <c r="V28" s="665"/>
      <c r="W28" s="665"/>
      <c r="X28" s="665"/>
      <c r="Y28" s="666"/>
      <c r="Z28" s="691">
        <v>0</v>
      </c>
      <c r="AA28" s="691"/>
      <c r="AB28" s="691"/>
      <c r="AC28" s="691"/>
      <c r="AD28" s="692">
        <v>13737</v>
      </c>
      <c r="AE28" s="692"/>
      <c r="AF28" s="692"/>
      <c r="AG28" s="692"/>
      <c r="AH28" s="692"/>
      <c r="AI28" s="692"/>
      <c r="AJ28" s="692"/>
      <c r="AK28" s="692"/>
      <c r="AL28" s="667">
        <v>0.1</v>
      </c>
      <c r="AM28" s="668"/>
      <c r="AN28" s="668"/>
      <c r="AO28" s="693"/>
      <c r="AP28" s="661"/>
      <c r="AQ28" s="662"/>
      <c r="AR28" s="662"/>
      <c r="AS28" s="662"/>
      <c r="AT28" s="662"/>
      <c r="AU28" s="662"/>
      <c r="AV28" s="662"/>
      <c r="AW28" s="662"/>
      <c r="AX28" s="662"/>
      <c r="AY28" s="662"/>
      <c r="AZ28" s="662"/>
      <c r="BA28" s="662"/>
      <c r="BB28" s="662"/>
      <c r="BC28" s="662"/>
      <c r="BD28" s="662"/>
      <c r="BE28" s="662"/>
      <c r="BF28" s="663"/>
      <c r="BG28" s="664"/>
      <c r="BH28" s="665"/>
      <c r="BI28" s="665"/>
      <c r="BJ28" s="665"/>
      <c r="BK28" s="665"/>
      <c r="BL28" s="665"/>
      <c r="BM28" s="665"/>
      <c r="BN28" s="666"/>
      <c r="BO28" s="691"/>
      <c r="BP28" s="691"/>
      <c r="BQ28" s="691"/>
      <c r="BR28" s="691"/>
      <c r="BS28" s="670"/>
      <c r="BT28" s="665"/>
      <c r="BU28" s="665"/>
      <c r="BV28" s="665"/>
      <c r="BW28" s="665"/>
      <c r="BX28" s="665"/>
      <c r="BY28" s="665"/>
      <c r="BZ28" s="665"/>
      <c r="CA28" s="665"/>
      <c r="CB28" s="705"/>
      <c r="CD28" s="706" t="s">
        <v>298</v>
      </c>
      <c r="CE28" s="703"/>
      <c r="CF28" s="703"/>
      <c r="CG28" s="703"/>
      <c r="CH28" s="703"/>
      <c r="CI28" s="703"/>
      <c r="CJ28" s="703"/>
      <c r="CK28" s="703"/>
      <c r="CL28" s="703"/>
      <c r="CM28" s="703"/>
      <c r="CN28" s="703"/>
      <c r="CO28" s="703"/>
      <c r="CP28" s="703"/>
      <c r="CQ28" s="704"/>
      <c r="CR28" s="664">
        <v>2799931</v>
      </c>
      <c r="CS28" s="665"/>
      <c r="CT28" s="665"/>
      <c r="CU28" s="665"/>
      <c r="CV28" s="665"/>
      <c r="CW28" s="665"/>
      <c r="CX28" s="665"/>
      <c r="CY28" s="666"/>
      <c r="CZ28" s="667">
        <v>7.8</v>
      </c>
      <c r="DA28" s="677"/>
      <c r="DB28" s="677"/>
      <c r="DC28" s="678"/>
      <c r="DD28" s="670">
        <v>2797810</v>
      </c>
      <c r="DE28" s="665"/>
      <c r="DF28" s="665"/>
      <c r="DG28" s="665"/>
      <c r="DH28" s="665"/>
      <c r="DI28" s="665"/>
      <c r="DJ28" s="665"/>
      <c r="DK28" s="666"/>
      <c r="DL28" s="670">
        <v>2797810</v>
      </c>
      <c r="DM28" s="665"/>
      <c r="DN28" s="665"/>
      <c r="DO28" s="665"/>
      <c r="DP28" s="665"/>
      <c r="DQ28" s="665"/>
      <c r="DR28" s="665"/>
      <c r="DS28" s="665"/>
      <c r="DT28" s="665"/>
      <c r="DU28" s="665"/>
      <c r="DV28" s="666"/>
      <c r="DW28" s="667">
        <v>12.9</v>
      </c>
      <c r="DX28" s="677"/>
      <c r="DY28" s="677"/>
      <c r="DZ28" s="677"/>
      <c r="EA28" s="677"/>
      <c r="EB28" s="677"/>
      <c r="EC28" s="698"/>
    </row>
    <row r="29" spans="2:133" ht="11.25" customHeight="1" x14ac:dyDescent="0.2">
      <c r="B29" s="661" t="s">
        <v>299</v>
      </c>
      <c r="C29" s="662"/>
      <c r="D29" s="662"/>
      <c r="E29" s="662"/>
      <c r="F29" s="662"/>
      <c r="G29" s="662"/>
      <c r="H29" s="662"/>
      <c r="I29" s="662"/>
      <c r="J29" s="662"/>
      <c r="K29" s="662"/>
      <c r="L29" s="662"/>
      <c r="M29" s="662"/>
      <c r="N29" s="662"/>
      <c r="O29" s="662"/>
      <c r="P29" s="662"/>
      <c r="Q29" s="663"/>
      <c r="R29" s="664">
        <v>261007</v>
      </c>
      <c r="S29" s="665"/>
      <c r="T29" s="665"/>
      <c r="U29" s="665"/>
      <c r="V29" s="665"/>
      <c r="W29" s="665"/>
      <c r="X29" s="665"/>
      <c r="Y29" s="666"/>
      <c r="Z29" s="691">
        <v>0.7</v>
      </c>
      <c r="AA29" s="691"/>
      <c r="AB29" s="691"/>
      <c r="AC29" s="691"/>
      <c r="AD29" s="692" t="s">
        <v>127</v>
      </c>
      <c r="AE29" s="692"/>
      <c r="AF29" s="692"/>
      <c r="AG29" s="692"/>
      <c r="AH29" s="692"/>
      <c r="AI29" s="692"/>
      <c r="AJ29" s="692"/>
      <c r="AK29" s="692"/>
      <c r="AL29" s="667" t="s">
        <v>127</v>
      </c>
      <c r="AM29" s="668"/>
      <c r="AN29" s="668"/>
      <c r="AO29" s="693"/>
      <c r="AP29" s="641"/>
      <c r="AQ29" s="642"/>
      <c r="AR29" s="642"/>
      <c r="AS29" s="642"/>
      <c r="AT29" s="642"/>
      <c r="AU29" s="642"/>
      <c r="AV29" s="642"/>
      <c r="AW29" s="642"/>
      <c r="AX29" s="642"/>
      <c r="AY29" s="642"/>
      <c r="AZ29" s="642"/>
      <c r="BA29" s="642"/>
      <c r="BB29" s="642"/>
      <c r="BC29" s="642"/>
      <c r="BD29" s="642"/>
      <c r="BE29" s="642"/>
      <c r="BF29" s="643"/>
      <c r="BG29" s="664"/>
      <c r="BH29" s="665"/>
      <c r="BI29" s="665"/>
      <c r="BJ29" s="665"/>
      <c r="BK29" s="665"/>
      <c r="BL29" s="665"/>
      <c r="BM29" s="665"/>
      <c r="BN29" s="666"/>
      <c r="BO29" s="691"/>
      <c r="BP29" s="691"/>
      <c r="BQ29" s="691"/>
      <c r="BR29" s="691"/>
      <c r="BS29" s="692"/>
      <c r="BT29" s="692"/>
      <c r="BU29" s="692"/>
      <c r="BV29" s="692"/>
      <c r="BW29" s="692"/>
      <c r="BX29" s="692"/>
      <c r="BY29" s="692"/>
      <c r="BZ29" s="692"/>
      <c r="CA29" s="692"/>
      <c r="CB29" s="750"/>
      <c r="CD29" s="751" t="s">
        <v>300</v>
      </c>
      <c r="CE29" s="752"/>
      <c r="CF29" s="706" t="s">
        <v>70</v>
      </c>
      <c r="CG29" s="703"/>
      <c r="CH29" s="703"/>
      <c r="CI29" s="703"/>
      <c r="CJ29" s="703"/>
      <c r="CK29" s="703"/>
      <c r="CL29" s="703"/>
      <c r="CM29" s="703"/>
      <c r="CN29" s="703"/>
      <c r="CO29" s="703"/>
      <c r="CP29" s="703"/>
      <c r="CQ29" s="704"/>
      <c r="CR29" s="664">
        <v>2799306</v>
      </c>
      <c r="CS29" s="675"/>
      <c r="CT29" s="675"/>
      <c r="CU29" s="675"/>
      <c r="CV29" s="675"/>
      <c r="CW29" s="675"/>
      <c r="CX29" s="675"/>
      <c r="CY29" s="676"/>
      <c r="CZ29" s="667">
        <v>7.8</v>
      </c>
      <c r="DA29" s="677"/>
      <c r="DB29" s="677"/>
      <c r="DC29" s="678"/>
      <c r="DD29" s="670">
        <v>2797185</v>
      </c>
      <c r="DE29" s="675"/>
      <c r="DF29" s="675"/>
      <c r="DG29" s="675"/>
      <c r="DH29" s="675"/>
      <c r="DI29" s="675"/>
      <c r="DJ29" s="675"/>
      <c r="DK29" s="676"/>
      <c r="DL29" s="670">
        <v>2797185</v>
      </c>
      <c r="DM29" s="675"/>
      <c r="DN29" s="675"/>
      <c r="DO29" s="675"/>
      <c r="DP29" s="675"/>
      <c r="DQ29" s="675"/>
      <c r="DR29" s="675"/>
      <c r="DS29" s="675"/>
      <c r="DT29" s="675"/>
      <c r="DU29" s="675"/>
      <c r="DV29" s="676"/>
      <c r="DW29" s="667">
        <v>12.9</v>
      </c>
      <c r="DX29" s="677"/>
      <c r="DY29" s="677"/>
      <c r="DZ29" s="677"/>
      <c r="EA29" s="677"/>
      <c r="EB29" s="677"/>
      <c r="EC29" s="698"/>
    </row>
    <row r="30" spans="2:133" ht="11.25" customHeight="1" x14ac:dyDescent="0.2">
      <c r="B30" s="661" t="s">
        <v>301</v>
      </c>
      <c r="C30" s="662"/>
      <c r="D30" s="662"/>
      <c r="E30" s="662"/>
      <c r="F30" s="662"/>
      <c r="G30" s="662"/>
      <c r="H30" s="662"/>
      <c r="I30" s="662"/>
      <c r="J30" s="662"/>
      <c r="K30" s="662"/>
      <c r="L30" s="662"/>
      <c r="M30" s="662"/>
      <c r="N30" s="662"/>
      <c r="O30" s="662"/>
      <c r="P30" s="662"/>
      <c r="Q30" s="663"/>
      <c r="R30" s="664">
        <v>250601</v>
      </c>
      <c r="S30" s="665"/>
      <c r="T30" s="665"/>
      <c r="U30" s="665"/>
      <c r="V30" s="665"/>
      <c r="W30" s="665"/>
      <c r="X30" s="665"/>
      <c r="Y30" s="666"/>
      <c r="Z30" s="691">
        <v>0.6</v>
      </c>
      <c r="AA30" s="691"/>
      <c r="AB30" s="691"/>
      <c r="AC30" s="691"/>
      <c r="AD30" s="692">
        <v>80237</v>
      </c>
      <c r="AE30" s="692"/>
      <c r="AF30" s="692"/>
      <c r="AG30" s="692"/>
      <c r="AH30" s="692"/>
      <c r="AI30" s="692"/>
      <c r="AJ30" s="692"/>
      <c r="AK30" s="692"/>
      <c r="AL30" s="667">
        <v>0.4</v>
      </c>
      <c r="AM30" s="668"/>
      <c r="AN30" s="668"/>
      <c r="AO30" s="693"/>
      <c r="AP30" s="723" t="s">
        <v>219</v>
      </c>
      <c r="AQ30" s="724"/>
      <c r="AR30" s="724"/>
      <c r="AS30" s="724"/>
      <c r="AT30" s="724"/>
      <c r="AU30" s="724"/>
      <c r="AV30" s="724"/>
      <c r="AW30" s="724"/>
      <c r="AX30" s="724"/>
      <c r="AY30" s="724"/>
      <c r="AZ30" s="724"/>
      <c r="BA30" s="724"/>
      <c r="BB30" s="724"/>
      <c r="BC30" s="724"/>
      <c r="BD30" s="724"/>
      <c r="BE30" s="724"/>
      <c r="BF30" s="725"/>
      <c r="BG30" s="723" t="s">
        <v>302</v>
      </c>
      <c r="BH30" s="748"/>
      <c r="BI30" s="748"/>
      <c r="BJ30" s="748"/>
      <c r="BK30" s="748"/>
      <c r="BL30" s="748"/>
      <c r="BM30" s="748"/>
      <c r="BN30" s="748"/>
      <c r="BO30" s="748"/>
      <c r="BP30" s="748"/>
      <c r="BQ30" s="749"/>
      <c r="BR30" s="723" t="s">
        <v>303</v>
      </c>
      <c r="BS30" s="748"/>
      <c r="BT30" s="748"/>
      <c r="BU30" s="748"/>
      <c r="BV30" s="748"/>
      <c r="BW30" s="748"/>
      <c r="BX30" s="748"/>
      <c r="BY30" s="748"/>
      <c r="BZ30" s="748"/>
      <c r="CA30" s="748"/>
      <c r="CB30" s="749"/>
      <c r="CD30" s="753"/>
      <c r="CE30" s="754"/>
      <c r="CF30" s="706" t="s">
        <v>304</v>
      </c>
      <c r="CG30" s="703"/>
      <c r="CH30" s="703"/>
      <c r="CI30" s="703"/>
      <c r="CJ30" s="703"/>
      <c r="CK30" s="703"/>
      <c r="CL30" s="703"/>
      <c r="CM30" s="703"/>
      <c r="CN30" s="703"/>
      <c r="CO30" s="703"/>
      <c r="CP30" s="703"/>
      <c r="CQ30" s="704"/>
      <c r="CR30" s="664">
        <v>2704624</v>
      </c>
      <c r="CS30" s="665"/>
      <c r="CT30" s="665"/>
      <c r="CU30" s="665"/>
      <c r="CV30" s="665"/>
      <c r="CW30" s="665"/>
      <c r="CX30" s="665"/>
      <c r="CY30" s="666"/>
      <c r="CZ30" s="667">
        <v>7.5</v>
      </c>
      <c r="DA30" s="677"/>
      <c r="DB30" s="677"/>
      <c r="DC30" s="678"/>
      <c r="DD30" s="670">
        <v>2702702</v>
      </c>
      <c r="DE30" s="665"/>
      <c r="DF30" s="665"/>
      <c r="DG30" s="665"/>
      <c r="DH30" s="665"/>
      <c r="DI30" s="665"/>
      <c r="DJ30" s="665"/>
      <c r="DK30" s="666"/>
      <c r="DL30" s="670">
        <v>2702702</v>
      </c>
      <c r="DM30" s="665"/>
      <c r="DN30" s="665"/>
      <c r="DO30" s="665"/>
      <c r="DP30" s="665"/>
      <c r="DQ30" s="665"/>
      <c r="DR30" s="665"/>
      <c r="DS30" s="665"/>
      <c r="DT30" s="665"/>
      <c r="DU30" s="665"/>
      <c r="DV30" s="666"/>
      <c r="DW30" s="667">
        <v>12.5</v>
      </c>
      <c r="DX30" s="677"/>
      <c r="DY30" s="677"/>
      <c r="DZ30" s="677"/>
      <c r="EA30" s="677"/>
      <c r="EB30" s="677"/>
      <c r="EC30" s="698"/>
    </row>
    <row r="31" spans="2:133" ht="11.25" customHeight="1" x14ac:dyDescent="0.2">
      <c r="B31" s="661" t="s">
        <v>305</v>
      </c>
      <c r="C31" s="662"/>
      <c r="D31" s="662"/>
      <c r="E31" s="662"/>
      <c r="F31" s="662"/>
      <c r="G31" s="662"/>
      <c r="H31" s="662"/>
      <c r="I31" s="662"/>
      <c r="J31" s="662"/>
      <c r="K31" s="662"/>
      <c r="L31" s="662"/>
      <c r="M31" s="662"/>
      <c r="N31" s="662"/>
      <c r="O31" s="662"/>
      <c r="P31" s="662"/>
      <c r="Q31" s="663"/>
      <c r="R31" s="664">
        <v>77825</v>
      </c>
      <c r="S31" s="665"/>
      <c r="T31" s="665"/>
      <c r="U31" s="665"/>
      <c r="V31" s="665"/>
      <c r="W31" s="665"/>
      <c r="X31" s="665"/>
      <c r="Y31" s="666"/>
      <c r="Z31" s="691">
        <v>0.2</v>
      </c>
      <c r="AA31" s="691"/>
      <c r="AB31" s="691"/>
      <c r="AC31" s="691"/>
      <c r="AD31" s="692" t="s">
        <v>127</v>
      </c>
      <c r="AE31" s="692"/>
      <c r="AF31" s="692"/>
      <c r="AG31" s="692"/>
      <c r="AH31" s="692"/>
      <c r="AI31" s="692"/>
      <c r="AJ31" s="692"/>
      <c r="AK31" s="692"/>
      <c r="AL31" s="667" t="s">
        <v>127</v>
      </c>
      <c r="AM31" s="668"/>
      <c r="AN31" s="668"/>
      <c r="AO31" s="693"/>
      <c r="AP31" s="737" t="s">
        <v>306</v>
      </c>
      <c r="AQ31" s="738"/>
      <c r="AR31" s="738"/>
      <c r="AS31" s="738"/>
      <c r="AT31" s="743" t="s">
        <v>307</v>
      </c>
      <c r="AU31" s="359"/>
      <c r="AV31" s="359"/>
      <c r="AW31" s="359"/>
      <c r="AX31" s="730" t="s">
        <v>184</v>
      </c>
      <c r="AY31" s="731"/>
      <c r="AZ31" s="731"/>
      <c r="BA31" s="731"/>
      <c r="BB31" s="731"/>
      <c r="BC31" s="731"/>
      <c r="BD31" s="731"/>
      <c r="BE31" s="731"/>
      <c r="BF31" s="732"/>
      <c r="BG31" s="733">
        <v>99.5</v>
      </c>
      <c r="BH31" s="734"/>
      <c r="BI31" s="734"/>
      <c r="BJ31" s="734"/>
      <c r="BK31" s="734"/>
      <c r="BL31" s="734"/>
      <c r="BM31" s="735">
        <v>98.2</v>
      </c>
      <c r="BN31" s="734"/>
      <c r="BO31" s="734"/>
      <c r="BP31" s="734"/>
      <c r="BQ31" s="736"/>
      <c r="BR31" s="733">
        <v>98.6</v>
      </c>
      <c r="BS31" s="734"/>
      <c r="BT31" s="734"/>
      <c r="BU31" s="734"/>
      <c r="BV31" s="734"/>
      <c r="BW31" s="734"/>
      <c r="BX31" s="735">
        <v>97</v>
      </c>
      <c r="BY31" s="734"/>
      <c r="BZ31" s="734"/>
      <c r="CA31" s="734"/>
      <c r="CB31" s="736"/>
      <c r="CD31" s="753"/>
      <c r="CE31" s="754"/>
      <c r="CF31" s="706" t="s">
        <v>308</v>
      </c>
      <c r="CG31" s="703"/>
      <c r="CH31" s="703"/>
      <c r="CI31" s="703"/>
      <c r="CJ31" s="703"/>
      <c r="CK31" s="703"/>
      <c r="CL31" s="703"/>
      <c r="CM31" s="703"/>
      <c r="CN31" s="703"/>
      <c r="CO31" s="703"/>
      <c r="CP31" s="703"/>
      <c r="CQ31" s="704"/>
      <c r="CR31" s="664">
        <v>94682</v>
      </c>
      <c r="CS31" s="675"/>
      <c r="CT31" s="675"/>
      <c r="CU31" s="675"/>
      <c r="CV31" s="675"/>
      <c r="CW31" s="675"/>
      <c r="CX31" s="675"/>
      <c r="CY31" s="676"/>
      <c r="CZ31" s="667">
        <v>0.3</v>
      </c>
      <c r="DA31" s="677"/>
      <c r="DB31" s="677"/>
      <c r="DC31" s="678"/>
      <c r="DD31" s="670">
        <v>94483</v>
      </c>
      <c r="DE31" s="675"/>
      <c r="DF31" s="675"/>
      <c r="DG31" s="675"/>
      <c r="DH31" s="675"/>
      <c r="DI31" s="675"/>
      <c r="DJ31" s="675"/>
      <c r="DK31" s="676"/>
      <c r="DL31" s="670">
        <v>94483</v>
      </c>
      <c r="DM31" s="675"/>
      <c r="DN31" s="675"/>
      <c r="DO31" s="675"/>
      <c r="DP31" s="675"/>
      <c r="DQ31" s="675"/>
      <c r="DR31" s="675"/>
      <c r="DS31" s="675"/>
      <c r="DT31" s="675"/>
      <c r="DU31" s="675"/>
      <c r="DV31" s="676"/>
      <c r="DW31" s="667">
        <v>0.4</v>
      </c>
      <c r="DX31" s="677"/>
      <c r="DY31" s="677"/>
      <c r="DZ31" s="677"/>
      <c r="EA31" s="677"/>
      <c r="EB31" s="677"/>
      <c r="EC31" s="698"/>
    </row>
    <row r="32" spans="2:133" ht="11.25" customHeight="1" x14ac:dyDescent="0.2">
      <c r="B32" s="661" t="s">
        <v>309</v>
      </c>
      <c r="C32" s="662"/>
      <c r="D32" s="662"/>
      <c r="E32" s="662"/>
      <c r="F32" s="662"/>
      <c r="G32" s="662"/>
      <c r="H32" s="662"/>
      <c r="I32" s="662"/>
      <c r="J32" s="662"/>
      <c r="K32" s="662"/>
      <c r="L32" s="662"/>
      <c r="M32" s="662"/>
      <c r="N32" s="662"/>
      <c r="O32" s="662"/>
      <c r="P32" s="662"/>
      <c r="Q32" s="663"/>
      <c r="R32" s="664">
        <v>9977758</v>
      </c>
      <c r="S32" s="665"/>
      <c r="T32" s="665"/>
      <c r="U32" s="665"/>
      <c r="V32" s="665"/>
      <c r="W32" s="665"/>
      <c r="X32" s="665"/>
      <c r="Y32" s="666"/>
      <c r="Z32" s="691">
        <v>25.9</v>
      </c>
      <c r="AA32" s="691"/>
      <c r="AB32" s="691"/>
      <c r="AC32" s="691"/>
      <c r="AD32" s="692" t="s">
        <v>127</v>
      </c>
      <c r="AE32" s="692"/>
      <c r="AF32" s="692"/>
      <c r="AG32" s="692"/>
      <c r="AH32" s="692"/>
      <c r="AI32" s="692"/>
      <c r="AJ32" s="692"/>
      <c r="AK32" s="692"/>
      <c r="AL32" s="667" t="s">
        <v>127</v>
      </c>
      <c r="AM32" s="668"/>
      <c r="AN32" s="668"/>
      <c r="AO32" s="693"/>
      <c r="AP32" s="739"/>
      <c r="AQ32" s="740"/>
      <c r="AR32" s="740"/>
      <c r="AS32" s="740"/>
      <c r="AT32" s="744"/>
      <c r="AU32" s="360" t="s">
        <v>310</v>
      </c>
      <c r="AV32" s="360"/>
      <c r="AW32" s="360"/>
      <c r="AX32" s="661" t="s">
        <v>311</v>
      </c>
      <c r="AY32" s="662"/>
      <c r="AZ32" s="662"/>
      <c r="BA32" s="662"/>
      <c r="BB32" s="662"/>
      <c r="BC32" s="662"/>
      <c r="BD32" s="662"/>
      <c r="BE32" s="662"/>
      <c r="BF32" s="663"/>
      <c r="BG32" s="746">
        <v>99.3</v>
      </c>
      <c r="BH32" s="675"/>
      <c r="BI32" s="675"/>
      <c r="BJ32" s="675"/>
      <c r="BK32" s="675"/>
      <c r="BL32" s="675"/>
      <c r="BM32" s="668">
        <v>97.6</v>
      </c>
      <c r="BN32" s="747"/>
      <c r="BO32" s="747"/>
      <c r="BP32" s="747"/>
      <c r="BQ32" s="702"/>
      <c r="BR32" s="746">
        <v>99.2</v>
      </c>
      <c r="BS32" s="675"/>
      <c r="BT32" s="675"/>
      <c r="BU32" s="675"/>
      <c r="BV32" s="675"/>
      <c r="BW32" s="675"/>
      <c r="BX32" s="668">
        <v>97.3</v>
      </c>
      <c r="BY32" s="747"/>
      <c r="BZ32" s="747"/>
      <c r="CA32" s="747"/>
      <c r="CB32" s="702"/>
      <c r="CD32" s="755"/>
      <c r="CE32" s="756"/>
      <c r="CF32" s="706" t="s">
        <v>312</v>
      </c>
      <c r="CG32" s="703"/>
      <c r="CH32" s="703"/>
      <c r="CI32" s="703"/>
      <c r="CJ32" s="703"/>
      <c r="CK32" s="703"/>
      <c r="CL32" s="703"/>
      <c r="CM32" s="703"/>
      <c r="CN32" s="703"/>
      <c r="CO32" s="703"/>
      <c r="CP32" s="703"/>
      <c r="CQ32" s="704"/>
      <c r="CR32" s="664">
        <v>625</v>
      </c>
      <c r="CS32" s="665"/>
      <c r="CT32" s="665"/>
      <c r="CU32" s="665"/>
      <c r="CV32" s="665"/>
      <c r="CW32" s="665"/>
      <c r="CX32" s="665"/>
      <c r="CY32" s="666"/>
      <c r="CZ32" s="667">
        <v>0</v>
      </c>
      <c r="DA32" s="677"/>
      <c r="DB32" s="677"/>
      <c r="DC32" s="678"/>
      <c r="DD32" s="670">
        <v>625</v>
      </c>
      <c r="DE32" s="665"/>
      <c r="DF32" s="665"/>
      <c r="DG32" s="665"/>
      <c r="DH32" s="665"/>
      <c r="DI32" s="665"/>
      <c r="DJ32" s="665"/>
      <c r="DK32" s="666"/>
      <c r="DL32" s="670">
        <v>625</v>
      </c>
      <c r="DM32" s="665"/>
      <c r="DN32" s="665"/>
      <c r="DO32" s="665"/>
      <c r="DP32" s="665"/>
      <c r="DQ32" s="665"/>
      <c r="DR32" s="665"/>
      <c r="DS32" s="665"/>
      <c r="DT32" s="665"/>
      <c r="DU32" s="665"/>
      <c r="DV32" s="666"/>
      <c r="DW32" s="667">
        <v>0</v>
      </c>
      <c r="DX32" s="677"/>
      <c r="DY32" s="677"/>
      <c r="DZ32" s="677"/>
      <c r="EA32" s="677"/>
      <c r="EB32" s="677"/>
      <c r="EC32" s="698"/>
    </row>
    <row r="33" spans="2:133" ht="11.25" customHeight="1" x14ac:dyDescent="0.2">
      <c r="B33" s="727" t="s">
        <v>313</v>
      </c>
      <c r="C33" s="728"/>
      <c r="D33" s="728"/>
      <c r="E33" s="728"/>
      <c r="F33" s="728"/>
      <c r="G33" s="728"/>
      <c r="H33" s="728"/>
      <c r="I33" s="728"/>
      <c r="J33" s="728"/>
      <c r="K33" s="728"/>
      <c r="L33" s="728"/>
      <c r="M33" s="728"/>
      <c r="N33" s="728"/>
      <c r="O33" s="728"/>
      <c r="P33" s="728"/>
      <c r="Q33" s="729"/>
      <c r="R33" s="664" t="s">
        <v>127</v>
      </c>
      <c r="S33" s="665"/>
      <c r="T33" s="665"/>
      <c r="U33" s="665"/>
      <c r="V33" s="665"/>
      <c r="W33" s="665"/>
      <c r="X33" s="665"/>
      <c r="Y33" s="666"/>
      <c r="Z33" s="691" t="s">
        <v>127</v>
      </c>
      <c r="AA33" s="691"/>
      <c r="AB33" s="691"/>
      <c r="AC33" s="691"/>
      <c r="AD33" s="692" t="s">
        <v>127</v>
      </c>
      <c r="AE33" s="692"/>
      <c r="AF33" s="692"/>
      <c r="AG33" s="692"/>
      <c r="AH33" s="692"/>
      <c r="AI33" s="692"/>
      <c r="AJ33" s="692"/>
      <c r="AK33" s="692"/>
      <c r="AL33" s="667" t="s">
        <v>127</v>
      </c>
      <c r="AM33" s="668"/>
      <c r="AN33" s="668"/>
      <c r="AO33" s="693"/>
      <c r="AP33" s="741"/>
      <c r="AQ33" s="742"/>
      <c r="AR33" s="742"/>
      <c r="AS33" s="742"/>
      <c r="AT33" s="745"/>
      <c r="AU33" s="361"/>
      <c r="AV33" s="361"/>
      <c r="AW33" s="361"/>
      <c r="AX33" s="641" t="s">
        <v>314</v>
      </c>
      <c r="AY33" s="642"/>
      <c r="AZ33" s="642"/>
      <c r="BA33" s="642"/>
      <c r="BB33" s="642"/>
      <c r="BC33" s="642"/>
      <c r="BD33" s="642"/>
      <c r="BE33" s="642"/>
      <c r="BF33" s="643"/>
      <c r="BG33" s="726">
        <v>99.6</v>
      </c>
      <c r="BH33" s="645"/>
      <c r="BI33" s="645"/>
      <c r="BJ33" s="645"/>
      <c r="BK33" s="645"/>
      <c r="BL33" s="645"/>
      <c r="BM33" s="683">
        <v>98.8</v>
      </c>
      <c r="BN33" s="645"/>
      <c r="BO33" s="645"/>
      <c r="BP33" s="645"/>
      <c r="BQ33" s="694"/>
      <c r="BR33" s="726">
        <v>97.9</v>
      </c>
      <c r="BS33" s="645"/>
      <c r="BT33" s="645"/>
      <c r="BU33" s="645"/>
      <c r="BV33" s="645"/>
      <c r="BW33" s="645"/>
      <c r="BX33" s="683">
        <v>96.5</v>
      </c>
      <c r="BY33" s="645"/>
      <c r="BZ33" s="645"/>
      <c r="CA33" s="645"/>
      <c r="CB33" s="694"/>
      <c r="CD33" s="706" t="s">
        <v>315</v>
      </c>
      <c r="CE33" s="703"/>
      <c r="CF33" s="703"/>
      <c r="CG33" s="703"/>
      <c r="CH33" s="703"/>
      <c r="CI33" s="703"/>
      <c r="CJ33" s="703"/>
      <c r="CK33" s="703"/>
      <c r="CL33" s="703"/>
      <c r="CM33" s="703"/>
      <c r="CN33" s="703"/>
      <c r="CO33" s="703"/>
      <c r="CP33" s="703"/>
      <c r="CQ33" s="704"/>
      <c r="CR33" s="664">
        <v>12778947</v>
      </c>
      <c r="CS33" s="675"/>
      <c r="CT33" s="675"/>
      <c r="CU33" s="675"/>
      <c r="CV33" s="675"/>
      <c r="CW33" s="675"/>
      <c r="CX33" s="675"/>
      <c r="CY33" s="676"/>
      <c r="CZ33" s="667">
        <v>35.4</v>
      </c>
      <c r="DA33" s="677"/>
      <c r="DB33" s="677"/>
      <c r="DC33" s="678"/>
      <c r="DD33" s="670">
        <v>9907688</v>
      </c>
      <c r="DE33" s="675"/>
      <c r="DF33" s="675"/>
      <c r="DG33" s="675"/>
      <c r="DH33" s="675"/>
      <c r="DI33" s="675"/>
      <c r="DJ33" s="675"/>
      <c r="DK33" s="676"/>
      <c r="DL33" s="670">
        <v>7990264</v>
      </c>
      <c r="DM33" s="675"/>
      <c r="DN33" s="675"/>
      <c r="DO33" s="675"/>
      <c r="DP33" s="675"/>
      <c r="DQ33" s="675"/>
      <c r="DR33" s="675"/>
      <c r="DS33" s="675"/>
      <c r="DT33" s="675"/>
      <c r="DU33" s="675"/>
      <c r="DV33" s="676"/>
      <c r="DW33" s="667">
        <v>36.799999999999997</v>
      </c>
      <c r="DX33" s="677"/>
      <c r="DY33" s="677"/>
      <c r="DZ33" s="677"/>
      <c r="EA33" s="677"/>
      <c r="EB33" s="677"/>
      <c r="EC33" s="698"/>
    </row>
    <row r="34" spans="2:133" ht="11.25" customHeight="1" x14ac:dyDescent="0.2">
      <c r="B34" s="661" t="s">
        <v>316</v>
      </c>
      <c r="C34" s="662"/>
      <c r="D34" s="662"/>
      <c r="E34" s="662"/>
      <c r="F34" s="662"/>
      <c r="G34" s="662"/>
      <c r="H34" s="662"/>
      <c r="I34" s="662"/>
      <c r="J34" s="662"/>
      <c r="K34" s="662"/>
      <c r="L34" s="662"/>
      <c r="M34" s="662"/>
      <c r="N34" s="662"/>
      <c r="O34" s="662"/>
      <c r="P34" s="662"/>
      <c r="Q34" s="663"/>
      <c r="R34" s="664">
        <v>2599108</v>
      </c>
      <c r="S34" s="665"/>
      <c r="T34" s="665"/>
      <c r="U34" s="665"/>
      <c r="V34" s="665"/>
      <c r="W34" s="665"/>
      <c r="X34" s="665"/>
      <c r="Y34" s="666"/>
      <c r="Z34" s="691">
        <v>6.7</v>
      </c>
      <c r="AA34" s="691"/>
      <c r="AB34" s="691"/>
      <c r="AC34" s="691"/>
      <c r="AD34" s="692" t="s">
        <v>127</v>
      </c>
      <c r="AE34" s="692"/>
      <c r="AF34" s="692"/>
      <c r="AG34" s="692"/>
      <c r="AH34" s="692"/>
      <c r="AI34" s="692"/>
      <c r="AJ34" s="692"/>
      <c r="AK34" s="692"/>
      <c r="AL34" s="667" t="s">
        <v>127</v>
      </c>
      <c r="AM34" s="668"/>
      <c r="AN34" s="668"/>
      <c r="AO34" s="693"/>
      <c r="AP34" s="215"/>
      <c r="AQ34" s="216"/>
      <c r="AR34" s="360"/>
      <c r="AS34" s="359"/>
      <c r="AT34" s="359"/>
      <c r="AU34" s="359"/>
      <c r="AV34" s="359"/>
      <c r="AW34" s="359"/>
      <c r="AX34" s="359"/>
      <c r="AY34" s="359"/>
      <c r="AZ34" s="359"/>
      <c r="BA34" s="359"/>
      <c r="BB34" s="359"/>
      <c r="BC34" s="359"/>
      <c r="BD34" s="359"/>
      <c r="BE34" s="359"/>
      <c r="BF34" s="359"/>
      <c r="BG34" s="216"/>
      <c r="BH34" s="216"/>
      <c r="BI34" s="216"/>
      <c r="BJ34" s="216"/>
      <c r="BK34" s="216"/>
      <c r="BL34" s="216"/>
      <c r="BM34" s="216"/>
      <c r="BN34" s="216"/>
      <c r="BO34" s="216"/>
      <c r="BP34" s="216"/>
      <c r="BQ34" s="216"/>
      <c r="BR34" s="216"/>
      <c r="BS34" s="216"/>
      <c r="BT34" s="216"/>
      <c r="BU34" s="216"/>
      <c r="BV34" s="216"/>
      <c r="BW34" s="216"/>
      <c r="BX34" s="216"/>
      <c r="BY34" s="216"/>
      <c r="BZ34" s="216"/>
      <c r="CA34" s="216"/>
      <c r="CB34" s="216"/>
      <c r="CD34" s="706" t="s">
        <v>317</v>
      </c>
      <c r="CE34" s="703"/>
      <c r="CF34" s="703"/>
      <c r="CG34" s="703"/>
      <c r="CH34" s="703"/>
      <c r="CI34" s="703"/>
      <c r="CJ34" s="703"/>
      <c r="CK34" s="703"/>
      <c r="CL34" s="703"/>
      <c r="CM34" s="703"/>
      <c r="CN34" s="703"/>
      <c r="CO34" s="703"/>
      <c r="CP34" s="703"/>
      <c r="CQ34" s="704"/>
      <c r="CR34" s="664">
        <v>5678421</v>
      </c>
      <c r="CS34" s="665"/>
      <c r="CT34" s="665"/>
      <c r="CU34" s="665"/>
      <c r="CV34" s="665"/>
      <c r="CW34" s="665"/>
      <c r="CX34" s="665"/>
      <c r="CY34" s="666"/>
      <c r="CZ34" s="667">
        <v>15.7</v>
      </c>
      <c r="DA34" s="677"/>
      <c r="DB34" s="677"/>
      <c r="DC34" s="678"/>
      <c r="DD34" s="670">
        <v>3867159</v>
      </c>
      <c r="DE34" s="665"/>
      <c r="DF34" s="665"/>
      <c r="DG34" s="665"/>
      <c r="DH34" s="665"/>
      <c r="DI34" s="665"/>
      <c r="DJ34" s="665"/>
      <c r="DK34" s="666"/>
      <c r="DL34" s="670">
        <v>3527511</v>
      </c>
      <c r="DM34" s="665"/>
      <c r="DN34" s="665"/>
      <c r="DO34" s="665"/>
      <c r="DP34" s="665"/>
      <c r="DQ34" s="665"/>
      <c r="DR34" s="665"/>
      <c r="DS34" s="665"/>
      <c r="DT34" s="665"/>
      <c r="DU34" s="665"/>
      <c r="DV34" s="666"/>
      <c r="DW34" s="667">
        <v>16.3</v>
      </c>
      <c r="DX34" s="677"/>
      <c r="DY34" s="677"/>
      <c r="DZ34" s="677"/>
      <c r="EA34" s="677"/>
      <c r="EB34" s="677"/>
      <c r="EC34" s="698"/>
    </row>
    <row r="35" spans="2:133" ht="11.25" customHeight="1" x14ac:dyDescent="0.2">
      <c r="B35" s="661" t="s">
        <v>318</v>
      </c>
      <c r="C35" s="662"/>
      <c r="D35" s="662"/>
      <c r="E35" s="662"/>
      <c r="F35" s="662"/>
      <c r="G35" s="662"/>
      <c r="H35" s="662"/>
      <c r="I35" s="662"/>
      <c r="J35" s="662"/>
      <c r="K35" s="662"/>
      <c r="L35" s="662"/>
      <c r="M35" s="662"/>
      <c r="N35" s="662"/>
      <c r="O35" s="662"/>
      <c r="P35" s="662"/>
      <c r="Q35" s="663"/>
      <c r="R35" s="664">
        <v>15024</v>
      </c>
      <c r="S35" s="665"/>
      <c r="T35" s="665"/>
      <c r="U35" s="665"/>
      <c r="V35" s="665"/>
      <c r="W35" s="665"/>
      <c r="X35" s="665"/>
      <c r="Y35" s="666"/>
      <c r="Z35" s="691">
        <v>0</v>
      </c>
      <c r="AA35" s="691"/>
      <c r="AB35" s="691"/>
      <c r="AC35" s="691"/>
      <c r="AD35" s="692">
        <v>9609</v>
      </c>
      <c r="AE35" s="692"/>
      <c r="AF35" s="692"/>
      <c r="AG35" s="692"/>
      <c r="AH35" s="692"/>
      <c r="AI35" s="692"/>
      <c r="AJ35" s="692"/>
      <c r="AK35" s="692"/>
      <c r="AL35" s="667">
        <v>0</v>
      </c>
      <c r="AM35" s="668"/>
      <c r="AN35" s="668"/>
      <c r="AO35" s="693"/>
      <c r="AP35" s="217"/>
      <c r="AQ35" s="723" t="s">
        <v>319</v>
      </c>
      <c r="AR35" s="724"/>
      <c r="AS35" s="724"/>
      <c r="AT35" s="724"/>
      <c r="AU35" s="724"/>
      <c r="AV35" s="724"/>
      <c r="AW35" s="724"/>
      <c r="AX35" s="724"/>
      <c r="AY35" s="724"/>
      <c r="AZ35" s="724"/>
      <c r="BA35" s="724"/>
      <c r="BB35" s="724"/>
      <c r="BC35" s="724"/>
      <c r="BD35" s="724"/>
      <c r="BE35" s="724"/>
      <c r="BF35" s="725"/>
      <c r="BG35" s="723" t="s">
        <v>320</v>
      </c>
      <c r="BH35" s="724"/>
      <c r="BI35" s="724"/>
      <c r="BJ35" s="724"/>
      <c r="BK35" s="724"/>
      <c r="BL35" s="724"/>
      <c r="BM35" s="724"/>
      <c r="BN35" s="724"/>
      <c r="BO35" s="724"/>
      <c r="BP35" s="724"/>
      <c r="BQ35" s="724"/>
      <c r="BR35" s="724"/>
      <c r="BS35" s="724"/>
      <c r="BT35" s="724"/>
      <c r="BU35" s="724"/>
      <c r="BV35" s="724"/>
      <c r="BW35" s="724"/>
      <c r="BX35" s="724"/>
      <c r="BY35" s="724"/>
      <c r="BZ35" s="724"/>
      <c r="CA35" s="724"/>
      <c r="CB35" s="725"/>
      <c r="CD35" s="706" t="s">
        <v>321</v>
      </c>
      <c r="CE35" s="703"/>
      <c r="CF35" s="703"/>
      <c r="CG35" s="703"/>
      <c r="CH35" s="703"/>
      <c r="CI35" s="703"/>
      <c r="CJ35" s="703"/>
      <c r="CK35" s="703"/>
      <c r="CL35" s="703"/>
      <c r="CM35" s="703"/>
      <c r="CN35" s="703"/>
      <c r="CO35" s="703"/>
      <c r="CP35" s="703"/>
      <c r="CQ35" s="704"/>
      <c r="CR35" s="664">
        <v>207429</v>
      </c>
      <c r="CS35" s="675"/>
      <c r="CT35" s="675"/>
      <c r="CU35" s="675"/>
      <c r="CV35" s="675"/>
      <c r="CW35" s="675"/>
      <c r="CX35" s="675"/>
      <c r="CY35" s="676"/>
      <c r="CZ35" s="667">
        <v>0.6</v>
      </c>
      <c r="DA35" s="677"/>
      <c r="DB35" s="677"/>
      <c r="DC35" s="678"/>
      <c r="DD35" s="670">
        <v>172170</v>
      </c>
      <c r="DE35" s="675"/>
      <c r="DF35" s="675"/>
      <c r="DG35" s="675"/>
      <c r="DH35" s="675"/>
      <c r="DI35" s="675"/>
      <c r="DJ35" s="675"/>
      <c r="DK35" s="676"/>
      <c r="DL35" s="670">
        <v>166218</v>
      </c>
      <c r="DM35" s="675"/>
      <c r="DN35" s="675"/>
      <c r="DO35" s="675"/>
      <c r="DP35" s="675"/>
      <c r="DQ35" s="675"/>
      <c r="DR35" s="675"/>
      <c r="DS35" s="675"/>
      <c r="DT35" s="675"/>
      <c r="DU35" s="675"/>
      <c r="DV35" s="676"/>
      <c r="DW35" s="667">
        <v>0.8</v>
      </c>
      <c r="DX35" s="677"/>
      <c r="DY35" s="677"/>
      <c r="DZ35" s="677"/>
      <c r="EA35" s="677"/>
      <c r="EB35" s="677"/>
      <c r="EC35" s="698"/>
    </row>
    <row r="36" spans="2:133" ht="11.25" customHeight="1" x14ac:dyDescent="0.2">
      <c r="B36" s="661" t="s">
        <v>322</v>
      </c>
      <c r="C36" s="662"/>
      <c r="D36" s="662"/>
      <c r="E36" s="662"/>
      <c r="F36" s="662"/>
      <c r="G36" s="662"/>
      <c r="H36" s="662"/>
      <c r="I36" s="662"/>
      <c r="J36" s="662"/>
      <c r="K36" s="662"/>
      <c r="L36" s="662"/>
      <c r="M36" s="662"/>
      <c r="N36" s="662"/>
      <c r="O36" s="662"/>
      <c r="P36" s="662"/>
      <c r="Q36" s="663"/>
      <c r="R36" s="664">
        <v>47160</v>
      </c>
      <c r="S36" s="665"/>
      <c r="T36" s="665"/>
      <c r="U36" s="665"/>
      <c r="V36" s="665"/>
      <c r="W36" s="665"/>
      <c r="X36" s="665"/>
      <c r="Y36" s="666"/>
      <c r="Z36" s="691">
        <v>0.1</v>
      </c>
      <c r="AA36" s="691"/>
      <c r="AB36" s="691"/>
      <c r="AC36" s="691"/>
      <c r="AD36" s="692" t="s">
        <v>127</v>
      </c>
      <c r="AE36" s="692"/>
      <c r="AF36" s="692"/>
      <c r="AG36" s="692"/>
      <c r="AH36" s="692"/>
      <c r="AI36" s="692"/>
      <c r="AJ36" s="692"/>
      <c r="AK36" s="692"/>
      <c r="AL36" s="667" t="s">
        <v>127</v>
      </c>
      <c r="AM36" s="668"/>
      <c r="AN36" s="668"/>
      <c r="AO36" s="693"/>
      <c r="AP36" s="217"/>
      <c r="AQ36" s="714" t="s">
        <v>323</v>
      </c>
      <c r="AR36" s="715"/>
      <c r="AS36" s="715"/>
      <c r="AT36" s="715"/>
      <c r="AU36" s="715"/>
      <c r="AV36" s="715"/>
      <c r="AW36" s="715"/>
      <c r="AX36" s="715"/>
      <c r="AY36" s="716"/>
      <c r="AZ36" s="717">
        <v>3984060</v>
      </c>
      <c r="BA36" s="718"/>
      <c r="BB36" s="718"/>
      <c r="BC36" s="718"/>
      <c r="BD36" s="718"/>
      <c r="BE36" s="718"/>
      <c r="BF36" s="719"/>
      <c r="BG36" s="720" t="s">
        <v>324</v>
      </c>
      <c r="BH36" s="721"/>
      <c r="BI36" s="721"/>
      <c r="BJ36" s="721"/>
      <c r="BK36" s="721"/>
      <c r="BL36" s="721"/>
      <c r="BM36" s="721"/>
      <c r="BN36" s="721"/>
      <c r="BO36" s="721"/>
      <c r="BP36" s="721"/>
      <c r="BQ36" s="721"/>
      <c r="BR36" s="721"/>
      <c r="BS36" s="721"/>
      <c r="BT36" s="721"/>
      <c r="BU36" s="722"/>
      <c r="BV36" s="717">
        <v>183986</v>
      </c>
      <c r="BW36" s="718"/>
      <c r="BX36" s="718"/>
      <c r="BY36" s="718"/>
      <c r="BZ36" s="718"/>
      <c r="CA36" s="718"/>
      <c r="CB36" s="719"/>
      <c r="CD36" s="706" t="s">
        <v>325</v>
      </c>
      <c r="CE36" s="703"/>
      <c r="CF36" s="703"/>
      <c r="CG36" s="703"/>
      <c r="CH36" s="703"/>
      <c r="CI36" s="703"/>
      <c r="CJ36" s="703"/>
      <c r="CK36" s="703"/>
      <c r="CL36" s="703"/>
      <c r="CM36" s="703"/>
      <c r="CN36" s="703"/>
      <c r="CO36" s="703"/>
      <c r="CP36" s="703"/>
      <c r="CQ36" s="704"/>
      <c r="CR36" s="664">
        <v>2809359</v>
      </c>
      <c r="CS36" s="665"/>
      <c r="CT36" s="665"/>
      <c r="CU36" s="665"/>
      <c r="CV36" s="665"/>
      <c r="CW36" s="665"/>
      <c r="CX36" s="665"/>
      <c r="CY36" s="666"/>
      <c r="CZ36" s="667">
        <v>7.8</v>
      </c>
      <c r="DA36" s="677"/>
      <c r="DB36" s="677"/>
      <c r="DC36" s="678"/>
      <c r="DD36" s="670">
        <v>2590247</v>
      </c>
      <c r="DE36" s="665"/>
      <c r="DF36" s="665"/>
      <c r="DG36" s="665"/>
      <c r="DH36" s="665"/>
      <c r="DI36" s="665"/>
      <c r="DJ36" s="665"/>
      <c r="DK36" s="666"/>
      <c r="DL36" s="670">
        <v>1985083</v>
      </c>
      <c r="DM36" s="665"/>
      <c r="DN36" s="665"/>
      <c r="DO36" s="665"/>
      <c r="DP36" s="665"/>
      <c r="DQ36" s="665"/>
      <c r="DR36" s="665"/>
      <c r="DS36" s="665"/>
      <c r="DT36" s="665"/>
      <c r="DU36" s="665"/>
      <c r="DV36" s="666"/>
      <c r="DW36" s="667">
        <v>9.1</v>
      </c>
      <c r="DX36" s="677"/>
      <c r="DY36" s="677"/>
      <c r="DZ36" s="677"/>
      <c r="EA36" s="677"/>
      <c r="EB36" s="677"/>
      <c r="EC36" s="698"/>
    </row>
    <row r="37" spans="2:133" ht="11.25" customHeight="1" x14ac:dyDescent="0.2">
      <c r="B37" s="661" t="s">
        <v>326</v>
      </c>
      <c r="C37" s="662"/>
      <c r="D37" s="662"/>
      <c r="E37" s="662"/>
      <c r="F37" s="662"/>
      <c r="G37" s="662"/>
      <c r="H37" s="662"/>
      <c r="I37" s="662"/>
      <c r="J37" s="662"/>
      <c r="K37" s="662"/>
      <c r="L37" s="662"/>
      <c r="M37" s="662"/>
      <c r="N37" s="662"/>
      <c r="O37" s="662"/>
      <c r="P37" s="662"/>
      <c r="Q37" s="663"/>
      <c r="R37" s="664">
        <v>99412</v>
      </c>
      <c r="S37" s="665"/>
      <c r="T37" s="665"/>
      <c r="U37" s="665"/>
      <c r="V37" s="665"/>
      <c r="W37" s="665"/>
      <c r="X37" s="665"/>
      <c r="Y37" s="666"/>
      <c r="Z37" s="691">
        <v>0.3</v>
      </c>
      <c r="AA37" s="691"/>
      <c r="AB37" s="691"/>
      <c r="AC37" s="691"/>
      <c r="AD37" s="692" t="s">
        <v>127</v>
      </c>
      <c r="AE37" s="692"/>
      <c r="AF37" s="692"/>
      <c r="AG37" s="692"/>
      <c r="AH37" s="692"/>
      <c r="AI37" s="692"/>
      <c r="AJ37" s="692"/>
      <c r="AK37" s="692"/>
      <c r="AL37" s="667" t="s">
        <v>127</v>
      </c>
      <c r="AM37" s="668"/>
      <c r="AN37" s="668"/>
      <c r="AO37" s="693"/>
      <c r="AQ37" s="699" t="s">
        <v>327</v>
      </c>
      <c r="AR37" s="700"/>
      <c r="AS37" s="700"/>
      <c r="AT37" s="700"/>
      <c r="AU37" s="700"/>
      <c r="AV37" s="700"/>
      <c r="AW37" s="700"/>
      <c r="AX37" s="700"/>
      <c r="AY37" s="701"/>
      <c r="AZ37" s="664">
        <v>961808</v>
      </c>
      <c r="BA37" s="665"/>
      <c r="BB37" s="665"/>
      <c r="BC37" s="665"/>
      <c r="BD37" s="675"/>
      <c r="BE37" s="675"/>
      <c r="BF37" s="702"/>
      <c r="BG37" s="706" t="s">
        <v>328</v>
      </c>
      <c r="BH37" s="703"/>
      <c r="BI37" s="703"/>
      <c r="BJ37" s="703"/>
      <c r="BK37" s="703"/>
      <c r="BL37" s="703"/>
      <c r="BM37" s="703"/>
      <c r="BN37" s="703"/>
      <c r="BO37" s="703"/>
      <c r="BP37" s="703"/>
      <c r="BQ37" s="703"/>
      <c r="BR37" s="703"/>
      <c r="BS37" s="703"/>
      <c r="BT37" s="703"/>
      <c r="BU37" s="704"/>
      <c r="BV37" s="664">
        <v>113699</v>
      </c>
      <c r="BW37" s="665"/>
      <c r="BX37" s="665"/>
      <c r="BY37" s="665"/>
      <c r="BZ37" s="665"/>
      <c r="CA37" s="665"/>
      <c r="CB37" s="705"/>
      <c r="CD37" s="706" t="s">
        <v>329</v>
      </c>
      <c r="CE37" s="703"/>
      <c r="CF37" s="703"/>
      <c r="CG37" s="703"/>
      <c r="CH37" s="703"/>
      <c r="CI37" s="703"/>
      <c r="CJ37" s="703"/>
      <c r="CK37" s="703"/>
      <c r="CL37" s="703"/>
      <c r="CM37" s="703"/>
      <c r="CN37" s="703"/>
      <c r="CO37" s="703"/>
      <c r="CP37" s="703"/>
      <c r="CQ37" s="704"/>
      <c r="CR37" s="664">
        <v>706800</v>
      </c>
      <c r="CS37" s="675"/>
      <c r="CT37" s="675"/>
      <c r="CU37" s="675"/>
      <c r="CV37" s="675"/>
      <c r="CW37" s="675"/>
      <c r="CX37" s="675"/>
      <c r="CY37" s="676"/>
      <c r="CZ37" s="667">
        <v>2</v>
      </c>
      <c r="DA37" s="677"/>
      <c r="DB37" s="677"/>
      <c r="DC37" s="678"/>
      <c r="DD37" s="670">
        <v>706800</v>
      </c>
      <c r="DE37" s="675"/>
      <c r="DF37" s="675"/>
      <c r="DG37" s="675"/>
      <c r="DH37" s="675"/>
      <c r="DI37" s="675"/>
      <c r="DJ37" s="675"/>
      <c r="DK37" s="676"/>
      <c r="DL37" s="670">
        <v>706800</v>
      </c>
      <c r="DM37" s="675"/>
      <c r="DN37" s="675"/>
      <c r="DO37" s="675"/>
      <c r="DP37" s="675"/>
      <c r="DQ37" s="675"/>
      <c r="DR37" s="675"/>
      <c r="DS37" s="675"/>
      <c r="DT37" s="675"/>
      <c r="DU37" s="675"/>
      <c r="DV37" s="676"/>
      <c r="DW37" s="667">
        <v>3.3</v>
      </c>
      <c r="DX37" s="677"/>
      <c r="DY37" s="677"/>
      <c r="DZ37" s="677"/>
      <c r="EA37" s="677"/>
      <c r="EB37" s="677"/>
      <c r="EC37" s="698"/>
    </row>
    <row r="38" spans="2:133" ht="11.25" customHeight="1" x14ac:dyDescent="0.2">
      <c r="B38" s="661" t="s">
        <v>330</v>
      </c>
      <c r="C38" s="662"/>
      <c r="D38" s="662"/>
      <c r="E38" s="662"/>
      <c r="F38" s="662"/>
      <c r="G38" s="662"/>
      <c r="H38" s="662"/>
      <c r="I38" s="662"/>
      <c r="J38" s="662"/>
      <c r="K38" s="662"/>
      <c r="L38" s="662"/>
      <c r="M38" s="662"/>
      <c r="N38" s="662"/>
      <c r="O38" s="662"/>
      <c r="P38" s="662"/>
      <c r="Q38" s="663"/>
      <c r="R38" s="664">
        <v>1209306</v>
      </c>
      <c r="S38" s="665"/>
      <c r="T38" s="665"/>
      <c r="U38" s="665"/>
      <c r="V38" s="665"/>
      <c r="W38" s="665"/>
      <c r="X38" s="665"/>
      <c r="Y38" s="666"/>
      <c r="Z38" s="691">
        <v>3.1</v>
      </c>
      <c r="AA38" s="691"/>
      <c r="AB38" s="691"/>
      <c r="AC38" s="691"/>
      <c r="AD38" s="692" t="s">
        <v>127</v>
      </c>
      <c r="AE38" s="692"/>
      <c r="AF38" s="692"/>
      <c r="AG38" s="692"/>
      <c r="AH38" s="692"/>
      <c r="AI38" s="692"/>
      <c r="AJ38" s="692"/>
      <c r="AK38" s="692"/>
      <c r="AL38" s="667" t="s">
        <v>127</v>
      </c>
      <c r="AM38" s="668"/>
      <c r="AN38" s="668"/>
      <c r="AO38" s="693"/>
      <c r="AQ38" s="699" t="s">
        <v>331</v>
      </c>
      <c r="AR38" s="700"/>
      <c r="AS38" s="700"/>
      <c r="AT38" s="700"/>
      <c r="AU38" s="700"/>
      <c r="AV38" s="700"/>
      <c r="AW38" s="700"/>
      <c r="AX38" s="700"/>
      <c r="AY38" s="701"/>
      <c r="AZ38" s="664" t="s">
        <v>127</v>
      </c>
      <c r="BA38" s="665"/>
      <c r="BB38" s="665"/>
      <c r="BC38" s="665"/>
      <c r="BD38" s="675"/>
      <c r="BE38" s="675"/>
      <c r="BF38" s="702"/>
      <c r="BG38" s="706" t="s">
        <v>332</v>
      </c>
      <c r="BH38" s="703"/>
      <c r="BI38" s="703"/>
      <c r="BJ38" s="703"/>
      <c r="BK38" s="703"/>
      <c r="BL38" s="703"/>
      <c r="BM38" s="703"/>
      <c r="BN38" s="703"/>
      <c r="BO38" s="703"/>
      <c r="BP38" s="703"/>
      <c r="BQ38" s="703"/>
      <c r="BR38" s="703"/>
      <c r="BS38" s="703"/>
      <c r="BT38" s="703"/>
      <c r="BU38" s="704"/>
      <c r="BV38" s="664">
        <v>12815</v>
      </c>
      <c r="BW38" s="665"/>
      <c r="BX38" s="665"/>
      <c r="BY38" s="665"/>
      <c r="BZ38" s="665"/>
      <c r="CA38" s="665"/>
      <c r="CB38" s="705"/>
      <c r="CD38" s="706" t="s">
        <v>333</v>
      </c>
      <c r="CE38" s="703"/>
      <c r="CF38" s="703"/>
      <c r="CG38" s="703"/>
      <c r="CH38" s="703"/>
      <c r="CI38" s="703"/>
      <c r="CJ38" s="703"/>
      <c r="CK38" s="703"/>
      <c r="CL38" s="703"/>
      <c r="CM38" s="703"/>
      <c r="CN38" s="703"/>
      <c r="CO38" s="703"/>
      <c r="CP38" s="703"/>
      <c r="CQ38" s="704"/>
      <c r="CR38" s="664">
        <v>3022252</v>
      </c>
      <c r="CS38" s="665"/>
      <c r="CT38" s="665"/>
      <c r="CU38" s="665"/>
      <c r="CV38" s="665"/>
      <c r="CW38" s="665"/>
      <c r="CX38" s="665"/>
      <c r="CY38" s="666"/>
      <c r="CZ38" s="667">
        <v>8.4</v>
      </c>
      <c r="DA38" s="677"/>
      <c r="DB38" s="677"/>
      <c r="DC38" s="678"/>
      <c r="DD38" s="670">
        <v>2542292</v>
      </c>
      <c r="DE38" s="665"/>
      <c r="DF38" s="665"/>
      <c r="DG38" s="665"/>
      <c r="DH38" s="665"/>
      <c r="DI38" s="665"/>
      <c r="DJ38" s="665"/>
      <c r="DK38" s="666"/>
      <c r="DL38" s="670">
        <v>2162133</v>
      </c>
      <c r="DM38" s="665"/>
      <c r="DN38" s="665"/>
      <c r="DO38" s="665"/>
      <c r="DP38" s="665"/>
      <c r="DQ38" s="665"/>
      <c r="DR38" s="665"/>
      <c r="DS38" s="665"/>
      <c r="DT38" s="665"/>
      <c r="DU38" s="665"/>
      <c r="DV38" s="666"/>
      <c r="DW38" s="667">
        <v>10</v>
      </c>
      <c r="DX38" s="677"/>
      <c r="DY38" s="677"/>
      <c r="DZ38" s="677"/>
      <c r="EA38" s="677"/>
      <c r="EB38" s="677"/>
      <c r="EC38" s="698"/>
    </row>
    <row r="39" spans="2:133" ht="11.25" customHeight="1" x14ac:dyDescent="0.2">
      <c r="B39" s="661" t="s">
        <v>334</v>
      </c>
      <c r="C39" s="662"/>
      <c r="D39" s="662"/>
      <c r="E39" s="662"/>
      <c r="F39" s="662"/>
      <c r="G39" s="662"/>
      <c r="H39" s="662"/>
      <c r="I39" s="662"/>
      <c r="J39" s="662"/>
      <c r="K39" s="662"/>
      <c r="L39" s="662"/>
      <c r="M39" s="662"/>
      <c r="N39" s="662"/>
      <c r="O39" s="662"/>
      <c r="P39" s="662"/>
      <c r="Q39" s="663"/>
      <c r="R39" s="664">
        <v>602834</v>
      </c>
      <c r="S39" s="665"/>
      <c r="T39" s="665"/>
      <c r="U39" s="665"/>
      <c r="V39" s="665"/>
      <c r="W39" s="665"/>
      <c r="X39" s="665"/>
      <c r="Y39" s="666"/>
      <c r="Z39" s="691">
        <v>1.6</v>
      </c>
      <c r="AA39" s="691"/>
      <c r="AB39" s="691"/>
      <c r="AC39" s="691"/>
      <c r="AD39" s="692">
        <v>2047</v>
      </c>
      <c r="AE39" s="692"/>
      <c r="AF39" s="692"/>
      <c r="AG39" s="692"/>
      <c r="AH39" s="692"/>
      <c r="AI39" s="692"/>
      <c r="AJ39" s="692"/>
      <c r="AK39" s="692"/>
      <c r="AL39" s="667">
        <v>0</v>
      </c>
      <c r="AM39" s="668"/>
      <c r="AN39" s="668"/>
      <c r="AO39" s="693"/>
      <c r="AQ39" s="699" t="s">
        <v>335</v>
      </c>
      <c r="AR39" s="700"/>
      <c r="AS39" s="700"/>
      <c r="AT39" s="700"/>
      <c r="AU39" s="700"/>
      <c r="AV39" s="700"/>
      <c r="AW39" s="700"/>
      <c r="AX39" s="700"/>
      <c r="AY39" s="701"/>
      <c r="AZ39" s="664" t="s">
        <v>127</v>
      </c>
      <c r="BA39" s="665"/>
      <c r="BB39" s="665"/>
      <c r="BC39" s="665"/>
      <c r="BD39" s="675"/>
      <c r="BE39" s="675"/>
      <c r="BF39" s="702"/>
      <c r="BG39" s="706" t="s">
        <v>336</v>
      </c>
      <c r="BH39" s="703"/>
      <c r="BI39" s="703"/>
      <c r="BJ39" s="703"/>
      <c r="BK39" s="703"/>
      <c r="BL39" s="703"/>
      <c r="BM39" s="703"/>
      <c r="BN39" s="703"/>
      <c r="BO39" s="703"/>
      <c r="BP39" s="703"/>
      <c r="BQ39" s="703"/>
      <c r="BR39" s="703"/>
      <c r="BS39" s="703"/>
      <c r="BT39" s="703"/>
      <c r="BU39" s="704"/>
      <c r="BV39" s="664">
        <v>19403</v>
      </c>
      <c r="BW39" s="665"/>
      <c r="BX39" s="665"/>
      <c r="BY39" s="665"/>
      <c r="BZ39" s="665"/>
      <c r="CA39" s="665"/>
      <c r="CB39" s="705"/>
      <c r="CD39" s="706" t="s">
        <v>337</v>
      </c>
      <c r="CE39" s="703"/>
      <c r="CF39" s="703"/>
      <c r="CG39" s="703"/>
      <c r="CH39" s="703"/>
      <c r="CI39" s="703"/>
      <c r="CJ39" s="703"/>
      <c r="CK39" s="703"/>
      <c r="CL39" s="703"/>
      <c r="CM39" s="703"/>
      <c r="CN39" s="703"/>
      <c r="CO39" s="703"/>
      <c r="CP39" s="703"/>
      <c r="CQ39" s="704"/>
      <c r="CR39" s="664">
        <v>642167</v>
      </c>
      <c r="CS39" s="675"/>
      <c r="CT39" s="675"/>
      <c r="CU39" s="675"/>
      <c r="CV39" s="675"/>
      <c r="CW39" s="675"/>
      <c r="CX39" s="675"/>
      <c r="CY39" s="676"/>
      <c r="CZ39" s="667">
        <v>1.8</v>
      </c>
      <c r="DA39" s="677"/>
      <c r="DB39" s="677"/>
      <c r="DC39" s="678"/>
      <c r="DD39" s="670">
        <v>586501</v>
      </c>
      <c r="DE39" s="675"/>
      <c r="DF39" s="675"/>
      <c r="DG39" s="675"/>
      <c r="DH39" s="675"/>
      <c r="DI39" s="675"/>
      <c r="DJ39" s="675"/>
      <c r="DK39" s="676"/>
      <c r="DL39" s="670" t="s">
        <v>127</v>
      </c>
      <c r="DM39" s="675"/>
      <c r="DN39" s="675"/>
      <c r="DO39" s="675"/>
      <c r="DP39" s="675"/>
      <c r="DQ39" s="675"/>
      <c r="DR39" s="675"/>
      <c r="DS39" s="675"/>
      <c r="DT39" s="675"/>
      <c r="DU39" s="675"/>
      <c r="DV39" s="676"/>
      <c r="DW39" s="667" t="s">
        <v>127</v>
      </c>
      <c r="DX39" s="677"/>
      <c r="DY39" s="677"/>
      <c r="DZ39" s="677"/>
      <c r="EA39" s="677"/>
      <c r="EB39" s="677"/>
      <c r="EC39" s="698"/>
    </row>
    <row r="40" spans="2:133" ht="11.25" customHeight="1" x14ac:dyDescent="0.2">
      <c r="B40" s="661" t="s">
        <v>338</v>
      </c>
      <c r="C40" s="662"/>
      <c r="D40" s="662"/>
      <c r="E40" s="662"/>
      <c r="F40" s="662"/>
      <c r="G40" s="662"/>
      <c r="H40" s="662"/>
      <c r="I40" s="662"/>
      <c r="J40" s="662"/>
      <c r="K40" s="662"/>
      <c r="L40" s="662"/>
      <c r="M40" s="662"/>
      <c r="N40" s="662"/>
      <c r="O40" s="662"/>
      <c r="P40" s="662"/>
      <c r="Q40" s="663"/>
      <c r="R40" s="664">
        <v>2034000</v>
      </c>
      <c r="S40" s="665"/>
      <c r="T40" s="665"/>
      <c r="U40" s="665"/>
      <c r="V40" s="665"/>
      <c r="W40" s="665"/>
      <c r="X40" s="665"/>
      <c r="Y40" s="666"/>
      <c r="Z40" s="691">
        <v>5.3</v>
      </c>
      <c r="AA40" s="691"/>
      <c r="AB40" s="691"/>
      <c r="AC40" s="691"/>
      <c r="AD40" s="692" t="s">
        <v>127</v>
      </c>
      <c r="AE40" s="692"/>
      <c r="AF40" s="692"/>
      <c r="AG40" s="692"/>
      <c r="AH40" s="692"/>
      <c r="AI40" s="692"/>
      <c r="AJ40" s="692"/>
      <c r="AK40" s="692"/>
      <c r="AL40" s="667" t="s">
        <v>127</v>
      </c>
      <c r="AM40" s="668"/>
      <c r="AN40" s="668"/>
      <c r="AO40" s="693"/>
      <c r="AQ40" s="699" t="s">
        <v>339</v>
      </c>
      <c r="AR40" s="700"/>
      <c r="AS40" s="700"/>
      <c r="AT40" s="700"/>
      <c r="AU40" s="700"/>
      <c r="AV40" s="700"/>
      <c r="AW40" s="700"/>
      <c r="AX40" s="700"/>
      <c r="AY40" s="701"/>
      <c r="AZ40" s="664" t="s">
        <v>127</v>
      </c>
      <c r="BA40" s="665"/>
      <c r="BB40" s="665"/>
      <c r="BC40" s="665"/>
      <c r="BD40" s="675"/>
      <c r="BE40" s="675"/>
      <c r="BF40" s="702"/>
      <c r="BG40" s="707" t="s">
        <v>340</v>
      </c>
      <c r="BH40" s="708"/>
      <c r="BI40" s="708"/>
      <c r="BJ40" s="708"/>
      <c r="BK40" s="708"/>
      <c r="BL40" s="362"/>
      <c r="BM40" s="703" t="s">
        <v>341</v>
      </c>
      <c r="BN40" s="703"/>
      <c r="BO40" s="703"/>
      <c r="BP40" s="703"/>
      <c r="BQ40" s="703"/>
      <c r="BR40" s="703"/>
      <c r="BS40" s="703"/>
      <c r="BT40" s="703"/>
      <c r="BU40" s="704"/>
      <c r="BV40" s="664">
        <v>100</v>
      </c>
      <c r="BW40" s="665"/>
      <c r="BX40" s="665"/>
      <c r="BY40" s="665"/>
      <c r="BZ40" s="665"/>
      <c r="CA40" s="665"/>
      <c r="CB40" s="705"/>
      <c r="CD40" s="706" t="s">
        <v>342</v>
      </c>
      <c r="CE40" s="703"/>
      <c r="CF40" s="703"/>
      <c r="CG40" s="703"/>
      <c r="CH40" s="703"/>
      <c r="CI40" s="703"/>
      <c r="CJ40" s="703"/>
      <c r="CK40" s="703"/>
      <c r="CL40" s="703"/>
      <c r="CM40" s="703"/>
      <c r="CN40" s="703"/>
      <c r="CO40" s="703"/>
      <c r="CP40" s="703"/>
      <c r="CQ40" s="704"/>
      <c r="CR40" s="664">
        <v>419319</v>
      </c>
      <c r="CS40" s="665"/>
      <c r="CT40" s="665"/>
      <c r="CU40" s="665"/>
      <c r="CV40" s="665"/>
      <c r="CW40" s="665"/>
      <c r="CX40" s="665"/>
      <c r="CY40" s="666"/>
      <c r="CZ40" s="667">
        <v>1.2</v>
      </c>
      <c r="DA40" s="677"/>
      <c r="DB40" s="677"/>
      <c r="DC40" s="678"/>
      <c r="DD40" s="670">
        <v>149319</v>
      </c>
      <c r="DE40" s="665"/>
      <c r="DF40" s="665"/>
      <c r="DG40" s="665"/>
      <c r="DH40" s="665"/>
      <c r="DI40" s="665"/>
      <c r="DJ40" s="665"/>
      <c r="DK40" s="666"/>
      <c r="DL40" s="670">
        <v>149319</v>
      </c>
      <c r="DM40" s="665"/>
      <c r="DN40" s="665"/>
      <c r="DO40" s="665"/>
      <c r="DP40" s="665"/>
      <c r="DQ40" s="665"/>
      <c r="DR40" s="665"/>
      <c r="DS40" s="665"/>
      <c r="DT40" s="665"/>
      <c r="DU40" s="665"/>
      <c r="DV40" s="666"/>
      <c r="DW40" s="667">
        <v>0.7</v>
      </c>
      <c r="DX40" s="677"/>
      <c r="DY40" s="677"/>
      <c r="DZ40" s="677"/>
      <c r="EA40" s="677"/>
      <c r="EB40" s="677"/>
      <c r="EC40" s="698"/>
    </row>
    <row r="41" spans="2:133" ht="11.25" customHeight="1" x14ac:dyDescent="0.2">
      <c r="B41" s="661" t="s">
        <v>343</v>
      </c>
      <c r="C41" s="662"/>
      <c r="D41" s="662"/>
      <c r="E41" s="662"/>
      <c r="F41" s="662"/>
      <c r="G41" s="662"/>
      <c r="H41" s="662"/>
      <c r="I41" s="662"/>
      <c r="J41" s="662"/>
      <c r="K41" s="662"/>
      <c r="L41" s="662"/>
      <c r="M41" s="662"/>
      <c r="N41" s="662"/>
      <c r="O41" s="662"/>
      <c r="P41" s="662"/>
      <c r="Q41" s="663"/>
      <c r="R41" s="664" t="s">
        <v>127</v>
      </c>
      <c r="S41" s="665"/>
      <c r="T41" s="665"/>
      <c r="U41" s="665"/>
      <c r="V41" s="665"/>
      <c r="W41" s="665"/>
      <c r="X41" s="665"/>
      <c r="Y41" s="666"/>
      <c r="Z41" s="691" t="s">
        <v>127</v>
      </c>
      <c r="AA41" s="691"/>
      <c r="AB41" s="691"/>
      <c r="AC41" s="691"/>
      <c r="AD41" s="692" t="s">
        <v>127</v>
      </c>
      <c r="AE41" s="692"/>
      <c r="AF41" s="692"/>
      <c r="AG41" s="692"/>
      <c r="AH41" s="692"/>
      <c r="AI41" s="692"/>
      <c r="AJ41" s="692"/>
      <c r="AK41" s="692"/>
      <c r="AL41" s="667" t="s">
        <v>127</v>
      </c>
      <c r="AM41" s="668"/>
      <c r="AN41" s="668"/>
      <c r="AO41" s="693"/>
      <c r="AQ41" s="699" t="s">
        <v>344</v>
      </c>
      <c r="AR41" s="700"/>
      <c r="AS41" s="700"/>
      <c r="AT41" s="700"/>
      <c r="AU41" s="700"/>
      <c r="AV41" s="700"/>
      <c r="AW41" s="700"/>
      <c r="AX41" s="700"/>
      <c r="AY41" s="701"/>
      <c r="AZ41" s="664">
        <v>777307</v>
      </c>
      <c r="BA41" s="665"/>
      <c r="BB41" s="665"/>
      <c r="BC41" s="665"/>
      <c r="BD41" s="675"/>
      <c r="BE41" s="675"/>
      <c r="BF41" s="702"/>
      <c r="BG41" s="707"/>
      <c r="BH41" s="708"/>
      <c r="BI41" s="708"/>
      <c r="BJ41" s="708"/>
      <c r="BK41" s="708"/>
      <c r="BL41" s="362"/>
      <c r="BM41" s="703" t="s">
        <v>345</v>
      </c>
      <c r="BN41" s="703"/>
      <c r="BO41" s="703"/>
      <c r="BP41" s="703"/>
      <c r="BQ41" s="703"/>
      <c r="BR41" s="703"/>
      <c r="BS41" s="703"/>
      <c r="BT41" s="703"/>
      <c r="BU41" s="704"/>
      <c r="BV41" s="664" t="s">
        <v>127</v>
      </c>
      <c r="BW41" s="665"/>
      <c r="BX41" s="665"/>
      <c r="BY41" s="665"/>
      <c r="BZ41" s="665"/>
      <c r="CA41" s="665"/>
      <c r="CB41" s="705"/>
      <c r="CD41" s="706" t="s">
        <v>346</v>
      </c>
      <c r="CE41" s="703"/>
      <c r="CF41" s="703"/>
      <c r="CG41" s="703"/>
      <c r="CH41" s="703"/>
      <c r="CI41" s="703"/>
      <c r="CJ41" s="703"/>
      <c r="CK41" s="703"/>
      <c r="CL41" s="703"/>
      <c r="CM41" s="703"/>
      <c r="CN41" s="703"/>
      <c r="CO41" s="703"/>
      <c r="CP41" s="703"/>
      <c r="CQ41" s="704"/>
      <c r="CR41" s="664" t="s">
        <v>127</v>
      </c>
      <c r="CS41" s="675"/>
      <c r="CT41" s="675"/>
      <c r="CU41" s="675"/>
      <c r="CV41" s="675"/>
      <c r="CW41" s="675"/>
      <c r="CX41" s="675"/>
      <c r="CY41" s="676"/>
      <c r="CZ41" s="667" t="s">
        <v>127</v>
      </c>
      <c r="DA41" s="677"/>
      <c r="DB41" s="677"/>
      <c r="DC41" s="678"/>
      <c r="DD41" s="670" t="s">
        <v>127</v>
      </c>
      <c r="DE41" s="675"/>
      <c r="DF41" s="675"/>
      <c r="DG41" s="675"/>
      <c r="DH41" s="675"/>
      <c r="DI41" s="675"/>
      <c r="DJ41" s="675"/>
      <c r="DK41" s="676"/>
      <c r="DL41" s="671"/>
      <c r="DM41" s="672"/>
      <c r="DN41" s="672"/>
      <c r="DO41" s="672"/>
      <c r="DP41" s="672"/>
      <c r="DQ41" s="672"/>
      <c r="DR41" s="672"/>
      <c r="DS41" s="672"/>
      <c r="DT41" s="672"/>
      <c r="DU41" s="672"/>
      <c r="DV41" s="673"/>
      <c r="DW41" s="657"/>
      <c r="DX41" s="658"/>
      <c r="DY41" s="658"/>
      <c r="DZ41" s="658"/>
      <c r="EA41" s="658"/>
      <c r="EB41" s="658"/>
      <c r="EC41" s="659"/>
    </row>
    <row r="42" spans="2:133" ht="11.25" customHeight="1" x14ac:dyDescent="0.2">
      <c r="B42" s="661" t="s">
        <v>347</v>
      </c>
      <c r="C42" s="662"/>
      <c r="D42" s="662"/>
      <c r="E42" s="662"/>
      <c r="F42" s="662"/>
      <c r="G42" s="662"/>
      <c r="H42" s="662"/>
      <c r="I42" s="662"/>
      <c r="J42" s="662"/>
      <c r="K42" s="662"/>
      <c r="L42" s="662"/>
      <c r="M42" s="662"/>
      <c r="N42" s="662"/>
      <c r="O42" s="662"/>
      <c r="P42" s="662"/>
      <c r="Q42" s="663"/>
      <c r="R42" s="664" t="s">
        <v>127</v>
      </c>
      <c r="S42" s="665"/>
      <c r="T42" s="665"/>
      <c r="U42" s="665"/>
      <c r="V42" s="665"/>
      <c r="W42" s="665"/>
      <c r="X42" s="665"/>
      <c r="Y42" s="666"/>
      <c r="Z42" s="691" t="s">
        <v>127</v>
      </c>
      <c r="AA42" s="691"/>
      <c r="AB42" s="691"/>
      <c r="AC42" s="691"/>
      <c r="AD42" s="692" t="s">
        <v>127</v>
      </c>
      <c r="AE42" s="692"/>
      <c r="AF42" s="692"/>
      <c r="AG42" s="692"/>
      <c r="AH42" s="692"/>
      <c r="AI42" s="692"/>
      <c r="AJ42" s="692"/>
      <c r="AK42" s="692"/>
      <c r="AL42" s="667" t="s">
        <v>127</v>
      </c>
      <c r="AM42" s="668"/>
      <c r="AN42" s="668"/>
      <c r="AO42" s="693"/>
      <c r="AQ42" s="711" t="s">
        <v>348</v>
      </c>
      <c r="AR42" s="712"/>
      <c r="AS42" s="712"/>
      <c r="AT42" s="712"/>
      <c r="AU42" s="712"/>
      <c r="AV42" s="712"/>
      <c r="AW42" s="712"/>
      <c r="AX42" s="712"/>
      <c r="AY42" s="713"/>
      <c r="AZ42" s="644">
        <v>2244945</v>
      </c>
      <c r="BA42" s="679"/>
      <c r="BB42" s="679"/>
      <c r="BC42" s="679"/>
      <c r="BD42" s="645"/>
      <c r="BE42" s="645"/>
      <c r="BF42" s="694"/>
      <c r="BG42" s="709"/>
      <c r="BH42" s="710"/>
      <c r="BI42" s="710"/>
      <c r="BJ42" s="710"/>
      <c r="BK42" s="710"/>
      <c r="BL42" s="363"/>
      <c r="BM42" s="695" t="s">
        <v>349</v>
      </c>
      <c r="BN42" s="695"/>
      <c r="BO42" s="695"/>
      <c r="BP42" s="695"/>
      <c r="BQ42" s="695"/>
      <c r="BR42" s="695"/>
      <c r="BS42" s="695"/>
      <c r="BT42" s="695"/>
      <c r="BU42" s="696"/>
      <c r="BV42" s="644">
        <v>348</v>
      </c>
      <c r="BW42" s="679"/>
      <c r="BX42" s="679"/>
      <c r="BY42" s="679"/>
      <c r="BZ42" s="679"/>
      <c r="CA42" s="679"/>
      <c r="CB42" s="697"/>
      <c r="CD42" s="661" t="s">
        <v>350</v>
      </c>
      <c r="CE42" s="662"/>
      <c r="CF42" s="662"/>
      <c r="CG42" s="662"/>
      <c r="CH42" s="662"/>
      <c r="CI42" s="662"/>
      <c r="CJ42" s="662"/>
      <c r="CK42" s="662"/>
      <c r="CL42" s="662"/>
      <c r="CM42" s="662"/>
      <c r="CN42" s="662"/>
      <c r="CO42" s="662"/>
      <c r="CP42" s="662"/>
      <c r="CQ42" s="663"/>
      <c r="CR42" s="664">
        <v>1992193</v>
      </c>
      <c r="CS42" s="675"/>
      <c r="CT42" s="675"/>
      <c r="CU42" s="675"/>
      <c r="CV42" s="675"/>
      <c r="CW42" s="675"/>
      <c r="CX42" s="675"/>
      <c r="CY42" s="676"/>
      <c r="CZ42" s="667">
        <v>5.5</v>
      </c>
      <c r="DA42" s="677"/>
      <c r="DB42" s="677"/>
      <c r="DC42" s="678"/>
      <c r="DD42" s="670">
        <v>590816</v>
      </c>
      <c r="DE42" s="675"/>
      <c r="DF42" s="675"/>
      <c r="DG42" s="675"/>
      <c r="DH42" s="675"/>
      <c r="DI42" s="675"/>
      <c r="DJ42" s="675"/>
      <c r="DK42" s="676"/>
      <c r="DL42" s="671"/>
      <c r="DM42" s="672"/>
      <c r="DN42" s="672"/>
      <c r="DO42" s="672"/>
      <c r="DP42" s="672"/>
      <c r="DQ42" s="672"/>
      <c r="DR42" s="672"/>
      <c r="DS42" s="672"/>
      <c r="DT42" s="672"/>
      <c r="DU42" s="672"/>
      <c r="DV42" s="673"/>
      <c r="DW42" s="657"/>
      <c r="DX42" s="658"/>
      <c r="DY42" s="658"/>
      <c r="DZ42" s="658"/>
      <c r="EA42" s="658"/>
      <c r="EB42" s="658"/>
      <c r="EC42" s="659"/>
    </row>
    <row r="43" spans="2:133" ht="11.25" customHeight="1" x14ac:dyDescent="0.2">
      <c r="B43" s="661" t="s">
        <v>351</v>
      </c>
      <c r="C43" s="662"/>
      <c r="D43" s="662"/>
      <c r="E43" s="662"/>
      <c r="F43" s="662"/>
      <c r="G43" s="662"/>
      <c r="H43" s="662"/>
      <c r="I43" s="662"/>
      <c r="J43" s="662"/>
      <c r="K43" s="662"/>
      <c r="L43" s="662"/>
      <c r="M43" s="662"/>
      <c r="N43" s="662"/>
      <c r="O43" s="662"/>
      <c r="P43" s="662"/>
      <c r="Q43" s="663"/>
      <c r="R43" s="664">
        <v>1196800</v>
      </c>
      <c r="S43" s="665"/>
      <c r="T43" s="665"/>
      <c r="U43" s="665"/>
      <c r="V43" s="665"/>
      <c r="W43" s="665"/>
      <c r="X43" s="665"/>
      <c r="Y43" s="666"/>
      <c r="Z43" s="691">
        <v>3.1</v>
      </c>
      <c r="AA43" s="691"/>
      <c r="AB43" s="691"/>
      <c r="AC43" s="691"/>
      <c r="AD43" s="692" t="s">
        <v>127</v>
      </c>
      <c r="AE43" s="692"/>
      <c r="AF43" s="692"/>
      <c r="AG43" s="692"/>
      <c r="AH43" s="692"/>
      <c r="AI43" s="692"/>
      <c r="AJ43" s="692"/>
      <c r="AK43" s="692"/>
      <c r="AL43" s="667" t="s">
        <v>127</v>
      </c>
      <c r="AM43" s="668"/>
      <c r="AN43" s="668"/>
      <c r="AO43" s="693"/>
      <c r="BV43" s="218"/>
      <c r="BW43" s="218"/>
      <c r="BX43" s="218"/>
      <c r="BY43" s="218"/>
      <c r="BZ43" s="218"/>
      <c r="CA43" s="218"/>
      <c r="CB43" s="218"/>
      <c r="CD43" s="661" t="s">
        <v>352</v>
      </c>
      <c r="CE43" s="662"/>
      <c r="CF43" s="662"/>
      <c r="CG43" s="662"/>
      <c r="CH43" s="662"/>
      <c r="CI43" s="662"/>
      <c r="CJ43" s="662"/>
      <c r="CK43" s="662"/>
      <c r="CL43" s="662"/>
      <c r="CM43" s="662"/>
      <c r="CN43" s="662"/>
      <c r="CO43" s="662"/>
      <c r="CP43" s="662"/>
      <c r="CQ43" s="663"/>
      <c r="CR43" s="664">
        <v>53012</v>
      </c>
      <c r="CS43" s="675"/>
      <c r="CT43" s="675"/>
      <c r="CU43" s="675"/>
      <c r="CV43" s="675"/>
      <c r="CW43" s="675"/>
      <c r="CX43" s="675"/>
      <c r="CY43" s="676"/>
      <c r="CZ43" s="667">
        <v>0.1</v>
      </c>
      <c r="DA43" s="677"/>
      <c r="DB43" s="677"/>
      <c r="DC43" s="678"/>
      <c r="DD43" s="670">
        <v>53012</v>
      </c>
      <c r="DE43" s="675"/>
      <c r="DF43" s="675"/>
      <c r="DG43" s="675"/>
      <c r="DH43" s="675"/>
      <c r="DI43" s="675"/>
      <c r="DJ43" s="675"/>
      <c r="DK43" s="676"/>
      <c r="DL43" s="671"/>
      <c r="DM43" s="672"/>
      <c r="DN43" s="672"/>
      <c r="DO43" s="672"/>
      <c r="DP43" s="672"/>
      <c r="DQ43" s="672"/>
      <c r="DR43" s="672"/>
      <c r="DS43" s="672"/>
      <c r="DT43" s="672"/>
      <c r="DU43" s="672"/>
      <c r="DV43" s="673"/>
      <c r="DW43" s="657"/>
      <c r="DX43" s="658"/>
      <c r="DY43" s="658"/>
      <c r="DZ43" s="658"/>
      <c r="EA43" s="658"/>
      <c r="EB43" s="658"/>
      <c r="EC43" s="659"/>
    </row>
    <row r="44" spans="2:133" ht="11.25" customHeight="1" x14ac:dyDescent="0.2">
      <c r="B44" s="641" t="s">
        <v>353</v>
      </c>
      <c r="C44" s="642"/>
      <c r="D44" s="642"/>
      <c r="E44" s="642"/>
      <c r="F44" s="642"/>
      <c r="G44" s="642"/>
      <c r="H44" s="642"/>
      <c r="I44" s="642"/>
      <c r="J44" s="642"/>
      <c r="K44" s="642"/>
      <c r="L44" s="642"/>
      <c r="M44" s="642"/>
      <c r="N44" s="642"/>
      <c r="O44" s="642"/>
      <c r="P44" s="642"/>
      <c r="Q44" s="643"/>
      <c r="R44" s="644">
        <v>38593373</v>
      </c>
      <c r="S44" s="679"/>
      <c r="T44" s="679"/>
      <c r="U44" s="679"/>
      <c r="V44" s="679"/>
      <c r="W44" s="679"/>
      <c r="X44" s="679"/>
      <c r="Y44" s="680"/>
      <c r="Z44" s="681">
        <v>100</v>
      </c>
      <c r="AA44" s="681"/>
      <c r="AB44" s="681"/>
      <c r="AC44" s="681"/>
      <c r="AD44" s="682">
        <v>20501929</v>
      </c>
      <c r="AE44" s="682"/>
      <c r="AF44" s="682"/>
      <c r="AG44" s="682"/>
      <c r="AH44" s="682"/>
      <c r="AI44" s="682"/>
      <c r="AJ44" s="682"/>
      <c r="AK44" s="682"/>
      <c r="AL44" s="647">
        <v>100</v>
      </c>
      <c r="AM44" s="683"/>
      <c r="AN44" s="683"/>
      <c r="AO44" s="684"/>
      <c r="CD44" s="685" t="s">
        <v>300</v>
      </c>
      <c r="CE44" s="686"/>
      <c r="CF44" s="661" t="s">
        <v>354</v>
      </c>
      <c r="CG44" s="662"/>
      <c r="CH44" s="662"/>
      <c r="CI44" s="662"/>
      <c r="CJ44" s="662"/>
      <c r="CK44" s="662"/>
      <c r="CL44" s="662"/>
      <c r="CM44" s="662"/>
      <c r="CN44" s="662"/>
      <c r="CO44" s="662"/>
      <c r="CP44" s="662"/>
      <c r="CQ44" s="663"/>
      <c r="CR44" s="664">
        <v>1969688</v>
      </c>
      <c r="CS44" s="665"/>
      <c r="CT44" s="665"/>
      <c r="CU44" s="665"/>
      <c r="CV44" s="665"/>
      <c r="CW44" s="665"/>
      <c r="CX44" s="665"/>
      <c r="CY44" s="666"/>
      <c r="CZ44" s="667">
        <v>5.5</v>
      </c>
      <c r="DA44" s="668"/>
      <c r="DB44" s="668"/>
      <c r="DC44" s="669"/>
      <c r="DD44" s="670">
        <v>568311</v>
      </c>
      <c r="DE44" s="665"/>
      <c r="DF44" s="665"/>
      <c r="DG44" s="665"/>
      <c r="DH44" s="665"/>
      <c r="DI44" s="665"/>
      <c r="DJ44" s="665"/>
      <c r="DK44" s="666"/>
      <c r="DL44" s="671"/>
      <c r="DM44" s="672"/>
      <c r="DN44" s="672"/>
      <c r="DO44" s="672"/>
      <c r="DP44" s="672"/>
      <c r="DQ44" s="672"/>
      <c r="DR44" s="672"/>
      <c r="DS44" s="672"/>
      <c r="DT44" s="672"/>
      <c r="DU44" s="672"/>
      <c r="DV44" s="673"/>
      <c r="DW44" s="657"/>
      <c r="DX44" s="658"/>
      <c r="DY44" s="658"/>
      <c r="DZ44" s="658"/>
      <c r="EA44" s="658"/>
      <c r="EB44" s="658"/>
      <c r="EC44" s="659"/>
    </row>
    <row r="45" spans="2:133" ht="11.25" customHeight="1" x14ac:dyDescent="0.2">
      <c r="B45" s="219"/>
      <c r="C45" s="219"/>
      <c r="D45" s="219"/>
      <c r="E45" s="219"/>
      <c r="F45" s="219"/>
      <c r="G45" s="219"/>
      <c r="H45" s="219"/>
      <c r="I45" s="219"/>
      <c r="J45" s="219"/>
      <c r="K45" s="219"/>
      <c r="L45" s="219"/>
      <c r="M45" s="219"/>
      <c r="N45" s="219"/>
      <c r="O45" s="219"/>
      <c r="P45" s="219"/>
      <c r="Q45" s="219"/>
      <c r="R45" s="219"/>
      <c r="S45" s="219"/>
      <c r="T45" s="219"/>
      <c r="U45" s="219"/>
      <c r="V45" s="219"/>
      <c r="W45" s="219"/>
      <c r="X45" s="219"/>
      <c r="Y45" s="219"/>
      <c r="Z45" s="219"/>
      <c r="AA45" s="219"/>
      <c r="AB45" s="219"/>
      <c r="AC45" s="219"/>
      <c r="AD45" s="219"/>
      <c r="AE45" s="219"/>
      <c r="AF45" s="219"/>
      <c r="AG45" s="219"/>
      <c r="AH45" s="219"/>
      <c r="AI45" s="219"/>
      <c r="AJ45" s="219"/>
      <c r="AK45" s="219"/>
      <c r="AL45" s="219"/>
      <c r="AM45" s="219"/>
      <c r="AN45" s="219"/>
      <c r="AO45" s="219"/>
      <c r="CD45" s="687"/>
      <c r="CE45" s="688"/>
      <c r="CF45" s="661" t="s">
        <v>355</v>
      </c>
      <c r="CG45" s="662"/>
      <c r="CH45" s="662"/>
      <c r="CI45" s="662"/>
      <c r="CJ45" s="662"/>
      <c r="CK45" s="662"/>
      <c r="CL45" s="662"/>
      <c r="CM45" s="662"/>
      <c r="CN45" s="662"/>
      <c r="CO45" s="662"/>
      <c r="CP45" s="662"/>
      <c r="CQ45" s="663"/>
      <c r="CR45" s="664">
        <v>1041665</v>
      </c>
      <c r="CS45" s="675"/>
      <c r="CT45" s="675"/>
      <c r="CU45" s="675"/>
      <c r="CV45" s="675"/>
      <c r="CW45" s="675"/>
      <c r="CX45" s="675"/>
      <c r="CY45" s="676"/>
      <c r="CZ45" s="667">
        <v>2.9</v>
      </c>
      <c r="DA45" s="677"/>
      <c r="DB45" s="677"/>
      <c r="DC45" s="678"/>
      <c r="DD45" s="670">
        <v>47152</v>
      </c>
      <c r="DE45" s="675"/>
      <c r="DF45" s="675"/>
      <c r="DG45" s="675"/>
      <c r="DH45" s="675"/>
      <c r="DI45" s="675"/>
      <c r="DJ45" s="675"/>
      <c r="DK45" s="676"/>
      <c r="DL45" s="671"/>
      <c r="DM45" s="672"/>
      <c r="DN45" s="672"/>
      <c r="DO45" s="672"/>
      <c r="DP45" s="672"/>
      <c r="DQ45" s="672"/>
      <c r="DR45" s="672"/>
      <c r="DS45" s="672"/>
      <c r="DT45" s="672"/>
      <c r="DU45" s="672"/>
      <c r="DV45" s="673"/>
      <c r="DW45" s="657"/>
      <c r="DX45" s="658"/>
      <c r="DY45" s="658"/>
      <c r="DZ45" s="658"/>
      <c r="EA45" s="658"/>
      <c r="EB45" s="658"/>
      <c r="EC45" s="659"/>
    </row>
    <row r="46" spans="2:133" ht="11.25" customHeight="1" x14ac:dyDescent="0.2">
      <c r="B46" s="220" t="s">
        <v>356</v>
      </c>
      <c r="C46" s="220"/>
      <c r="D46" s="220"/>
      <c r="E46" s="220"/>
      <c r="F46" s="220"/>
      <c r="G46" s="220"/>
      <c r="H46" s="220"/>
      <c r="I46" s="220"/>
      <c r="J46" s="220"/>
      <c r="K46" s="220"/>
      <c r="L46" s="220"/>
      <c r="M46" s="220"/>
      <c r="N46" s="220"/>
      <c r="O46" s="220"/>
      <c r="P46" s="220"/>
      <c r="Q46" s="220"/>
      <c r="R46" s="220"/>
      <c r="S46" s="220"/>
      <c r="T46" s="220"/>
      <c r="U46" s="220"/>
      <c r="V46" s="220"/>
      <c r="W46" s="220"/>
      <c r="X46" s="220"/>
      <c r="Y46" s="220"/>
      <c r="Z46" s="220"/>
      <c r="AA46" s="220"/>
      <c r="AB46" s="220"/>
      <c r="AC46" s="220"/>
      <c r="AD46" s="220"/>
      <c r="AE46" s="220"/>
      <c r="AF46" s="220"/>
      <c r="AG46" s="220"/>
      <c r="AH46" s="220"/>
      <c r="AI46" s="220"/>
      <c r="AJ46" s="220"/>
      <c r="AK46" s="220"/>
      <c r="AL46" s="220"/>
      <c r="AM46" s="220"/>
      <c r="AN46" s="220"/>
      <c r="AO46" s="220"/>
      <c r="CD46" s="687"/>
      <c r="CE46" s="688"/>
      <c r="CF46" s="661" t="s">
        <v>357</v>
      </c>
      <c r="CG46" s="662"/>
      <c r="CH46" s="662"/>
      <c r="CI46" s="662"/>
      <c r="CJ46" s="662"/>
      <c r="CK46" s="662"/>
      <c r="CL46" s="662"/>
      <c r="CM46" s="662"/>
      <c r="CN46" s="662"/>
      <c r="CO46" s="662"/>
      <c r="CP46" s="662"/>
      <c r="CQ46" s="663"/>
      <c r="CR46" s="664">
        <v>920169</v>
      </c>
      <c r="CS46" s="665"/>
      <c r="CT46" s="665"/>
      <c r="CU46" s="665"/>
      <c r="CV46" s="665"/>
      <c r="CW46" s="665"/>
      <c r="CX46" s="665"/>
      <c r="CY46" s="666"/>
      <c r="CZ46" s="667">
        <v>2.5</v>
      </c>
      <c r="DA46" s="668"/>
      <c r="DB46" s="668"/>
      <c r="DC46" s="669"/>
      <c r="DD46" s="670">
        <v>516555</v>
      </c>
      <c r="DE46" s="665"/>
      <c r="DF46" s="665"/>
      <c r="DG46" s="665"/>
      <c r="DH46" s="665"/>
      <c r="DI46" s="665"/>
      <c r="DJ46" s="665"/>
      <c r="DK46" s="666"/>
      <c r="DL46" s="671"/>
      <c r="DM46" s="672"/>
      <c r="DN46" s="672"/>
      <c r="DO46" s="672"/>
      <c r="DP46" s="672"/>
      <c r="DQ46" s="672"/>
      <c r="DR46" s="672"/>
      <c r="DS46" s="672"/>
      <c r="DT46" s="672"/>
      <c r="DU46" s="672"/>
      <c r="DV46" s="673"/>
      <c r="DW46" s="657"/>
      <c r="DX46" s="658"/>
      <c r="DY46" s="658"/>
      <c r="DZ46" s="658"/>
      <c r="EA46" s="658"/>
      <c r="EB46" s="658"/>
      <c r="EC46" s="659"/>
    </row>
    <row r="47" spans="2:133" ht="11.25" customHeight="1" x14ac:dyDescent="0.2">
      <c r="B47" s="674" t="s">
        <v>358</v>
      </c>
      <c r="C47" s="674"/>
      <c r="D47" s="674"/>
      <c r="E47" s="674"/>
      <c r="F47" s="674"/>
      <c r="G47" s="674"/>
      <c r="H47" s="674"/>
      <c r="I47" s="674"/>
      <c r="J47" s="674"/>
      <c r="K47" s="674"/>
      <c r="L47" s="674"/>
      <c r="M47" s="674"/>
      <c r="N47" s="674"/>
      <c r="O47" s="674"/>
      <c r="P47" s="674"/>
      <c r="Q47" s="674"/>
      <c r="R47" s="674"/>
      <c r="S47" s="674"/>
      <c r="T47" s="674"/>
      <c r="U47" s="674"/>
      <c r="V47" s="674"/>
      <c r="W47" s="674"/>
      <c r="X47" s="674"/>
      <c r="Y47" s="674"/>
      <c r="Z47" s="674"/>
      <c r="AA47" s="674"/>
      <c r="AB47" s="674"/>
      <c r="AC47" s="674"/>
      <c r="AD47" s="674"/>
      <c r="AE47" s="674"/>
      <c r="AF47" s="674"/>
      <c r="AG47" s="674"/>
      <c r="AH47" s="674"/>
      <c r="AI47" s="674"/>
      <c r="AJ47" s="674"/>
      <c r="AK47" s="674"/>
      <c r="AL47" s="674"/>
      <c r="AM47" s="674"/>
      <c r="AN47" s="674"/>
      <c r="AO47" s="674"/>
      <c r="AP47" s="674"/>
      <c r="AQ47" s="674"/>
      <c r="AR47" s="674"/>
      <c r="AS47" s="674"/>
      <c r="AT47" s="674"/>
      <c r="AU47" s="674"/>
      <c r="AV47" s="674"/>
      <c r="AW47" s="674"/>
      <c r="AX47" s="674"/>
      <c r="AY47" s="674"/>
      <c r="AZ47" s="674"/>
      <c r="BA47" s="674"/>
      <c r="BB47" s="674"/>
      <c r="BC47" s="674"/>
      <c r="BD47" s="674"/>
      <c r="BE47" s="674"/>
      <c r="BF47" s="674"/>
      <c r="BG47" s="674"/>
      <c r="BH47" s="674"/>
      <c r="BI47" s="674"/>
      <c r="BJ47" s="674"/>
      <c r="BK47" s="674"/>
      <c r="BL47" s="674"/>
      <c r="BM47" s="674"/>
      <c r="BN47" s="674"/>
      <c r="BO47" s="674"/>
      <c r="BP47" s="674"/>
      <c r="BQ47" s="674"/>
      <c r="BR47" s="674"/>
      <c r="BS47" s="674"/>
      <c r="BT47" s="674"/>
      <c r="BU47" s="674"/>
      <c r="BV47" s="674"/>
      <c r="BW47" s="674"/>
      <c r="BX47" s="674"/>
      <c r="BY47" s="674"/>
      <c r="BZ47" s="674"/>
      <c r="CA47" s="674"/>
      <c r="CB47" s="674"/>
      <c r="CD47" s="687"/>
      <c r="CE47" s="688"/>
      <c r="CF47" s="661" t="s">
        <v>359</v>
      </c>
      <c r="CG47" s="662"/>
      <c r="CH47" s="662"/>
      <c r="CI47" s="662"/>
      <c r="CJ47" s="662"/>
      <c r="CK47" s="662"/>
      <c r="CL47" s="662"/>
      <c r="CM47" s="662"/>
      <c r="CN47" s="662"/>
      <c r="CO47" s="662"/>
      <c r="CP47" s="662"/>
      <c r="CQ47" s="663"/>
      <c r="CR47" s="664">
        <v>22505</v>
      </c>
      <c r="CS47" s="675"/>
      <c r="CT47" s="675"/>
      <c r="CU47" s="675"/>
      <c r="CV47" s="675"/>
      <c r="CW47" s="675"/>
      <c r="CX47" s="675"/>
      <c r="CY47" s="676"/>
      <c r="CZ47" s="667">
        <v>0.1</v>
      </c>
      <c r="DA47" s="677"/>
      <c r="DB47" s="677"/>
      <c r="DC47" s="678"/>
      <c r="DD47" s="670">
        <v>22505</v>
      </c>
      <c r="DE47" s="675"/>
      <c r="DF47" s="675"/>
      <c r="DG47" s="675"/>
      <c r="DH47" s="675"/>
      <c r="DI47" s="675"/>
      <c r="DJ47" s="675"/>
      <c r="DK47" s="676"/>
      <c r="DL47" s="671"/>
      <c r="DM47" s="672"/>
      <c r="DN47" s="672"/>
      <c r="DO47" s="672"/>
      <c r="DP47" s="672"/>
      <c r="DQ47" s="672"/>
      <c r="DR47" s="672"/>
      <c r="DS47" s="672"/>
      <c r="DT47" s="672"/>
      <c r="DU47" s="672"/>
      <c r="DV47" s="673"/>
      <c r="DW47" s="657"/>
      <c r="DX47" s="658"/>
      <c r="DY47" s="658"/>
      <c r="DZ47" s="658"/>
      <c r="EA47" s="658"/>
      <c r="EB47" s="658"/>
      <c r="EC47" s="659"/>
    </row>
    <row r="48" spans="2:133" ht="10.8" x14ac:dyDescent="0.2">
      <c r="B48" s="660" t="s">
        <v>360</v>
      </c>
      <c r="C48" s="660"/>
      <c r="D48" s="660"/>
      <c r="E48" s="660"/>
      <c r="F48" s="660"/>
      <c r="G48" s="660"/>
      <c r="H48" s="660"/>
      <c r="I48" s="660"/>
      <c r="J48" s="660"/>
      <c r="K48" s="660"/>
      <c r="L48" s="660"/>
      <c r="M48" s="660"/>
      <c r="N48" s="660"/>
      <c r="O48" s="660"/>
      <c r="P48" s="660"/>
      <c r="Q48" s="660"/>
      <c r="R48" s="660"/>
      <c r="S48" s="660"/>
      <c r="T48" s="660"/>
      <c r="U48" s="660"/>
      <c r="V48" s="660"/>
      <c r="W48" s="660"/>
      <c r="X48" s="660"/>
      <c r="Y48" s="660"/>
      <c r="Z48" s="660"/>
      <c r="AA48" s="660"/>
      <c r="AB48" s="660"/>
      <c r="AC48" s="660"/>
      <c r="AD48" s="660"/>
      <c r="AE48" s="660"/>
      <c r="AF48" s="660"/>
      <c r="AG48" s="660"/>
      <c r="AH48" s="660"/>
      <c r="AI48" s="660"/>
      <c r="AJ48" s="660"/>
      <c r="AK48" s="660"/>
      <c r="AL48" s="660"/>
      <c r="AM48" s="660"/>
      <c r="AN48" s="660"/>
      <c r="AO48" s="660"/>
      <c r="AP48" s="660"/>
      <c r="AQ48" s="660"/>
      <c r="AR48" s="660"/>
      <c r="AS48" s="660"/>
      <c r="AT48" s="660"/>
      <c r="AU48" s="660"/>
      <c r="AV48" s="660"/>
      <c r="AW48" s="660"/>
      <c r="AX48" s="660"/>
      <c r="AY48" s="660"/>
      <c r="AZ48" s="660"/>
      <c r="BA48" s="660"/>
      <c r="BB48" s="660"/>
      <c r="BC48" s="660"/>
      <c r="BD48" s="660"/>
      <c r="BE48" s="660"/>
      <c r="BF48" s="660"/>
      <c r="BG48" s="660"/>
      <c r="BH48" s="660"/>
      <c r="BI48" s="660"/>
      <c r="BJ48" s="660"/>
      <c r="BK48" s="660"/>
      <c r="BL48" s="660"/>
      <c r="BM48" s="660"/>
      <c r="BN48" s="660"/>
      <c r="BO48" s="660"/>
      <c r="BP48" s="660"/>
      <c r="BQ48" s="660"/>
      <c r="BR48" s="660"/>
      <c r="BS48" s="660"/>
      <c r="BT48" s="660"/>
      <c r="BU48" s="660"/>
      <c r="BV48" s="660"/>
      <c r="BW48" s="660"/>
      <c r="BX48" s="660"/>
      <c r="BY48" s="660"/>
      <c r="BZ48" s="660"/>
      <c r="CA48" s="660"/>
      <c r="CB48" s="660"/>
      <c r="CD48" s="689"/>
      <c r="CE48" s="690"/>
      <c r="CF48" s="661" t="s">
        <v>361</v>
      </c>
      <c r="CG48" s="662"/>
      <c r="CH48" s="662"/>
      <c r="CI48" s="662"/>
      <c r="CJ48" s="662"/>
      <c r="CK48" s="662"/>
      <c r="CL48" s="662"/>
      <c r="CM48" s="662"/>
      <c r="CN48" s="662"/>
      <c r="CO48" s="662"/>
      <c r="CP48" s="662"/>
      <c r="CQ48" s="663"/>
      <c r="CR48" s="664" t="s">
        <v>127</v>
      </c>
      <c r="CS48" s="665"/>
      <c r="CT48" s="665"/>
      <c r="CU48" s="665"/>
      <c r="CV48" s="665"/>
      <c r="CW48" s="665"/>
      <c r="CX48" s="665"/>
      <c r="CY48" s="666"/>
      <c r="CZ48" s="667" t="s">
        <v>127</v>
      </c>
      <c r="DA48" s="668"/>
      <c r="DB48" s="668"/>
      <c r="DC48" s="669"/>
      <c r="DD48" s="670" t="s">
        <v>127</v>
      </c>
      <c r="DE48" s="665"/>
      <c r="DF48" s="665"/>
      <c r="DG48" s="665"/>
      <c r="DH48" s="665"/>
      <c r="DI48" s="665"/>
      <c r="DJ48" s="665"/>
      <c r="DK48" s="666"/>
      <c r="DL48" s="671"/>
      <c r="DM48" s="672"/>
      <c r="DN48" s="672"/>
      <c r="DO48" s="672"/>
      <c r="DP48" s="672"/>
      <c r="DQ48" s="672"/>
      <c r="DR48" s="672"/>
      <c r="DS48" s="672"/>
      <c r="DT48" s="672"/>
      <c r="DU48" s="672"/>
      <c r="DV48" s="673"/>
      <c r="DW48" s="657"/>
      <c r="DX48" s="658"/>
      <c r="DY48" s="658"/>
      <c r="DZ48" s="658"/>
      <c r="EA48" s="658"/>
      <c r="EB48" s="658"/>
      <c r="EC48" s="659"/>
    </row>
    <row r="49" spans="2:133" ht="11.25" customHeight="1" x14ac:dyDescent="0.2">
      <c r="B49" s="365"/>
      <c r="C49" s="220"/>
      <c r="D49" s="220"/>
      <c r="E49" s="220"/>
      <c r="F49" s="220"/>
      <c r="G49" s="220"/>
      <c r="H49" s="220"/>
      <c r="I49" s="220"/>
      <c r="J49" s="220"/>
      <c r="K49" s="220"/>
      <c r="L49" s="220"/>
      <c r="M49" s="220"/>
      <c r="N49" s="220"/>
      <c r="O49" s="220"/>
      <c r="P49" s="220"/>
      <c r="Q49" s="220"/>
      <c r="R49" s="220"/>
      <c r="S49" s="220"/>
      <c r="T49" s="220"/>
      <c r="U49" s="220"/>
      <c r="V49" s="220"/>
      <c r="W49" s="220"/>
      <c r="X49" s="220"/>
      <c r="Y49" s="220"/>
      <c r="Z49" s="220"/>
      <c r="AA49" s="220"/>
      <c r="AB49" s="220"/>
      <c r="AC49" s="220"/>
      <c r="AD49" s="220"/>
      <c r="AE49" s="220"/>
      <c r="AF49" s="220"/>
      <c r="AG49" s="220"/>
      <c r="AH49" s="220"/>
      <c r="AI49" s="220"/>
      <c r="AJ49" s="220"/>
      <c r="AK49" s="220"/>
      <c r="AL49" s="220"/>
      <c r="AM49" s="220"/>
      <c r="AN49" s="220"/>
      <c r="AO49" s="220"/>
      <c r="CD49" s="641" t="s">
        <v>362</v>
      </c>
      <c r="CE49" s="642"/>
      <c r="CF49" s="642"/>
      <c r="CG49" s="642"/>
      <c r="CH49" s="642"/>
      <c r="CI49" s="642"/>
      <c r="CJ49" s="642"/>
      <c r="CK49" s="642"/>
      <c r="CL49" s="642"/>
      <c r="CM49" s="642"/>
      <c r="CN49" s="642"/>
      <c r="CO49" s="642"/>
      <c r="CP49" s="642"/>
      <c r="CQ49" s="643"/>
      <c r="CR49" s="644">
        <v>36101492</v>
      </c>
      <c r="CS49" s="645"/>
      <c r="CT49" s="645"/>
      <c r="CU49" s="645"/>
      <c r="CV49" s="645"/>
      <c r="CW49" s="645"/>
      <c r="CX49" s="645"/>
      <c r="CY49" s="646"/>
      <c r="CZ49" s="647">
        <v>100</v>
      </c>
      <c r="DA49" s="648"/>
      <c r="DB49" s="648"/>
      <c r="DC49" s="649"/>
      <c r="DD49" s="650">
        <v>22311570</v>
      </c>
      <c r="DE49" s="645"/>
      <c r="DF49" s="645"/>
      <c r="DG49" s="645"/>
      <c r="DH49" s="645"/>
      <c r="DI49" s="645"/>
      <c r="DJ49" s="645"/>
      <c r="DK49" s="646"/>
      <c r="DL49" s="651"/>
      <c r="DM49" s="652"/>
      <c r="DN49" s="652"/>
      <c r="DO49" s="652"/>
      <c r="DP49" s="652"/>
      <c r="DQ49" s="652"/>
      <c r="DR49" s="652"/>
      <c r="DS49" s="652"/>
      <c r="DT49" s="652"/>
      <c r="DU49" s="652"/>
      <c r="DV49" s="653"/>
      <c r="DW49" s="654"/>
      <c r="DX49" s="655"/>
      <c r="DY49" s="655"/>
      <c r="DZ49" s="655"/>
      <c r="EA49" s="655"/>
      <c r="EB49" s="655"/>
      <c r="EC49" s="656"/>
    </row>
    <row r="50" spans="2:133" ht="10.8" hidden="1" x14ac:dyDescent="0.2">
      <c r="B50" s="364"/>
      <c r="C50" s="219"/>
      <c r="D50" s="219"/>
      <c r="E50" s="219"/>
      <c r="F50" s="219"/>
      <c r="G50" s="219"/>
      <c r="H50" s="219"/>
      <c r="I50" s="219"/>
      <c r="J50" s="219"/>
      <c r="K50" s="219"/>
      <c r="L50" s="219"/>
      <c r="M50" s="219"/>
      <c r="N50" s="219"/>
      <c r="O50" s="219"/>
      <c r="P50" s="219"/>
      <c r="Q50" s="219"/>
      <c r="R50" s="219"/>
      <c r="S50" s="219"/>
      <c r="T50" s="219"/>
      <c r="U50" s="219"/>
      <c r="V50" s="219"/>
      <c r="W50" s="219"/>
      <c r="X50" s="219"/>
      <c r="Y50" s="219"/>
      <c r="Z50" s="219"/>
      <c r="AA50" s="219"/>
      <c r="AB50" s="219"/>
      <c r="AC50" s="219"/>
      <c r="AD50" s="219"/>
      <c r="AE50" s="219"/>
      <c r="AF50" s="219"/>
      <c r="AG50" s="219"/>
      <c r="AH50" s="219"/>
      <c r="AI50" s="219"/>
      <c r="AJ50" s="219"/>
      <c r="AK50" s="219"/>
      <c r="AL50" s="219"/>
      <c r="AM50" s="219"/>
      <c r="AN50" s="219"/>
      <c r="AO50" s="219"/>
    </row>
  </sheetData>
  <sheetProtection algorithmName="SHA-512" hashValue="LilfeQOv9fOf/ptjVuXNXHgfDAa/EckXe2IGRQecRwWenXYgMEgH4BvF3f6cUXqbv5cmLUaEA9A/V09iLxGf8Q==" saltValue="sVjFC0sAt6JazAimbfB9ZQ==" spinCount="100000" sheet="1" objects="1" scenarios="1"/>
  <mergeCells count="618">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Z40:AC40"/>
    <mergeCell ref="AD40:AK40"/>
    <mergeCell ref="AL40:AO40"/>
    <mergeCell ref="AQ40:AY40"/>
    <mergeCell ref="AZ40:BF40"/>
    <mergeCell ref="BG40:BK42"/>
    <mergeCell ref="BM40:BU40"/>
    <mergeCell ref="Z42:AC42"/>
    <mergeCell ref="AD42:AK42"/>
    <mergeCell ref="AL42:AO42"/>
    <mergeCell ref="AQ42:AY42"/>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CD41:CQ41"/>
    <mergeCell ref="CR41:CY41"/>
    <mergeCell ref="CZ41:DC41"/>
    <mergeCell ref="DD41:DK41"/>
    <mergeCell ref="DL41:DV41"/>
    <mergeCell ref="B40:Q40"/>
    <mergeCell ref="R40:Y40"/>
    <mergeCell ref="B44:Q44"/>
    <mergeCell ref="R44:Y44"/>
    <mergeCell ref="Z44:AC44"/>
    <mergeCell ref="AD44:AK44"/>
    <mergeCell ref="AL44:AO44"/>
    <mergeCell ref="CD44:CE48"/>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CF44:CQ44"/>
    <mergeCell ref="CR44:CY44"/>
    <mergeCell ref="CZ44:DC44"/>
    <mergeCell ref="DD44:DK44"/>
    <mergeCell ref="DL44:DV44"/>
    <mergeCell ref="DW44:EC44"/>
    <mergeCell ref="CZ43:DC43"/>
    <mergeCell ref="DD43:DK43"/>
    <mergeCell ref="DL43:DV43"/>
    <mergeCell ref="DW43:EC43"/>
    <mergeCell ref="CF46:CQ46"/>
    <mergeCell ref="CR46:CY46"/>
    <mergeCell ref="CZ46:DC46"/>
    <mergeCell ref="DD46:DK46"/>
    <mergeCell ref="DL46:DV46"/>
    <mergeCell ref="DW46:EC46"/>
    <mergeCell ref="CF45:CQ45"/>
    <mergeCell ref="CR45:CY45"/>
    <mergeCell ref="CZ45:DC45"/>
    <mergeCell ref="DD45:DK45"/>
    <mergeCell ref="DL45:DV45"/>
    <mergeCell ref="DW45:EC45"/>
    <mergeCell ref="CD49:CQ49"/>
    <mergeCell ref="CR49:CY49"/>
    <mergeCell ref="CZ49:DC49"/>
    <mergeCell ref="DD49:DK49"/>
    <mergeCell ref="DL49:DV49"/>
    <mergeCell ref="DW49:EC49"/>
    <mergeCell ref="DW47:EC47"/>
    <mergeCell ref="B48:CB48"/>
    <mergeCell ref="CF48:CQ48"/>
    <mergeCell ref="CR48:CY48"/>
    <mergeCell ref="CZ48:DC48"/>
    <mergeCell ref="DD48:DK48"/>
    <mergeCell ref="DL48:DV48"/>
    <mergeCell ref="DW48:EC48"/>
    <mergeCell ref="B47:CB47"/>
    <mergeCell ref="CF47:CQ47"/>
    <mergeCell ref="CR47:CY47"/>
    <mergeCell ref="CZ47:DC47"/>
    <mergeCell ref="DD47:DK47"/>
    <mergeCell ref="DL47:DV47"/>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26" customWidth="1"/>
    <col min="131" max="131" width="1.6640625" style="226" customWidth="1"/>
    <col min="132" max="16384" width="9" style="226" hidden="1"/>
  </cols>
  <sheetData>
    <row r="1" spans="1:131" ht="11.25" customHeight="1" thickBot="1" x14ac:dyDescent="0.25">
      <c r="A1" s="222"/>
      <c r="B1" s="222"/>
      <c r="C1" s="222"/>
      <c r="D1" s="222"/>
      <c r="E1" s="222"/>
      <c r="F1" s="222"/>
      <c r="G1" s="222"/>
      <c r="H1" s="222"/>
      <c r="I1" s="222"/>
      <c r="J1" s="222"/>
      <c r="K1" s="222"/>
      <c r="L1" s="222"/>
      <c r="M1" s="222"/>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3"/>
      <c r="CE1" s="223"/>
      <c r="CF1" s="223"/>
      <c r="CG1" s="223"/>
      <c r="CH1" s="223"/>
      <c r="CI1" s="223"/>
      <c r="CJ1" s="223"/>
      <c r="CK1" s="223"/>
      <c r="CL1" s="223"/>
      <c r="CM1" s="223"/>
      <c r="CN1" s="223"/>
      <c r="CO1" s="223"/>
      <c r="CP1" s="223"/>
      <c r="CQ1" s="223"/>
      <c r="CR1" s="223"/>
      <c r="CS1" s="223"/>
      <c r="CT1" s="223"/>
      <c r="CU1" s="223"/>
      <c r="CV1" s="223"/>
      <c r="CW1" s="223"/>
      <c r="CX1" s="223"/>
      <c r="CY1" s="223"/>
      <c r="CZ1" s="223"/>
      <c r="DA1" s="223"/>
      <c r="DB1" s="223"/>
      <c r="DC1" s="223"/>
      <c r="DD1" s="223"/>
      <c r="DE1" s="223"/>
      <c r="DF1" s="223"/>
      <c r="DG1" s="223"/>
      <c r="DH1" s="223"/>
      <c r="DI1" s="223"/>
      <c r="DJ1" s="223"/>
      <c r="DK1" s="223"/>
      <c r="DL1" s="223"/>
      <c r="DM1" s="223"/>
      <c r="DN1" s="223"/>
      <c r="DO1" s="223"/>
      <c r="DP1" s="223"/>
      <c r="DQ1" s="224"/>
      <c r="DR1" s="224"/>
      <c r="DS1" s="224"/>
      <c r="DT1" s="224"/>
      <c r="DU1" s="224"/>
      <c r="DV1" s="224"/>
      <c r="DW1" s="224"/>
      <c r="DX1" s="224"/>
      <c r="DY1" s="224"/>
      <c r="DZ1" s="224"/>
      <c r="EA1" s="225"/>
    </row>
    <row r="2" spans="1:131" ht="26.25" customHeight="1" thickBot="1" x14ac:dyDescent="0.25">
      <c r="A2" s="785" t="s">
        <v>363</v>
      </c>
      <c r="B2" s="785"/>
      <c r="C2" s="785"/>
      <c r="D2" s="785"/>
      <c r="E2" s="785"/>
      <c r="F2" s="785"/>
      <c r="G2" s="785"/>
      <c r="H2" s="785"/>
      <c r="I2" s="785"/>
      <c r="J2" s="785"/>
      <c r="K2" s="785"/>
      <c r="L2" s="785"/>
      <c r="M2" s="785"/>
      <c r="N2" s="785"/>
      <c r="O2" s="785"/>
      <c r="P2" s="785"/>
      <c r="Q2" s="785"/>
      <c r="R2" s="785"/>
      <c r="S2" s="785"/>
      <c r="T2" s="785"/>
      <c r="U2" s="785"/>
      <c r="V2" s="785"/>
      <c r="W2" s="785"/>
      <c r="X2" s="785"/>
      <c r="Y2" s="785"/>
      <c r="Z2" s="785"/>
      <c r="AA2" s="785"/>
      <c r="AB2" s="785"/>
      <c r="AC2" s="785"/>
      <c r="AD2" s="785"/>
      <c r="AE2" s="785"/>
      <c r="AF2" s="785"/>
      <c r="AG2" s="785"/>
      <c r="AH2" s="785"/>
      <c r="AI2" s="785"/>
      <c r="AJ2" s="785"/>
      <c r="AK2" s="785"/>
      <c r="AL2" s="785"/>
      <c r="AM2" s="785"/>
      <c r="AN2" s="785"/>
      <c r="AO2" s="785"/>
      <c r="AP2" s="785"/>
      <c r="AQ2" s="785"/>
      <c r="AR2" s="785"/>
      <c r="AS2" s="785"/>
      <c r="AT2" s="785"/>
      <c r="AU2" s="785"/>
      <c r="AV2" s="785"/>
      <c r="AW2" s="785"/>
      <c r="AX2" s="785"/>
      <c r="AY2" s="785"/>
      <c r="AZ2" s="785"/>
      <c r="BA2" s="785"/>
      <c r="BB2" s="785"/>
      <c r="BC2" s="785"/>
      <c r="BD2" s="785"/>
      <c r="BE2" s="785"/>
      <c r="BF2" s="785"/>
      <c r="BG2" s="785"/>
      <c r="BH2" s="785"/>
      <c r="BI2" s="785"/>
      <c r="BJ2" s="223"/>
      <c r="BK2" s="223"/>
      <c r="BL2" s="223"/>
      <c r="BM2" s="223"/>
      <c r="BN2" s="223"/>
      <c r="BO2" s="223"/>
      <c r="BP2" s="223"/>
      <c r="BQ2" s="223"/>
      <c r="BR2" s="223"/>
      <c r="BS2" s="223"/>
      <c r="BT2" s="223"/>
      <c r="BU2" s="223"/>
      <c r="BV2" s="223"/>
      <c r="BW2" s="223"/>
      <c r="BX2" s="223"/>
      <c r="BY2" s="223"/>
      <c r="BZ2" s="223"/>
      <c r="CA2" s="223"/>
      <c r="CB2" s="223"/>
      <c r="CC2" s="223"/>
      <c r="CD2" s="223"/>
      <c r="CE2" s="223"/>
      <c r="CF2" s="223"/>
      <c r="CG2" s="223"/>
      <c r="CH2" s="223"/>
      <c r="CI2" s="223"/>
      <c r="CJ2" s="223"/>
      <c r="CK2" s="223"/>
      <c r="CL2" s="223"/>
      <c r="CM2" s="223"/>
      <c r="CN2" s="223"/>
      <c r="CO2" s="223"/>
      <c r="CP2" s="223"/>
      <c r="CQ2" s="223"/>
      <c r="CR2" s="223"/>
      <c r="CS2" s="223"/>
      <c r="CT2" s="223"/>
      <c r="CU2" s="223"/>
      <c r="CV2" s="223"/>
      <c r="CW2" s="223"/>
      <c r="CX2" s="223"/>
      <c r="CY2" s="223"/>
      <c r="CZ2" s="223"/>
      <c r="DA2" s="223"/>
      <c r="DB2" s="223"/>
      <c r="DC2" s="223"/>
      <c r="DD2" s="223"/>
      <c r="DE2" s="223"/>
      <c r="DF2" s="223"/>
      <c r="DG2" s="223"/>
      <c r="DH2" s="223"/>
      <c r="DI2" s="223"/>
      <c r="DJ2" s="786" t="s">
        <v>364</v>
      </c>
      <c r="DK2" s="787"/>
      <c r="DL2" s="787"/>
      <c r="DM2" s="787"/>
      <c r="DN2" s="787"/>
      <c r="DO2" s="788"/>
      <c r="DP2" s="223"/>
      <c r="DQ2" s="786" t="s">
        <v>365</v>
      </c>
      <c r="DR2" s="787"/>
      <c r="DS2" s="787"/>
      <c r="DT2" s="787"/>
      <c r="DU2" s="787"/>
      <c r="DV2" s="787"/>
      <c r="DW2" s="787"/>
      <c r="DX2" s="787"/>
      <c r="DY2" s="787"/>
      <c r="DZ2" s="788"/>
      <c r="EA2" s="225"/>
    </row>
    <row r="3" spans="1:131" ht="11.25" customHeight="1" x14ac:dyDescent="0.2">
      <c r="A3" s="223"/>
      <c r="B3" s="223"/>
      <c r="C3" s="223"/>
      <c r="D3" s="223"/>
      <c r="E3" s="223"/>
      <c r="F3" s="223"/>
      <c r="G3" s="223"/>
      <c r="H3" s="223"/>
      <c r="I3" s="223"/>
      <c r="J3" s="223"/>
      <c r="K3" s="223"/>
      <c r="L3" s="223"/>
      <c r="M3" s="223"/>
      <c r="N3" s="223"/>
      <c r="O3" s="223"/>
      <c r="P3" s="223"/>
      <c r="Q3" s="223"/>
      <c r="R3" s="223"/>
      <c r="S3" s="223"/>
      <c r="T3" s="223"/>
      <c r="U3" s="223"/>
      <c r="V3" s="223"/>
      <c r="W3" s="223"/>
      <c r="X3" s="223"/>
      <c r="Y3" s="223"/>
      <c r="Z3" s="223"/>
      <c r="AA3" s="223"/>
      <c r="AB3" s="223"/>
      <c r="AC3" s="223"/>
      <c r="AD3" s="223"/>
      <c r="AE3" s="223"/>
      <c r="AF3" s="223"/>
      <c r="AG3" s="223"/>
      <c r="AH3" s="223"/>
      <c r="AI3" s="223"/>
      <c r="AJ3" s="223"/>
      <c r="AK3" s="223"/>
      <c r="AL3" s="223"/>
      <c r="AM3" s="223"/>
      <c r="AN3" s="223"/>
      <c r="AO3" s="223"/>
      <c r="AP3" s="223"/>
      <c r="AQ3" s="223"/>
      <c r="AR3" s="223"/>
      <c r="AS3" s="223"/>
      <c r="AT3" s="223"/>
      <c r="AU3" s="223"/>
      <c r="AV3" s="223"/>
      <c r="AW3" s="223"/>
      <c r="AX3" s="223"/>
      <c r="AY3" s="223"/>
      <c r="AZ3" s="223"/>
      <c r="BA3" s="223"/>
      <c r="BB3" s="223"/>
      <c r="BC3" s="223"/>
      <c r="BD3" s="223"/>
      <c r="BE3" s="223"/>
      <c r="BF3" s="223"/>
      <c r="BG3" s="223"/>
      <c r="BH3" s="223"/>
      <c r="BI3" s="223"/>
      <c r="BJ3" s="223"/>
      <c r="BK3" s="223"/>
      <c r="BL3" s="223"/>
      <c r="BM3" s="223"/>
      <c r="BN3" s="223"/>
      <c r="BO3" s="223"/>
      <c r="BP3" s="223"/>
      <c r="BQ3" s="223"/>
      <c r="BR3" s="223"/>
      <c r="BS3" s="223"/>
      <c r="BT3" s="223"/>
      <c r="BU3" s="223"/>
      <c r="BV3" s="223"/>
      <c r="BW3" s="223"/>
      <c r="BX3" s="223"/>
      <c r="BY3" s="223"/>
      <c r="BZ3" s="223"/>
      <c r="CA3" s="223"/>
      <c r="CB3" s="223"/>
      <c r="CC3" s="223"/>
      <c r="CD3" s="223"/>
      <c r="CE3" s="223"/>
      <c r="CF3" s="223"/>
      <c r="CG3" s="223"/>
      <c r="CH3" s="223"/>
      <c r="CI3" s="223"/>
      <c r="CJ3" s="223"/>
      <c r="CK3" s="223"/>
      <c r="CL3" s="223"/>
      <c r="CM3" s="223"/>
      <c r="CN3" s="223"/>
      <c r="CO3" s="223"/>
      <c r="CP3" s="223"/>
      <c r="CQ3" s="223"/>
      <c r="CR3" s="223"/>
      <c r="CS3" s="223"/>
      <c r="CT3" s="223"/>
      <c r="CU3" s="223"/>
      <c r="CV3" s="223"/>
      <c r="CW3" s="223"/>
      <c r="CX3" s="223"/>
      <c r="CY3" s="223"/>
      <c r="CZ3" s="223"/>
      <c r="DA3" s="223"/>
      <c r="DB3" s="223"/>
      <c r="DC3" s="223"/>
      <c r="DD3" s="223"/>
      <c r="DE3" s="223"/>
      <c r="DF3" s="223"/>
      <c r="DG3" s="223"/>
      <c r="DH3" s="223"/>
      <c r="DI3" s="223"/>
      <c r="DJ3" s="223"/>
      <c r="DK3" s="223"/>
      <c r="DL3" s="223"/>
      <c r="DM3" s="223"/>
      <c r="DN3" s="223"/>
      <c r="DO3" s="223"/>
      <c r="DP3" s="223"/>
      <c r="DQ3" s="223"/>
      <c r="DR3" s="223"/>
      <c r="DS3" s="223"/>
      <c r="DT3" s="223"/>
      <c r="DU3" s="223"/>
      <c r="DV3" s="223"/>
      <c r="DW3" s="223"/>
      <c r="DX3" s="223"/>
      <c r="DY3" s="223"/>
      <c r="DZ3" s="223"/>
      <c r="EA3" s="225"/>
    </row>
    <row r="4" spans="1:131" s="230" customFormat="1" ht="26.25" customHeight="1" thickBot="1" x14ac:dyDescent="0.25">
      <c r="A4" s="789" t="s">
        <v>366</v>
      </c>
      <c r="B4" s="789"/>
      <c r="C4" s="789"/>
      <c r="D4" s="789"/>
      <c r="E4" s="789"/>
      <c r="F4" s="789"/>
      <c r="G4" s="789"/>
      <c r="H4" s="789"/>
      <c r="I4" s="789"/>
      <c r="J4" s="789"/>
      <c r="K4" s="789"/>
      <c r="L4" s="789"/>
      <c r="M4" s="789"/>
      <c r="N4" s="789"/>
      <c r="O4" s="789"/>
      <c r="P4" s="789"/>
      <c r="Q4" s="789"/>
      <c r="R4" s="789"/>
      <c r="S4" s="789"/>
      <c r="T4" s="789"/>
      <c r="U4" s="789"/>
      <c r="V4" s="789"/>
      <c r="W4" s="789"/>
      <c r="X4" s="789"/>
      <c r="Y4" s="789"/>
      <c r="Z4" s="789"/>
      <c r="AA4" s="789"/>
      <c r="AB4" s="789"/>
      <c r="AC4" s="789"/>
      <c r="AD4" s="789"/>
      <c r="AE4" s="789"/>
      <c r="AF4" s="789"/>
      <c r="AG4" s="789"/>
      <c r="AH4" s="789"/>
      <c r="AI4" s="789"/>
      <c r="AJ4" s="789"/>
      <c r="AK4" s="789"/>
      <c r="AL4" s="789"/>
      <c r="AM4" s="789"/>
      <c r="AN4" s="789"/>
      <c r="AO4" s="789"/>
      <c r="AP4" s="789"/>
      <c r="AQ4" s="789"/>
      <c r="AR4" s="789"/>
      <c r="AS4" s="789"/>
      <c r="AT4" s="789"/>
      <c r="AU4" s="789"/>
      <c r="AV4" s="789"/>
      <c r="AW4" s="789"/>
      <c r="AX4" s="789"/>
      <c r="AY4" s="789"/>
      <c r="AZ4" s="227"/>
      <c r="BA4" s="227"/>
      <c r="BB4" s="227"/>
      <c r="BC4" s="227"/>
      <c r="BD4" s="227"/>
      <c r="BE4" s="228"/>
      <c r="BF4" s="228"/>
      <c r="BG4" s="228"/>
      <c r="BH4" s="228"/>
      <c r="BI4" s="228"/>
      <c r="BJ4" s="228"/>
      <c r="BK4" s="228"/>
      <c r="BL4" s="228"/>
      <c r="BM4" s="228"/>
      <c r="BN4" s="228"/>
      <c r="BO4" s="228"/>
      <c r="BP4" s="228"/>
      <c r="BQ4" s="790" t="s">
        <v>367</v>
      </c>
      <c r="BR4" s="790"/>
      <c r="BS4" s="790"/>
      <c r="BT4" s="790"/>
      <c r="BU4" s="790"/>
      <c r="BV4" s="790"/>
      <c r="BW4" s="790"/>
      <c r="BX4" s="790"/>
      <c r="BY4" s="790"/>
      <c r="BZ4" s="790"/>
      <c r="CA4" s="790"/>
      <c r="CB4" s="790"/>
      <c r="CC4" s="790"/>
      <c r="CD4" s="790"/>
      <c r="CE4" s="790"/>
      <c r="CF4" s="790"/>
      <c r="CG4" s="790"/>
      <c r="CH4" s="790"/>
      <c r="CI4" s="790"/>
      <c r="CJ4" s="790"/>
      <c r="CK4" s="790"/>
      <c r="CL4" s="790"/>
      <c r="CM4" s="790"/>
      <c r="CN4" s="790"/>
      <c r="CO4" s="790"/>
      <c r="CP4" s="790"/>
      <c r="CQ4" s="790"/>
      <c r="CR4" s="790"/>
      <c r="CS4" s="790"/>
      <c r="CT4" s="790"/>
      <c r="CU4" s="790"/>
      <c r="CV4" s="790"/>
      <c r="CW4" s="790"/>
      <c r="CX4" s="790"/>
      <c r="CY4" s="790"/>
      <c r="CZ4" s="790"/>
      <c r="DA4" s="790"/>
      <c r="DB4" s="790"/>
      <c r="DC4" s="790"/>
      <c r="DD4" s="790"/>
      <c r="DE4" s="790"/>
      <c r="DF4" s="790"/>
      <c r="DG4" s="790"/>
      <c r="DH4" s="790"/>
      <c r="DI4" s="790"/>
      <c r="DJ4" s="790"/>
      <c r="DK4" s="790"/>
      <c r="DL4" s="790"/>
      <c r="DM4" s="790"/>
      <c r="DN4" s="790"/>
      <c r="DO4" s="790"/>
      <c r="DP4" s="790"/>
      <c r="DQ4" s="790"/>
      <c r="DR4" s="790"/>
      <c r="DS4" s="790"/>
      <c r="DT4" s="790"/>
      <c r="DU4" s="790"/>
      <c r="DV4" s="790"/>
      <c r="DW4" s="790"/>
      <c r="DX4" s="790"/>
      <c r="DY4" s="790"/>
      <c r="DZ4" s="790"/>
      <c r="EA4" s="229"/>
    </row>
    <row r="5" spans="1:131" s="230" customFormat="1" ht="26.25" customHeight="1" x14ac:dyDescent="0.2">
      <c r="A5" s="791" t="s">
        <v>368</v>
      </c>
      <c r="B5" s="792"/>
      <c r="C5" s="792"/>
      <c r="D5" s="792"/>
      <c r="E5" s="792"/>
      <c r="F5" s="792"/>
      <c r="G5" s="792"/>
      <c r="H5" s="792"/>
      <c r="I5" s="792"/>
      <c r="J5" s="792"/>
      <c r="K5" s="792"/>
      <c r="L5" s="792"/>
      <c r="M5" s="792"/>
      <c r="N5" s="792"/>
      <c r="O5" s="792"/>
      <c r="P5" s="793"/>
      <c r="Q5" s="797" t="s">
        <v>369</v>
      </c>
      <c r="R5" s="798"/>
      <c r="S5" s="798"/>
      <c r="T5" s="798"/>
      <c r="U5" s="799"/>
      <c r="V5" s="797" t="s">
        <v>370</v>
      </c>
      <c r="W5" s="798"/>
      <c r="X5" s="798"/>
      <c r="Y5" s="798"/>
      <c r="Z5" s="799"/>
      <c r="AA5" s="797" t="s">
        <v>371</v>
      </c>
      <c r="AB5" s="798"/>
      <c r="AC5" s="798"/>
      <c r="AD5" s="798"/>
      <c r="AE5" s="798"/>
      <c r="AF5" s="803" t="s">
        <v>372</v>
      </c>
      <c r="AG5" s="798"/>
      <c r="AH5" s="798"/>
      <c r="AI5" s="798"/>
      <c r="AJ5" s="804"/>
      <c r="AK5" s="798" t="s">
        <v>373</v>
      </c>
      <c r="AL5" s="798"/>
      <c r="AM5" s="798"/>
      <c r="AN5" s="798"/>
      <c r="AO5" s="799"/>
      <c r="AP5" s="797" t="s">
        <v>374</v>
      </c>
      <c r="AQ5" s="798"/>
      <c r="AR5" s="798"/>
      <c r="AS5" s="798"/>
      <c r="AT5" s="799"/>
      <c r="AU5" s="797" t="s">
        <v>375</v>
      </c>
      <c r="AV5" s="798"/>
      <c r="AW5" s="798"/>
      <c r="AX5" s="798"/>
      <c r="AY5" s="804"/>
      <c r="AZ5" s="227"/>
      <c r="BA5" s="227"/>
      <c r="BB5" s="227"/>
      <c r="BC5" s="227"/>
      <c r="BD5" s="227"/>
      <c r="BE5" s="228"/>
      <c r="BF5" s="228"/>
      <c r="BG5" s="228"/>
      <c r="BH5" s="228"/>
      <c r="BI5" s="228"/>
      <c r="BJ5" s="228"/>
      <c r="BK5" s="228"/>
      <c r="BL5" s="228"/>
      <c r="BM5" s="228"/>
      <c r="BN5" s="228"/>
      <c r="BO5" s="228"/>
      <c r="BP5" s="228"/>
      <c r="BQ5" s="791" t="s">
        <v>376</v>
      </c>
      <c r="BR5" s="792"/>
      <c r="BS5" s="792"/>
      <c r="BT5" s="792"/>
      <c r="BU5" s="792"/>
      <c r="BV5" s="792"/>
      <c r="BW5" s="792"/>
      <c r="BX5" s="792"/>
      <c r="BY5" s="792"/>
      <c r="BZ5" s="792"/>
      <c r="CA5" s="792"/>
      <c r="CB5" s="792"/>
      <c r="CC5" s="792"/>
      <c r="CD5" s="792"/>
      <c r="CE5" s="792"/>
      <c r="CF5" s="792"/>
      <c r="CG5" s="793"/>
      <c r="CH5" s="797" t="s">
        <v>377</v>
      </c>
      <c r="CI5" s="798"/>
      <c r="CJ5" s="798"/>
      <c r="CK5" s="798"/>
      <c r="CL5" s="799"/>
      <c r="CM5" s="797" t="s">
        <v>378</v>
      </c>
      <c r="CN5" s="798"/>
      <c r="CO5" s="798"/>
      <c r="CP5" s="798"/>
      <c r="CQ5" s="799"/>
      <c r="CR5" s="797" t="s">
        <v>379</v>
      </c>
      <c r="CS5" s="798"/>
      <c r="CT5" s="798"/>
      <c r="CU5" s="798"/>
      <c r="CV5" s="799"/>
      <c r="CW5" s="797" t="s">
        <v>380</v>
      </c>
      <c r="CX5" s="798"/>
      <c r="CY5" s="798"/>
      <c r="CZ5" s="798"/>
      <c r="DA5" s="799"/>
      <c r="DB5" s="797" t="s">
        <v>381</v>
      </c>
      <c r="DC5" s="798"/>
      <c r="DD5" s="798"/>
      <c r="DE5" s="798"/>
      <c r="DF5" s="799"/>
      <c r="DG5" s="827" t="s">
        <v>382</v>
      </c>
      <c r="DH5" s="828"/>
      <c r="DI5" s="828"/>
      <c r="DJ5" s="828"/>
      <c r="DK5" s="829"/>
      <c r="DL5" s="827" t="s">
        <v>383</v>
      </c>
      <c r="DM5" s="828"/>
      <c r="DN5" s="828"/>
      <c r="DO5" s="828"/>
      <c r="DP5" s="829"/>
      <c r="DQ5" s="797" t="s">
        <v>384</v>
      </c>
      <c r="DR5" s="798"/>
      <c r="DS5" s="798"/>
      <c r="DT5" s="798"/>
      <c r="DU5" s="799"/>
      <c r="DV5" s="797" t="s">
        <v>375</v>
      </c>
      <c r="DW5" s="798"/>
      <c r="DX5" s="798"/>
      <c r="DY5" s="798"/>
      <c r="DZ5" s="804"/>
      <c r="EA5" s="229"/>
    </row>
    <row r="6" spans="1:131" s="230" customFormat="1" ht="26.25" customHeight="1" thickBot="1" x14ac:dyDescent="0.25">
      <c r="A6" s="794"/>
      <c r="B6" s="795"/>
      <c r="C6" s="795"/>
      <c r="D6" s="795"/>
      <c r="E6" s="795"/>
      <c r="F6" s="795"/>
      <c r="G6" s="795"/>
      <c r="H6" s="795"/>
      <c r="I6" s="795"/>
      <c r="J6" s="795"/>
      <c r="K6" s="795"/>
      <c r="L6" s="795"/>
      <c r="M6" s="795"/>
      <c r="N6" s="795"/>
      <c r="O6" s="795"/>
      <c r="P6" s="796"/>
      <c r="Q6" s="800"/>
      <c r="R6" s="801"/>
      <c r="S6" s="801"/>
      <c r="T6" s="801"/>
      <c r="U6" s="802"/>
      <c r="V6" s="800"/>
      <c r="W6" s="801"/>
      <c r="X6" s="801"/>
      <c r="Y6" s="801"/>
      <c r="Z6" s="802"/>
      <c r="AA6" s="800"/>
      <c r="AB6" s="801"/>
      <c r="AC6" s="801"/>
      <c r="AD6" s="801"/>
      <c r="AE6" s="801"/>
      <c r="AF6" s="805"/>
      <c r="AG6" s="801"/>
      <c r="AH6" s="801"/>
      <c r="AI6" s="801"/>
      <c r="AJ6" s="806"/>
      <c r="AK6" s="801"/>
      <c r="AL6" s="801"/>
      <c r="AM6" s="801"/>
      <c r="AN6" s="801"/>
      <c r="AO6" s="802"/>
      <c r="AP6" s="800"/>
      <c r="AQ6" s="801"/>
      <c r="AR6" s="801"/>
      <c r="AS6" s="801"/>
      <c r="AT6" s="802"/>
      <c r="AU6" s="800"/>
      <c r="AV6" s="801"/>
      <c r="AW6" s="801"/>
      <c r="AX6" s="801"/>
      <c r="AY6" s="806"/>
      <c r="AZ6" s="227"/>
      <c r="BA6" s="227"/>
      <c r="BB6" s="227"/>
      <c r="BC6" s="227"/>
      <c r="BD6" s="227"/>
      <c r="BE6" s="228"/>
      <c r="BF6" s="228"/>
      <c r="BG6" s="228"/>
      <c r="BH6" s="228"/>
      <c r="BI6" s="228"/>
      <c r="BJ6" s="228"/>
      <c r="BK6" s="228"/>
      <c r="BL6" s="228"/>
      <c r="BM6" s="228"/>
      <c r="BN6" s="228"/>
      <c r="BO6" s="228"/>
      <c r="BP6" s="228"/>
      <c r="BQ6" s="794"/>
      <c r="BR6" s="795"/>
      <c r="BS6" s="795"/>
      <c r="BT6" s="795"/>
      <c r="BU6" s="795"/>
      <c r="BV6" s="795"/>
      <c r="BW6" s="795"/>
      <c r="BX6" s="795"/>
      <c r="BY6" s="795"/>
      <c r="BZ6" s="795"/>
      <c r="CA6" s="795"/>
      <c r="CB6" s="795"/>
      <c r="CC6" s="795"/>
      <c r="CD6" s="795"/>
      <c r="CE6" s="795"/>
      <c r="CF6" s="795"/>
      <c r="CG6" s="796"/>
      <c r="CH6" s="800"/>
      <c r="CI6" s="801"/>
      <c r="CJ6" s="801"/>
      <c r="CK6" s="801"/>
      <c r="CL6" s="802"/>
      <c r="CM6" s="800"/>
      <c r="CN6" s="801"/>
      <c r="CO6" s="801"/>
      <c r="CP6" s="801"/>
      <c r="CQ6" s="802"/>
      <c r="CR6" s="800"/>
      <c r="CS6" s="801"/>
      <c r="CT6" s="801"/>
      <c r="CU6" s="801"/>
      <c r="CV6" s="802"/>
      <c r="CW6" s="800"/>
      <c r="CX6" s="801"/>
      <c r="CY6" s="801"/>
      <c r="CZ6" s="801"/>
      <c r="DA6" s="802"/>
      <c r="DB6" s="800"/>
      <c r="DC6" s="801"/>
      <c r="DD6" s="801"/>
      <c r="DE6" s="801"/>
      <c r="DF6" s="802"/>
      <c r="DG6" s="830"/>
      <c r="DH6" s="831"/>
      <c r="DI6" s="831"/>
      <c r="DJ6" s="831"/>
      <c r="DK6" s="832"/>
      <c r="DL6" s="830"/>
      <c r="DM6" s="831"/>
      <c r="DN6" s="831"/>
      <c r="DO6" s="831"/>
      <c r="DP6" s="832"/>
      <c r="DQ6" s="800"/>
      <c r="DR6" s="801"/>
      <c r="DS6" s="801"/>
      <c r="DT6" s="801"/>
      <c r="DU6" s="802"/>
      <c r="DV6" s="800"/>
      <c r="DW6" s="801"/>
      <c r="DX6" s="801"/>
      <c r="DY6" s="801"/>
      <c r="DZ6" s="806"/>
      <c r="EA6" s="229"/>
    </row>
    <row r="7" spans="1:131" s="230" customFormat="1" ht="26.25" customHeight="1" thickTop="1" x14ac:dyDescent="0.2">
      <c r="A7" s="231">
        <v>1</v>
      </c>
      <c r="B7" s="813" t="s">
        <v>385</v>
      </c>
      <c r="C7" s="814"/>
      <c r="D7" s="814"/>
      <c r="E7" s="814"/>
      <c r="F7" s="814"/>
      <c r="G7" s="814"/>
      <c r="H7" s="814"/>
      <c r="I7" s="814"/>
      <c r="J7" s="814"/>
      <c r="K7" s="814"/>
      <c r="L7" s="814"/>
      <c r="M7" s="814"/>
      <c r="N7" s="814"/>
      <c r="O7" s="814"/>
      <c r="P7" s="815"/>
      <c r="Q7" s="816">
        <v>38587</v>
      </c>
      <c r="R7" s="817"/>
      <c r="S7" s="817"/>
      <c r="T7" s="817"/>
      <c r="U7" s="817"/>
      <c r="V7" s="817">
        <v>36096</v>
      </c>
      <c r="W7" s="817"/>
      <c r="X7" s="817"/>
      <c r="Y7" s="817"/>
      <c r="Z7" s="817"/>
      <c r="AA7" s="817">
        <v>2492</v>
      </c>
      <c r="AB7" s="817"/>
      <c r="AC7" s="817"/>
      <c r="AD7" s="817"/>
      <c r="AE7" s="818"/>
      <c r="AF7" s="819">
        <v>2440</v>
      </c>
      <c r="AG7" s="820"/>
      <c r="AH7" s="820"/>
      <c r="AI7" s="820"/>
      <c r="AJ7" s="821"/>
      <c r="AK7" s="822">
        <v>99</v>
      </c>
      <c r="AL7" s="823"/>
      <c r="AM7" s="823"/>
      <c r="AN7" s="823"/>
      <c r="AO7" s="823"/>
      <c r="AP7" s="823">
        <v>21740</v>
      </c>
      <c r="AQ7" s="823"/>
      <c r="AR7" s="823"/>
      <c r="AS7" s="823"/>
      <c r="AT7" s="823"/>
      <c r="AU7" s="824"/>
      <c r="AV7" s="824"/>
      <c r="AW7" s="824"/>
      <c r="AX7" s="824"/>
      <c r="AY7" s="825"/>
      <c r="AZ7" s="227"/>
      <c r="BA7" s="227"/>
      <c r="BB7" s="227"/>
      <c r="BC7" s="227"/>
      <c r="BD7" s="227"/>
      <c r="BE7" s="228"/>
      <c r="BF7" s="228"/>
      <c r="BG7" s="228"/>
      <c r="BH7" s="228"/>
      <c r="BI7" s="228"/>
      <c r="BJ7" s="228"/>
      <c r="BK7" s="228"/>
      <c r="BL7" s="228"/>
      <c r="BM7" s="228"/>
      <c r="BN7" s="228"/>
      <c r="BO7" s="228"/>
      <c r="BP7" s="228"/>
      <c r="BQ7" s="231">
        <v>1</v>
      </c>
      <c r="BR7" s="232"/>
      <c r="BS7" s="810" t="s">
        <v>572</v>
      </c>
      <c r="BT7" s="811"/>
      <c r="BU7" s="811"/>
      <c r="BV7" s="811"/>
      <c r="BW7" s="811"/>
      <c r="BX7" s="811"/>
      <c r="BY7" s="811"/>
      <c r="BZ7" s="811"/>
      <c r="CA7" s="811"/>
      <c r="CB7" s="811"/>
      <c r="CC7" s="811"/>
      <c r="CD7" s="811"/>
      <c r="CE7" s="811"/>
      <c r="CF7" s="811"/>
      <c r="CG7" s="826"/>
      <c r="CH7" s="807">
        <v>1</v>
      </c>
      <c r="CI7" s="808"/>
      <c r="CJ7" s="808"/>
      <c r="CK7" s="808"/>
      <c r="CL7" s="809"/>
      <c r="CM7" s="807">
        <v>105</v>
      </c>
      <c r="CN7" s="808"/>
      <c r="CO7" s="808"/>
      <c r="CP7" s="808"/>
      <c r="CQ7" s="809"/>
      <c r="CR7" s="807">
        <v>2</v>
      </c>
      <c r="CS7" s="808"/>
      <c r="CT7" s="808"/>
      <c r="CU7" s="808"/>
      <c r="CV7" s="809"/>
      <c r="CW7" s="807" t="s">
        <v>565</v>
      </c>
      <c r="CX7" s="808"/>
      <c r="CY7" s="808"/>
      <c r="CZ7" s="808"/>
      <c r="DA7" s="809"/>
      <c r="DB7" s="807" t="s">
        <v>571</v>
      </c>
      <c r="DC7" s="808"/>
      <c r="DD7" s="808"/>
      <c r="DE7" s="808"/>
      <c r="DF7" s="809"/>
      <c r="DG7" s="807">
        <v>2270</v>
      </c>
      <c r="DH7" s="808"/>
      <c r="DI7" s="808"/>
      <c r="DJ7" s="808"/>
      <c r="DK7" s="809"/>
      <c r="DL7" s="807" t="s">
        <v>571</v>
      </c>
      <c r="DM7" s="808"/>
      <c r="DN7" s="808"/>
      <c r="DO7" s="808"/>
      <c r="DP7" s="809"/>
      <c r="DQ7" s="807" t="s">
        <v>571</v>
      </c>
      <c r="DR7" s="808"/>
      <c r="DS7" s="808"/>
      <c r="DT7" s="808"/>
      <c r="DU7" s="809"/>
      <c r="DV7" s="810"/>
      <c r="DW7" s="811"/>
      <c r="DX7" s="811"/>
      <c r="DY7" s="811"/>
      <c r="DZ7" s="812"/>
      <c r="EA7" s="229"/>
    </row>
    <row r="8" spans="1:131" s="230" customFormat="1" ht="26.25" customHeight="1" x14ac:dyDescent="0.2">
      <c r="A8" s="233">
        <v>2</v>
      </c>
      <c r="B8" s="844" t="s">
        <v>386</v>
      </c>
      <c r="C8" s="845"/>
      <c r="D8" s="845"/>
      <c r="E8" s="845"/>
      <c r="F8" s="845"/>
      <c r="G8" s="845"/>
      <c r="H8" s="845"/>
      <c r="I8" s="845"/>
      <c r="J8" s="845"/>
      <c r="K8" s="845"/>
      <c r="L8" s="845"/>
      <c r="M8" s="845"/>
      <c r="N8" s="845"/>
      <c r="O8" s="845"/>
      <c r="P8" s="846"/>
      <c r="Q8" s="847">
        <v>154</v>
      </c>
      <c r="R8" s="848"/>
      <c r="S8" s="848"/>
      <c r="T8" s="848"/>
      <c r="U8" s="848"/>
      <c r="V8" s="848">
        <v>154</v>
      </c>
      <c r="W8" s="848"/>
      <c r="X8" s="848"/>
      <c r="Y8" s="848"/>
      <c r="Z8" s="848"/>
      <c r="AA8" s="848" t="s">
        <v>580</v>
      </c>
      <c r="AB8" s="848"/>
      <c r="AC8" s="848"/>
      <c r="AD8" s="848"/>
      <c r="AE8" s="849"/>
      <c r="AF8" s="850" t="s">
        <v>127</v>
      </c>
      <c r="AG8" s="851"/>
      <c r="AH8" s="851"/>
      <c r="AI8" s="851"/>
      <c r="AJ8" s="852"/>
      <c r="AK8" s="833">
        <v>104</v>
      </c>
      <c r="AL8" s="834"/>
      <c r="AM8" s="834"/>
      <c r="AN8" s="834"/>
      <c r="AO8" s="834"/>
      <c r="AP8" s="834">
        <v>663</v>
      </c>
      <c r="AQ8" s="834"/>
      <c r="AR8" s="834"/>
      <c r="AS8" s="834"/>
      <c r="AT8" s="834"/>
      <c r="AU8" s="835"/>
      <c r="AV8" s="835"/>
      <c r="AW8" s="835"/>
      <c r="AX8" s="835"/>
      <c r="AY8" s="836"/>
      <c r="AZ8" s="227"/>
      <c r="BA8" s="227"/>
      <c r="BB8" s="227"/>
      <c r="BC8" s="227"/>
      <c r="BD8" s="227"/>
      <c r="BE8" s="228"/>
      <c r="BF8" s="228"/>
      <c r="BG8" s="228"/>
      <c r="BH8" s="228"/>
      <c r="BI8" s="228"/>
      <c r="BJ8" s="228"/>
      <c r="BK8" s="228"/>
      <c r="BL8" s="228"/>
      <c r="BM8" s="228"/>
      <c r="BN8" s="228"/>
      <c r="BO8" s="228"/>
      <c r="BP8" s="228"/>
      <c r="BQ8" s="233">
        <v>2</v>
      </c>
      <c r="BR8" s="234"/>
      <c r="BS8" s="837" t="s">
        <v>573</v>
      </c>
      <c r="BT8" s="838"/>
      <c r="BU8" s="838"/>
      <c r="BV8" s="838"/>
      <c r="BW8" s="838"/>
      <c r="BX8" s="838"/>
      <c r="BY8" s="838"/>
      <c r="BZ8" s="838"/>
      <c r="CA8" s="838"/>
      <c r="CB8" s="838"/>
      <c r="CC8" s="838"/>
      <c r="CD8" s="838"/>
      <c r="CE8" s="838"/>
      <c r="CF8" s="838"/>
      <c r="CG8" s="839"/>
      <c r="CH8" s="840">
        <v>35</v>
      </c>
      <c r="CI8" s="841"/>
      <c r="CJ8" s="841"/>
      <c r="CK8" s="841"/>
      <c r="CL8" s="842"/>
      <c r="CM8" s="840">
        <v>555</v>
      </c>
      <c r="CN8" s="841"/>
      <c r="CO8" s="841"/>
      <c r="CP8" s="841"/>
      <c r="CQ8" s="842"/>
      <c r="CR8" s="840">
        <v>1</v>
      </c>
      <c r="CS8" s="841"/>
      <c r="CT8" s="841"/>
      <c r="CU8" s="841"/>
      <c r="CV8" s="842"/>
      <c r="CW8" s="840" t="s">
        <v>571</v>
      </c>
      <c r="CX8" s="841"/>
      <c r="CY8" s="841"/>
      <c r="CZ8" s="841"/>
      <c r="DA8" s="842"/>
      <c r="DB8" s="840" t="s">
        <v>571</v>
      </c>
      <c r="DC8" s="841"/>
      <c r="DD8" s="841"/>
      <c r="DE8" s="841"/>
      <c r="DF8" s="842"/>
      <c r="DG8" s="840" t="s">
        <v>571</v>
      </c>
      <c r="DH8" s="841"/>
      <c r="DI8" s="841"/>
      <c r="DJ8" s="841"/>
      <c r="DK8" s="842"/>
      <c r="DL8" s="840">
        <v>1283</v>
      </c>
      <c r="DM8" s="841"/>
      <c r="DN8" s="841"/>
      <c r="DO8" s="841"/>
      <c r="DP8" s="842"/>
      <c r="DQ8" s="840">
        <v>128</v>
      </c>
      <c r="DR8" s="841"/>
      <c r="DS8" s="841"/>
      <c r="DT8" s="841"/>
      <c r="DU8" s="842"/>
      <c r="DV8" s="837"/>
      <c r="DW8" s="838"/>
      <c r="DX8" s="838"/>
      <c r="DY8" s="838"/>
      <c r="DZ8" s="843"/>
      <c r="EA8" s="229"/>
    </row>
    <row r="9" spans="1:131" s="230" customFormat="1" ht="26.25" customHeight="1" x14ac:dyDescent="0.2">
      <c r="A9" s="233">
        <v>3</v>
      </c>
      <c r="B9" s="844"/>
      <c r="C9" s="845"/>
      <c r="D9" s="845"/>
      <c r="E9" s="845"/>
      <c r="F9" s="845"/>
      <c r="G9" s="845"/>
      <c r="H9" s="845"/>
      <c r="I9" s="845"/>
      <c r="J9" s="845"/>
      <c r="K9" s="845"/>
      <c r="L9" s="845"/>
      <c r="M9" s="845"/>
      <c r="N9" s="845"/>
      <c r="O9" s="845"/>
      <c r="P9" s="846"/>
      <c r="Q9" s="847"/>
      <c r="R9" s="848"/>
      <c r="S9" s="848"/>
      <c r="T9" s="848"/>
      <c r="U9" s="848"/>
      <c r="V9" s="848"/>
      <c r="W9" s="848"/>
      <c r="X9" s="848"/>
      <c r="Y9" s="848"/>
      <c r="Z9" s="848"/>
      <c r="AA9" s="848"/>
      <c r="AB9" s="848"/>
      <c r="AC9" s="848"/>
      <c r="AD9" s="848"/>
      <c r="AE9" s="849"/>
      <c r="AF9" s="850"/>
      <c r="AG9" s="851"/>
      <c r="AH9" s="851"/>
      <c r="AI9" s="851"/>
      <c r="AJ9" s="852"/>
      <c r="AK9" s="833"/>
      <c r="AL9" s="834"/>
      <c r="AM9" s="834"/>
      <c r="AN9" s="834"/>
      <c r="AO9" s="834"/>
      <c r="AP9" s="834"/>
      <c r="AQ9" s="834"/>
      <c r="AR9" s="834"/>
      <c r="AS9" s="834"/>
      <c r="AT9" s="834"/>
      <c r="AU9" s="835"/>
      <c r="AV9" s="835"/>
      <c r="AW9" s="835"/>
      <c r="AX9" s="835"/>
      <c r="AY9" s="836"/>
      <c r="AZ9" s="227"/>
      <c r="BA9" s="227"/>
      <c r="BB9" s="227"/>
      <c r="BC9" s="227"/>
      <c r="BD9" s="227"/>
      <c r="BE9" s="228"/>
      <c r="BF9" s="228"/>
      <c r="BG9" s="228"/>
      <c r="BH9" s="228"/>
      <c r="BI9" s="228"/>
      <c r="BJ9" s="228"/>
      <c r="BK9" s="228"/>
      <c r="BL9" s="228"/>
      <c r="BM9" s="228"/>
      <c r="BN9" s="228"/>
      <c r="BO9" s="228"/>
      <c r="BP9" s="228"/>
      <c r="BQ9" s="233">
        <v>3</v>
      </c>
      <c r="BR9" s="234"/>
      <c r="BS9" s="837"/>
      <c r="BT9" s="838"/>
      <c r="BU9" s="838"/>
      <c r="BV9" s="838"/>
      <c r="BW9" s="838"/>
      <c r="BX9" s="838"/>
      <c r="BY9" s="838"/>
      <c r="BZ9" s="838"/>
      <c r="CA9" s="838"/>
      <c r="CB9" s="838"/>
      <c r="CC9" s="838"/>
      <c r="CD9" s="838"/>
      <c r="CE9" s="838"/>
      <c r="CF9" s="838"/>
      <c r="CG9" s="839"/>
      <c r="CH9" s="840"/>
      <c r="CI9" s="841"/>
      <c r="CJ9" s="841"/>
      <c r="CK9" s="841"/>
      <c r="CL9" s="842"/>
      <c r="CM9" s="840"/>
      <c r="CN9" s="841"/>
      <c r="CO9" s="841"/>
      <c r="CP9" s="841"/>
      <c r="CQ9" s="842"/>
      <c r="CR9" s="840"/>
      <c r="CS9" s="841"/>
      <c r="CT9" s="841"/>
      <c r="CU9" s="841"/>
      <c r="CV9" s="842"/>
      <c r="CW9" s="840"/>
      <c r="CX9" s="841"/>
      <c r="CY9" s="841"/>
      <c r="CZ9" s="841"/>
      <c r="DA9" s="842"/>
      <c r="DB9" s="840"/>
      <c r="DC9" s="841"/>
      <c r="DD9" s="841"/>
      <c r="DE9" s="841"/>
      <c r="DF9" s="842"/>
      <c r="DG9" s="840"/>
      <c r="DH9" s="841"/>
      <c r="DI9" s="841"/>
      <c r="DJ9" s="841"/>
      <c r="DK9" s="842"/>
      <c r="DL9" s="840"/>
      <c r="DM9" s="841"/>
      <c r="DN9" s="841"/>
      <c r="DO9" s="841"/>
      <c r="DP9" s="842"/>
      <c r="DQ9" s="840"/>
      <c r="DR9" s="841"/>
      <c r="DS9" s="841"/>
      <c r="DT9" s="841"/>
      <c r="DU9" s="842"/>
      <c r="DV9" s="837"/>
      <c r="DW9" s="838"/>
      <c r="DX9" s="838"/>
      <c r="DY9" s="838"/>
      <c r="DZ9" s="843"/>
      <c r="EA9" s="229"/>
    </row>
    <row r="10" spans="1:131" s="230" customFormat="1" ht="26.25" customHeight="1" x14ac:dyDescent="0.2">
      <c r="A10" s="233">
        <v>4</v>
      </c>
      <c r="B10" s="844"/>
      <c r="C10" s="845"/>
      <c r="D10" s="845"/>
      <c r="E10" s="845"/>
      <c r="F10" s="845"/>
      <c r="G10" s="845"/>
      <c r="H10" s="845"/>
      <c r="I10" s="845"/>
      <c r="J10" s="845"/>
      <c r="K10" s="845"/>
      <c r="L10" s="845"/>
      <c r="M10" s="845"/>
      <c r="N10" s="845"/>
      <c r="O10" s="845"/>
      <c r="P10" s="846"/>
      <c r="Q10" s="847"/>
      <c r="R10" s="848"/>
      <c r="S10" s="848"/>
      <c r="T10" s="848"/>
      <c r="U10" s="848"/>
      <c r="V10" s="848"/>
      <c r="W10" s="848"/>
      <c r="X10" s="848"/>
      <c r="Y10" s="848"/>
      <c r="Z10" s="848"/>
      <c r="AA10" s="848"/>
      <c r="AB10" s="848"/>
      <c r="AC10" s="848"/>
      <c r="AD10" s="848"/>
      <c r="AE10" s="849"/>
      <c r="AF10" s="850"/>
      <c r="AG10" s="851"/>
      <c r="AH10" s="851"/>
      <c r="AI10" s="851"/>
      <c r="AJ10" s="852"/>
      <c r="AK10" s="833"/>
      <c r="AL10" s="834"/>
      <c r="AM10" s="834"/>
      <c r="AN10" s="834"/>
      <c r="AO10" s="834"/>
      <c r="AP10" s="834"/>
      <c r="AQ10" s="834"/>
      <c r="AR10" s="834"/>
      <c r="AS10" s="834"/>
      <c r="AT10" s="834"/>
      <c r="AU10" s="835"/>
      <c r="AV10" s="835"/>
      <c r="AW10" s="835"/>
      <c r="AX10" s="835"/>
      <c r="AY10" s="836"/>
      <c r="AZ10" s="227"/>
      <c r="BA10" s="227"/>
      <c r="BB10" s="227"/>
      <c r="BC10" s="227"/>
      <c r="BD10" s="227"/>
      <c r="BE10" s="228"/>
      <c r="BF10" s="228"/>
      <c r="BG10" s="228"/>
      <c r="BH10" s="228"/>
      <c r="BI10" s="228"/>
      <c r="BJ10" s="228"/>
      <c r="BK10" s="228"/>
      <c r="BL10" s="228"/>
      <c r="BM10" s="228"/>
      <c r="BN10" s="228"/>
      <c r="BO10" s="228"/>
      <c r="BP10" s="228"/>
      <c r="BQ10" s="233">
        <v>4</v>
      </c>
      <c r="BR10" s="234"/>
      <c r="BS10" s="837"/>
      <c r="BT10" s="838"/>
      <c r="BU10" s="838"/>
      <c r="BV10" s="838"/>
      <c r="BW10" s="838"/>
      <c r="BX10" s="838"/>
      <c r="BY10" s="838"/>
      <c r="BZ10" s="838"/>
      <c r="CA10" s="838"/>
      <c r="CB10" s="838"/>
      <c r="CC10" s="838"/>
      <c r="CD10" s="838"/>
      <c r="CE10" s="838"/>
      <c r="CF10" s="838"/>
      <c r="CG10" s="839"/>
      <c r="CH10" s="840"/>
      <c r="CI10" s="841"/>
      <c r="CJ10" s="841"/>
      <c r="CK10" s="841"/>
      <c r="CL10" s="842"/>
      <c r="CM10" s="840"/>
      <c r="CN10" s="841"/>
      <c r="CO10" s="841"/>
      <c r="CP10" s="841"/>
      <c r="CQ10" s="842"/>
      <c r="CR10" s="840"/>
      <c r="CS10" s="841"/>
      <c r="CT10" s="841"/>
      <c r="CU10" s="841"/>
      <c r="CV10" s="842"/>
      <c r="CW10" s="840"/>
      <c r="CX10" s="841"/>
      <c r="CY10" s="841"/>
      <c r="CZ10" s="841"/>
      <c r="DA10" s="842"/>
      <c r="DB10" s="840"/>
      <c r="DC10" s="841"/>
      <c r="DD10" s="841"/>
      <c r="DE10" s="841"/>
      <c r="DF10" s="842"/>
      <c r="DG10" s="840"/>
      <c r="DH10" s="841"/>
      <c r="DI10" s="841"/>
      <c r="DJ10" s="841"/>
      <c r="DK10" s="842"/>
      <c r="DL10" s="840"/>
      <c r="DM10" s="841"/>
      <c r="DN10" s="841"/>
      <c r="DO10" s="841"/>
      <c r="DP10" s="842"/>
      <c r="DQ10" s="840"/>
      <c r="DR10" s="841"/>
      <c r="DS10" s="841"/>
      <c r="DT10" s="841"/>
      <c r="DU10" s="842"/>
      <c r="DV10" s="837"/>
      <c r="DW10" s="838"/>
      <c r="DX10" s="838"/>
      <c r="DY10" s="838"/>
      <c r="DZ10" s="843"/>
      <c r="EA10" s="229"/>
    </row>
    <row r="11" spans="1:131" s="230" customFormat="1" ht="26.25" customHeight="1" x14ac:dyDescent="0.2">
      <c r="A11" s="233">
        <v>5</v>
      </c>
      <c r="B11" s="844"/>
      <c r="C11" s="845"/>
      <c r="D11" s="845"/>
      <c r="E11" s="845"/>
      <c r="F11" s="845"/>
      <c r="G11" s="845"/>
      <c r="H11" s="845"/>
      <c r="I11" s="845"/>
      <c r="J11" s="845"/>
      <c r="K11" s="845"/>
      <c r="L11" s="845"/>
      <c r="M11" s="845"/>
      <c r="N11" s="845"/>
      <c r="O11" s="845"/>
      <c r="P11" s="846"/>
      <c r="Q11" s="847"/>
      <c r="R11" s="848"/>
      <c r="S11" s="848"/>
      <c r="T11" s="848"/>
      <c r="U11" s="848"/>
      <c r="V11" s="848"/>
      <c r="W11" s="848"/>
      <c r="X11" s="848"/>
      <c r="Y11" s="848"/>
      <c r="Z11" s="848"/>
      <c r="AA11" s="848"/>
      <c r="AB11" s="848"/>
      <c r="AC11" s="848"/>
      <c r="AD11" s="848"/>
      <c r="AE11" s="849"/>
      <c r="AF11" s="850"/>
      <c r="AG11" s="851"/>
      <c r="AH11" s="851"/>
      <c r="AI11" s="851"/>
      <c r="AJ11" s="852"/>
      <c r="AK11" s="833"/>
      <c r="AL11" s="834"/>
      <c r="AM11" s="834"/>
      <c r="AN11" s="834"/>
      <c r="AO11" s="834"/>
      <c r="AP11" s="834"/>
      <c r="AQ11" s="834"/>
      <c r="AR11" s="834"/>
      <c r="AS11" s="834"/>
      <c r="AT11" s="834"/>
      <c r="AU11" s="835"/>
      <c r="AV11" s="835"/>
      <c r="AW11" s="835"/>
      <c r="AX11" s="835"/>
      <c r="AY11" s="836"/>
      <c r="AZ11" s="227"/>
      <c r="BA11" s="227"/>
      <c r="BB11" s="227"/>
      <c r="BC11" s="227"/>
      <c r="BD11" s="227"/>
      <c r="BE11" s="228"/>
      <c r="BF11" s="228"/>
      <c r="BG11" s="228"/>
      <c r="BH11" s="228"/>
      <c r="BI11" s="228"/>
      <c r="BJ11" s="228"/>
      <c r="BK11" s="228"/>
      <c r="BL11" s="228"/>
      <c r="BM11" s="228"/>
      <c r="BN11" s="228"/>
      <c r="BO11" s="228"/>
      <c r="BP11" s="228"/>
      <c r="BQ11" s="233">
        <v>5</v>
      </c>
      <c r="BR11" s="234"/>
      <c r="BS11" s="837"/>
      <c r="BT11" s="838"/>
      <c r="BU11" s="838"/>
      <c r="BV11" s="838"/>
      <c r="BW11" s="838"/>
      <c r="BX11" s="838"/>
      <c r="BY11" s="838"/>
      <c r="BZ11" s="838"/>
      <c r="CA11" s="838"/>
      <c r="CB11" s="838"/>
      <c r="CC11" s="838"/>
      <c r="CD11" s="838"/>
      <c r="CE11" s="838"/>
      <c r="CF11" s="838"/>
      <c r="CG11" s="839"/>
      <c r="CH11" s="840"/>
      <c r="CI11" s="841"/>
      <c r="CJ11" s="841"/>
      <c r="CK11" s="841"/>
      <c r="CL11" s="842"/>
      <c r="CM11" s="840"/>
      <c r="CN11" s="841"/>
      <c r="CO11" s="841"/>
      <c r="CP11" s="841"/>
      <c r="CQ11" s="842"/>
      <c r="CR11" s="840"/>
      <c r="CS11" s="841"/>
      <c r="CT11" s="841"/>
      <c r="CU11" s="841"/>
      <c r="CV11" s="842"/>
      <c r="CW11" s="840"/>
      <c r="CX11" s="841"/>
      <c r="CY11" s="841"/>
      <c r="CZ11" s="841"/>
      <c r="DA11" s="842"/>
      <c r="DB11" s="840"/>
      <c r="DC11" s="841"/>
      <c r="DD11" s="841"/>
      <c r="DE11" s="841"/>
      <c r="DF11" s="842"/>
      <c r="DG11" s="840"/>
      <c r="DH11" s="841"/>
      <c r="DI11" s="841"/>
      <c r="DJ11" s="841"/>
      <c r="DK11" s="842"/>
      <c r="DL11" s="840"/>
      <c r="DM11" s="841"/>
      <c r="DN11" s="841"/>
      <c r="DO11" s="841"/>
      <c r="DP11" s="842"/>
      <c r="DQ11" s="840"/>
      <c r="DR11" s="841"/>
      <c r="DS11" s="841"/>
      <c r="DT11" s="841"/>
      <c r="DU11" s="842"/>
      <c r="DV11" s="837"/>
      <c r="DW11" s="838"/>
      <c r="DX11" s="838"/>
      <c r="DY11" s="838"/>
      <c r="DZ11" s="843"/>
      <c r="EA11" s="229"/>
    </row>
    <row r="12" spans="1:131" s="230" customFormat="1" ht="26.25" customHeight="1" x14ac:dyDescent="0.2">
      <c r="A12" s="233">
        <v>6</v>
      </c>
      <c r="B12" s="844"/>
      <c r="C12" s="845"/>
      <c r="D12" s="845"/>
      <c r="E12" s="845"/>
      <c r="F12" s="845"/>
      <c r="G12" s="845"/>
      <c r="H12" s="845"/>
      <c r="I12" s="845"/>
      <c r="J12" s="845"/>
      <c r="K12" s="845"/>
      <c r="L12" s="845"/>
      <c r="M12" s="845"/>
      <c r="N12" s="845"/>
      <c r="O12" s="845"/>
      <c r="P12" s="846"/>
      <c r="Q12" s="847"/>
      <c r="R12" s="848"/>
      <c r="S12" s="848"/>
      <c r="T12" s="848"/>
      <c r="U12" s="848"/>
      <c r="V12" s="848"/>
      <c r="W12" s="848"/>
      <c r="X12" s="848"/>
      <c r="Y12" s="848"/>
      <c r="Z12" s="848"/>
      <c r="AA12" s="848"/>
      <c r="AB12" s="848"/>
      <c r="AC12" s="848"/>
      <c r="AD12" s="848"/>
      <c r="AE12" s="849"/>
      <c r="AF12" s="850"/>
      <c r="AG12" s="851"/>
      <c r="AH12" s="851"/>
      <c r="AI12" s="851"/>
      <c r="AJ12" s="852"/>
      <c r="AK12" s="833"/>
      <c r="AL12" s="834"/>
      <c r="AM12" s="834"/>
      <c r="AN12" s="834"/>
      <c r="AO12" s="834"/>
      <c r="AP12" s="834"/>
      <c r="AQ12" s="834"/>
      <c r="AR12" s="834"/>
      <c r="AS12" s="834"/>
      <c r="AT12" s="834"/>
      <c r="AU12" s="835"/>
      <c r="AV12" s="835"/>
      <c r="AW12" s="835"/>
      <c r="AX12" s="835"/>
      <c r="AY12" s="836"/>
      <c r="AZ12" s="227"/>
      <c r="BA12" s="227"/>
      <c r="BB12" s="227"/>
      <c r="BC12" s="227"/>
      <c r="BD12" s="227"/>
      <c r="BE12" s="228"/>
      <c r="BF12" s="228"/>
      <c r="BG12" s="228"/>
      <c r="BH12" s="228"/>
      <c r="BI12" s="228"/>
      <c r="BJ12" s="228"/>
      <c r="BK12" s="228"/>
      <c r="BL12" s="228"/>
      <c r="BM12" s="228"/>
      <c r="BN12" s="228"/>
      <c r="BO12" s="228"/>
      <c r="BP12" s="228"/>
      <c r="BQ12" s="233">
        <v>6</v>
      </c>
      <c r="BR12" s="234"/>
      <c r="BS12" s="837"/>
      <c r="BT12" s="838"/>
      <c r="BU12" s="838"/>
      <c r="BV12" s="838"/>
      <c r="BW12" s="838"/>
      <c r="BX12" s="838"/>
      <c r="BY12" s="838"/>
      <c r="BZ12" s="838"/>
      <c r="CA12" s="838"/>
      <c r="CB12" s="838"/>
      <c r="CC12" s="838"/>
      <c r="CD12" s="838"/>
      <c r="CE12" s="838"/>
      <c r="CF12" s="838"/>
      <c r="CG12" s="839"/>
      <c r="CH12" s="840"/>
      <c r="CI12" s="841"/>
      <c r="CJ12" s="841"/>
      <c r="CK12" s="841"/>
      <c r="CL12" s="842"/>
      <c r="CM12" s="840"/>
      <c r="CN12" s="841"/>
      <c r="CO12" s="841"/>
      <c r="CP12" s="841"/>
      <c r="CQ12" s="842"/>
      <c r="CR12" s="840"/>
      <c r="CS12" s="841"/>
      <c r="CT12" s="841"/>
      <c r="CU12" s="841"/>
      <c r="CV12" s="842"/>
      <c r="CW12" s="840"/>
      <c r="CX12" s="841"/>
      <c r="CY12" s="841"/>
      <c r="CZ12" s="841"/>
      <c r="DA12" s="842"/>
      <c r="DB12" s="840"/>
      <c r="DC12" s="841"/>
      <c r="DD12" s="841"/>
      <c r="DE12" s="841"/>
      <c r="DF12" s="842"/>
      <c r="DG12" s="840"/>
      <c r="DH12" s="841"/>
      <c r="DI12" s="841"/>
      <c r="DJ12" s="841"/>
      <c r="DK12" s="842"/>
      <c r="DL12" s="840"/>
      <c r="DM12" s="841"/>
      <c r="DN12" s="841"/>
      <c r="DO12" s="841"/>
      <c r="DP12" s="842"/>
      <c r="DQ12" s="840"/>
      <c r="DR12" s="841"/>
      <c r="DS12" s="841"/>
      <c r="DT12" s="841"/>
      <c r="DU12" s="842"/>
      <c r="DV12" s="837"/>
      <c r="DW12" s="838"/>
      <c r="DX12" s="838"/>
      <c r="DY12" s="838"/>
      <c r="DZ12" s="843"/>
      <c r="EA12" s="229"/>
    </row>
    <row r="13" spans="1:131" s="230" customFormat="1" ht="26.25" customHeight="1" x14ac:dyDescent="0.2">
      <c r="A13" s="233">
        <v>7</v>
      </c>
      <c r="B13" s="844"/>
      <c r="C13" s="845"/>
      <c r="D13" s="845"/>
      <c r="E13" s="845"/>
      <c r="F13" s="845"/>
      <c r="G13" s="845"/>
      <c r="H13" s="845"/>
      <c r="I13" s="845"/>
      <c r="J13" s="845"/>
      <c r="K13" s="845"/>
      <c r="L13" s="845"/>
      <c r="M13" s="845"/>
      <c r="N13" s="845"/>
      <c r="O13" s="845"/>
      <c r="P13" s="846"/>
      <c r="Q13" s="847"/>
      <c r="R13" s="848"/>
      <c r="S13" s="848"/>
      <c r="T13" s="848"/>
      <c r="U13" s="848"/>
      <c r="V13" s="848"/>
      <c r="W13" s="848"/>
      <c r="X13" s="848"/>
      <c r="Y13" s="848"/>
      <c r="Z13" s="848"/>
      <c r="AA13" s="848"/>
      <c r="AB13" s="848"/>
      <c r="AC13" s="848"/>
      <c r="AD13" s="848"/>
      <c r="AE13" s="849"/>
      <c r="AF13" s="850"/>
      <c r="AG13" s="851"/>
      <c r="AH13" s="851"/>
      <c r="AI13" s="851"/>
      <c r="AJ13" s="852"/>
      <c r="AK13" s="833"/>
      <c r="AL13" s="834"/>
      <c r="AM13" s="834"/>
      <c r="AN13" s="834"/>
      <c r="AO13" s="834"/>
      <c r="AP13" s="834"/>
      <c r="AQ13" s="834"/>
      <c r="AR13" s="834"/>
      <c r="AS13" s="834"/>
      <c r="AT13" s="834"/>
      <c r="AU13" s="835"/>
      <c r="AV13" s="835"/>
      <c r="AW13" s="835"/>
      <c r="AX13" s="835"/>
      <c r="AY13" s="836"/>
      <c r="AZ13" s="227"/>
      <c r="BA13" s="227"/>
      <c r="BB13" s="227"/>
      <c r="BC13" s="227"/>
      <c r="BD13" s="227"/>
      <c r="BE13" s="228"/>
      <c r="BF13" s="228"/>
      <c r="BG13" s="228"/>
      <c r="BH13" s="228"/>
      <c r="BI13" s="228"/>
      <c r="BJ13" s="228"/>
      <c r="BK13" s="228"/>
      <c r="BL13" s="228"/>
      <c r="BM13" s="228"/>
      <c r="BN13" s="228"/>
      <c r="BO13" s="228"/>
      <c r="BP13" s="228"/>
      <c r="BQ13" s="233">
        <v>7</v>
      </c>
      <c r="BR13" s="234"/>
      <c r="BS13" s="837"/>
      <c r="BT13" s="838"/>
      <c r="BU13" s="838"/>
      <c r="BV13" s="838"/>
      <c r="BW13" s="838"/>
      <c r="BX13" s="838"/>
      <c r="BY13" s="838"/>
      <c r="BZ13" s="838"/>
      <c r="CA13" s="838"/>
      <c r="CB13" s="838"/>
      <c r="CC13" s="838"/>
      <c r="CD13" s="838"/>
      <c r="CE13" s="838"/>
      <c r="CF13" s="838"/>
      <c r="CG13" s="839"/>
      <c r="CH13" s="840"/>
      <c r="CI13" s="841"/>
      <c r="CJ13" s="841"/>
      <c r="CK13" s="841"/>
      <c r="CL13" s="842"/>
      <c r="CM13" s="840"/>
      <c r="CN13" s="841"/>
      <c r="CO13" s="841"/>
      <c r="CP13" s="841"/>
      <c r="CQ13" s="842"/>
      <c r="CR13" s="840"/>
      <c r="CS13" s="841"/>
      <c r="CT13" s="841"/>
      <c r="CU13" s="841"/>
      <c r="CV13" s="842"/>
      <c r="CW13" s="840"/>
      <c r="CX13" s="841"/>
      <c r="CY13" s="841"/>
      <c r="CZ13" s="841"/>
      <c r="DA13" s="842"/>
      <c r="DB13" s="840"/>
      <c r="DC13" s="841"/>
      <c r="DD13" s="841"/>
      <c r="DE13" s="841"/>
      <c r="DF13" s="842"/>
      <c r="DG13" s="840"/>
      <c r="DH13" s="841"/>
      <c r="DI13" s="841"/>
      <c r="DJ13" s="841"/>
      <c r="DK13" s="842"/>
      <c r="DL13" s="840"/>
      <c r="DM13" s="841"/>
      <c r="DN13" s="841"/>
      <c r="DO13" s="841"/>
      <c r="DP13" s="842"/>
      <c r="DQ13" s="840"/>
      <c r="DR13" s="841"/>
      <c r="DS13" s="841"/>
      <c r="DT13" s="841"/>
      <c r="DU13" s="842"/>
      <c r="DV13" s="837"/>
      <c r="DW13" s="838"/>
      <c r="DX13" s="838"/>
      <c r="DY13" s="838"/>
      <c r="DZ13" s="843"/>
      <c r="EA13" s="229"/>
    </row>
    <row r="14" spans="1:131" s="230" customFormat="1" ht="26.25" customHeight="1" x14ac:dyDescent="0.2">
      <c r="A14" s="233">
        <v>8</v>
      </c>
      <c r="B14" s="844"/>
      <c r="C14" s="845"/>
      <c r="D14" s="845"/>
      <c r="E14" s="845"/>
      <c r="F14" s="845"/>
      <c r="G14" s="845"/>
      <c r="H14" s="845"/>
      <c r="I14" s="845"/>
      <c r="J14" s="845"/>
      <c r="K14" s="845"/>
      <c r="L14" s="845"/>
      <c r="M14" s="845"/>
      <c r="N14" s="845"/>
      <c r="O14" s="845"/>
      <c r="P14" s="846"/>
      <c r="Q14" s="847"/>
      <c r="R14" s="848"/>
      <c r="S14" s="848"/>
      <c r="T14" s="848"/>
      <c r="U14" s="848"/>
      <c r="V14" s="848"/>
      <c r="W14" s="848"/>
      <c r="X14" s="848"/>
      <c r="Y14" s="848"/>
      <c r="Z14" s="848"/>
      <c r="AA14" s="848"/>
      <c r="AB14" s="848"/>
      <c r="AC14" s="848"/>
      <c r="AD14" s="848"/>
      <c r="AE14" s="849"/>
      <c r="AF14" s="850"/>
      <c r="AG14" s="851"/>
      <c r="AH14" s="851"/>
      <c r="AI14" s="851"/>
      <c r="AJ14" s="852"/>
      <c r="AK14" s="833"/>
      <c r="AL14" s="834"/>
      <c r="AM14" s="834"/>
      <c r="AN14" s="834"/>
      <c r="AO14" s="834"/>
      <c r="AP14" s="834"/>
      <c r="AQ14" s="834"/>
      <c r="AR14" s="834"/>
      <c r="AS14" s="834"/>
      <c r="AT14" s="834"/>
      <c r="AU14" s="835"/>
      <c r="AV14" s="835"/>
      <c r="AW14" s="835"/>
      <c r="AX14" s="835"/>
      <c r="AY14" s="836"/>
      <c r="AZ14" s="227"/>
      <c r="BA14" s="227"/>
      <c r="BB14" s="227"/>
      <c r="BC14" s="227"/>
      <c r="BD14" s="227"/>
      <c r="BE14" s="228"/>
      <c r="BF14" s="228"/>
      <c r="BG14" s="228"/>
      <c r="BH14" s="228"/>
      <c r="BI14" s="228"/>
      <c r="BJ14" s="228"/>
      <c r="BK14" s="228"/>
      <c r="BL14" s="228"/>
      <c r="BM14" s="228"/>
      <c r="BN14" s="228"/>
      <c r="BO14" s="228"/>
      <c r="BP14" s="228"/>
      <c r="BQ14" s="233">
        <v>8</v>
      </c>
      <c r="BR14" s="234"/>
      <c r="BS14" s="837"/>
      <c r="BT14" s="838"/>
      <c r="BU14" s="838"/>
      <c r="BV14" s="838"/>
      <c r="BW14" s="838"/>
      <c r="BX14" s="838"/>
      <c r="BY14" s="838"/>
      <c r="BZ14" s="838"/>
      <c r="CA14" s="838"/>
      <c r="CB14" s="838"/>
      <c r="CC14" s="838"/>
      <c r="CD14" s="838"/>
      <c r="CE14" s="838"/>
      <c r="CF14" s="838"/>
      <c r="CG14" s="839"/>
      <c r="CH14" s="840"/>
      <c r="CI14" s="841"/>
      <c r="CJ14" s="841"/>
      <c r="CK14" s="841"/>
      <c r="CL14" s="842"/>
      <c r="CM14" s="840"/>
      <c r="CN14" s="841"/>
      <c r="CO14" s="841"/>
      <c r="CP14" s="841"/>
      <c r="CQ14" s="842"/>
      <c r="CR14" s="840"/>
      <c r="CS14" s="841"/>
      <c r="CT14" s="841"/>
      <c r="CU14" s="841"/>
      <c r="CV14" s="842"/>
      <c r="CW14" s="840"/>
      <c r="CX14" s="841"/>
      <c r="CY14" s="841"/>
      <c r="CZ14" s="841"/>
      <c r="DA14" s="842"/>
      <c r="DB14" s="840"/>
      <c r="DC14" s="841"/>
      <c r="DD14" s="841"/>
      <c r="DE14" s="841"/>
      <c r="DF14" s="842"/>
      <c r="DG14" s="840"/>
      <c r="DH14" s="841"/>
      <c r="DI14" s="841"/>
      <c r="DJ14" s="841"/>
      <c r="DK14" s="842"/>
      <c r="DL14" s="840"/>
      <c r="DM14" s="841"/>
      <c r="DN14" s="841"/>
      <c r="DO14" s="841"/>
      <c r="DP14" s="842"/>
      <c r="DQ14" s="840"/>
      <c r="DR14" s="841"/>
      <c r="DS14" s="841"/>
      <c r="DT14" s="841"/>
      <c r="DU14" s="842"/>
      <c r="DV14" s="837"/>
      <c r="DW14" s="838"/>
      <c r="DX14" s="838"/>
      <c r="DY14" s="838"/>
      <c r="DZ14" s="843"/>
      <c r="EA14" s="229"/>
    </row>
    <row r="15" spans="1:131" s="230" customFormat="1" ht="26.25" customHeight="1" x14ac:dyDescent="0.2">
      <c r="A15" s="233">
        <v>9</v>
      </c>
      <c r="B15" s="844"/>
      <c r="C15" s="845"/>
      <c r="D15" s="845"/>
      <c r="E15" s="845"/>
      <c r="F15" s="845"/>
      <c r="G15" s="845"/>
      <c r="H15" s="845"/>
      <c r="I15" s="845"/>
      <c r="J15" s="845"/>
      <c r="K15" s="845"/>
      <c r="L15" s="845"/>
      <c r="M15" s="845"/>
      <c r="N15" s="845"/>
      <c r="O15" s="845"/>
      <c r="P15" s="846"/>
      <c r="Q15" s="847"/>
      <c r="R15" s="848"/>
      <c r="S15" s="848"/>
      <c r="T15" s="848"/>
      <c r="U15" s="848"/>
      <c r="V15" s="848"/>
      <c r="W15" s="848"/>
      <c r="X15" s="848"/>
      <c r="Y15" s="848"/>
      <c r="Z15" s="848"/>
      <c r="AA15" s="848"/>
      <c r="AB15" s="848"/>
      <c r="AC15" s="848"/>
      <c r="AD15" s="848"/>
      <c r="AE15" s="849"/>
      <c r="AF15" s="850"/>
      <c r="AG15" s="851"/>
      <c r="AH15" s="851"/>
      <c r="AI15" s="851"/>
      <c r="AJ15" s="852"/>
      <c r="AK15" s="833"/>
      <c r="AL15" s="834"/>
      <c r="AM15" s="834"/>
      <c r="AN15" s="834"/>
      <c r="AO15" s="834"/>
      <c r="AP15" s="834"/>
      <c r="AQ15" s="834"/>
      <c r="AR15" s="834"/>
      <c r="AS15" s="834"/>
      <c r="AT15" s="834"/>
      <c r="AU15" s="835"/>
      <c r="AV15" s="835"/>
      <c r="AW15" s="835"/>
      <c r="AX15" s="835"/>
      <c r="AY15" s="836"/>
      <c r="AZ15" s="227"/>
      <c r="BA15" s="227"/>
      <c r="BB15" s="227"/>
      <c r="BC15" s="227"/>
      <c r="BD15" s="227"/>
      <c r="BE15" s="228"/>
      <c r="BF15" s="228"/>
      <c r="BG15" s="228"/>
      <c r="BH15" s="228"/>
      <c r="BI15" s="228"/>
      <c r="BJ15" s="228"/>
      <c r="BK15" s="228"/>
      <c r="BL15" s="228"/>
      <c r="BM15" s="228"/>
      <c r="BN15" s="228"/>
      <c r="BO15" s="228"/>
      <c r="BP15" s="228"/>
      <c r="BQ15" s="233">
        <v>9</v>
      </c>
      <c r="BR15" s="234"/>
      <c r="BS15" s="837"/>
      <c r="BT15" s="838"/>
      <c r="BU15" s="838"/>
      <c r="BV15" s="838"/>
      <c r="BW15" s="838"/>
      <c r="BX15" s="838"/>
      <c r="BY15" s="838"/>
      <c r="BZ15" s="838"/>
      <c r="CA15" s="838"/>
      <c r="CB15" s="838"/>
      <c r="CC15" s="838"/>
      <c r="CD15" s="838"/>
      <c r="CE15" s="838"/>
      <c r="CF15" s="838"/>
      <c r="CG15" s="839"/>
      <c r="CH15" s="840"/>
      <c r="CI15" s="841"/>
      <c r="CJ15" s="841"/>
      <c r="CK15" s="841"/>
      <c r="CL15" s="842"/>
      <c r="CM15" s="840"/>
      <c r="CN15" s="841"/>
      <c r="CO15" s="841"/>
      <c r="CP15" s="841"/>
      <c r="CQ15" s="842"/>
      <c r="CR15" s="840"/>
      <c r="CS15" s="841"/>
      <c r="CT15" s="841"/>
      <c r="CU15" s="841"/>
      <c r="CV15" s="842"/>
      <c r="CW15" s="840"/>
      <c r="CX15" s="841"/>
      <c r="CY15" s="841"/>
      <c r="CZ15" s="841"/>
      <c r="DA15" s="842"/>
      <c r="DB15" s="840"/>
      <c r="DC15" s="841"/>
      <c r="DD15" s="841"/>
      <c r="DE15" s="841"/>
      <c r="DF15" s="842"/>
      <c r="DG15" s="840"/>
      <c r="DH15" s="841"/>
      <c r="DI15" s="841"/>
      <c r="DJ15" s="841"/>
      <c r="DK15" s="842"/>
      <c r="DL15" s="840"/>
      <c r="DM15" s="841"/>
      <c r="DN15" s="841"/>
      <c r="DO15" s="841"/>
      <c r="DP15" s="842"/>
      <c r="DQ15" s="840"/>
      <c r="DR15" s="841"/>
      <c r="DS15" s="841"/>
      <c r="DT15" s="841"/>
      <c r="DU15" s="842"/>
      <c r="DV15" s="837"/>
      <c r="DW15" s="838"/>
      <c r="DX15" s="838"/>
      <c r="DY15" s="838"/>
      <c r="DZ15" s="843"/>
      <c r="EA15" s="229"/>
    </row>
    <row r="16" spans="1:131" s="230" customFormat="1" ht="26.25" customHeight="1" x14ac:dyDescent="0.2">
      <c r="A16" s="233">
        <v>10</v>
      </c>
      <c r="B16" s="844"/>
      <c r="C16" s="845"/>
      <c r="D16" s="845"/>
      <c r="E16" s="845"/>
      <c r="F16" s="845"/>
      <c r="G16" s="845"/>
      <c r="H16" s="845"/>
      <c r="I16" s="845"/>
      <c r="J16" s="845"/>
      <c r="K16" s="845"/>
      <c r="L16" s="845"/>
      <c r="M16" s="845"/>
      <c r="N16" s="845"/>
      <c r="O16" s="845"/>
      <c r="P16" s="846"/>
      <c r="Q16" s="847"/>
      <c r="R16" s="848"/>
      <c r="S16" s="848"/>
      <c r="T16" s="848"/>
      <c r="U16" s="848"/>
      <c r="V16" s="848"/>
      <c r="W16" s="848"/>
      <c r="X16" s="848"/>
      <c r="Y16" s="848"/>
      <c r="Z16" s="848"/>
      <c r="AA16" s="848"/>
      <c r="AB16" s="848"/>
      <c r="AC16" s="848"/>
      <c r="AD16" s="848"/>
      <c r="AE16" s="849"/>
      <c r="AF16" s="850"/>
      <c r="AG16" s="851"/>
      <c r="AH16" s="851"/>
      <c r="AI16" s="851"/>
      <c r="AJ16" s="852"/>
      <c r="AK16" s="833"/>
      <c r="AL16" s="834"/>
      <c r="AM16" s="834"/>
      <c r="AN16" s="834"/>
      <c r="AO16" s="834"/>
      <c r="AP16" s="834"/>
      <c r="AQ16" s="834"/>
      <c r="AR16" s="834"/>
      <c r="AS16" s="834"/>
      <c r="AT16" s="834"/>
      <c r="AU16" s="835"/>
      <c r="AV16" s="835"/>
      <c r="AW16" s="835"/>
      <c r="AX16" s="835"/>
      <c r="AY16" s="836"/>
      <c r="AZ16" s="227"/>
      <c r="BA16" s="227"/>
      <c r="BB16" s="227"/>
      <c r="BC16" s="227"/>
      <c r="BD16" s="227"/>
      <c r="BE16" s="228"/>
      <c r="BF16" s="228"/>
      <c r="BG16" s="228"/>
      <c r="BH16" s="228"/>
      <c r="BI16" s="228"/>
      <c r="BJ16" s="228"/>
      <c r="BK16" s="228"/>
      <c r="BL16" s="228"/>
      <c r="BM16" s="228"/>
      <c r="BN16" s="228"/>
      <c r="BO16" s="228"/>
      <c r="BP16" s="228"/>
      <c r="BQ16" s="233">
        <v>10</v>
      </c>
      <c r="BR16" s="234"/>
      <c r="BS16" s="837"/>
      <c r="BT16" s="838"/>
      <c r="BU16" s="838"/>
      <c r="BV16" s="838"/>
      <c r="BW16" s="838"/>
      <c r="BX16" s="838"/>
      <c r="BY16" s="838"/>
      <c r="BZ16" s="838"/>
      <c r="CA16" s="838"/>
      <c r="CB16" s="838"/>
      <c r="CC16" s="838"/>
      <c r="CD16" s="838"/>
      <c r="CE16" s="838"/>
      <c r="CF16" s="838"/>
      <c r="CG16" s="839"/>
      <c r="CH16" s="840"/>
      <c r="CI16" s="841"/>
      <c r="CJ16" s="841"/>
      <c r="CK16" s="841"/>
      <c r="CL16" s="842"/>
      <c r="CM16" s="840"/>
      <c r="CN16" s="841"/>
      <c r="CO16" s="841"/>
      <c r="CP16" s="841"/>
      <c r="CQ16" s="842"/>
      <c r="CR16" s="840"/>
      <c r="CS16" s="841"/>
      <c r="CT16" s="841"/>
      <c r="CU16" s="841"/>
      <c r="CV16" s="842"/>
      <c r="CW16" s="840"/>
      <c r="CX16" s="841"/>
      <c r="CY16" s="841"/>
      <c r="CZ16" s="841"/>
      <c r="DA16" s="842"/>
      <c r="DB16" s="840"/>
      <c r="DC16" s="841"/>
      <c r="DD16" s="841"/>
      <c r="DE16" s="841"/>
      <c r="DF16" s="842"/>
      <c r="DG16" s="840"/>
      <c r="DH16" s="841"/>
      <c r="DI16" s="841"/>
      <c r="DJ16" s="841"/>
      <c r="DK16" s="842"/>
      <c r="DL16" s="840"/>
      <c r="DM16" s="841"/>
      <c r="DN16" s="841"/>
      <c r="DO16" s="841"/>
      <c r="DP16" s="842"/>
      <c r="DQ16" s="840"/>
      <c r="DR16" s="841"/>
      <c r="DS16" s="841"/>
      <c r="DT16" s="841"/>
      <c r="DU16" s="842"/>
      <c r="DV16" s="837"/>
      <c r="DW16" s="838"/>
      <c r="DX16" s="838"/>
      <c r="DY16" s="838"/>
      <c r="DZ16" s="843"/>
      <c r="EA16" s="229"/>
    </row>
    <row r="17" spans="1:131" s="230" customFormat="1" ht="26.25" customHeight="1" x14ac:dyDescent="0.2">
      <c r="A17" s="233">
        <v>11</v>
      </c>
      <c r="B17" s="844"/>
      <c r="C17" s="845"/>
      <c r="D17" s="845"/>
      <c r="E17" s="845"/>
      <c r="F17" s="845"/>
      <c r="G17" s="845"/>
      <c r="H17" s="845"/>
      <c r="I17" s="845"/>
      <c r="J17" s="845"/>
      <c r="K17" s="845"/>
      <c r="L17" s="845"/>
      <c r="M17" s="845"/>
      <c r="N17" s="845"/>
      <c r="O17" s="845"/>
      <c r="P17" s="846"/>
      <c r="Q17" s="847"/>
      <c r="R17" s="848"/>
      <c r="S17" s="848"/>
      <c r="T17" s="848"/>
      <c r="U17" s="848"/>
      <c r="V17" s="848"/>
      <c r="W17" s="848"/>
      <c r="X17" s="848"/>
      <c r="Y17" s="848"/>
      <c r="Z17" s="848"/>
      <c r="AA17" s="848"/>
      <c r="AB17" s="848"/>
      <c r="AC17" s="848"/>
      <c r="AD17" s="848"/>
      <c r="AE17" s="849"/>
      <c r="AF17" s="850"/>
      <c r="AG17" s="851"/>
      <c r="AH17" s="851"/>
      <c r="AI17" s="851"/>
      <c r="AJ17" s="852"/>
      <c r="AK17" s="833"/>
      <c r="AL17" s="834"/>
      <c r="AM17" s="834"/>
      <c r="AN17" s="834"/>
      <c r="AO17" s="834"/>
      <c r="AP17" s="834"/>
      <c r="AQ17" s="834"/>
      <c r="AR17" s="834"/>
      <c r="AS17" s="834"/>
      <c r="AT17" s="834"/>
      <c r="AU17" s="835"/>
      <c r="AV17" s="835"/>
      <c r="AW17" s="835"/>
      <c r="AX17" s="835"/>
      <c r="AY17" s="836"/>
      <c r="AZ17" s="227"/>
      <c r="BA17" s="227"/>
      <c r="BB17" s="227"/>
      <c r="BC17" s="227"/>
      <c r="BD17" s="227"/>
      <c r="BE17" s="228"/>
      <c r="BF17" s="228"/>
      <c r="BG17" s="228"/>
      <c r="BH17" s="228"/>
      <c r="BI17" s="228"/>
      <c r="BJ17" s="228"/>
      <c r="BK17" s="228"/>
      <c r="BL17" s="228"/>
      <c r="BM17" s="228"/>
      <c r="BN17" s="228"/>
      <c r="BO17" s="228"/>
      <c r="BP17" s="228"/>
      <c r="BQ17" s="233">
        <v>11</v>
      </c>
      <c r="BR17" s="234"/>
      <c r="BS17" s="837"/>
      <c r="BT17" s="838"/>
      <c r="BU17" s="838"/>
      <c r="BV17" s="838"/>
      <c r="BW17" s="838"/>
      <c r="BX17" s="838"/>
      <c r="BY17" s="838"/>
      <c r="BZ17" s="838"/>
      <c r="CA17" s="838"/>
      <c r="CB17" s="838"/>
      <c r="CC17" s="838"/>
      <c r="CD17" s="838"/>
      <c r="CE17" s="838"/>
      <c r="CF17" s="838"/>
      <c r="CG17" s="839"/>
      <c r="CH17" s="840"/>
      <c r="CI17" s="841"/>
      <c r="CJ17" s="841"/>
      <c r="CK17" s="841"/>
      <c r="CL17" s="842"/>
      <c r="CM17" s="840"/>
      <c r="CN17" s="841"/>
      <c r="CO17" s="841"/>
      <c r="CP17" s="841"/>
      <c r="CQ17" s="842"/>
      <c r="CR17" s="840"/>
      <c r="CS17" s="841"/>
      <c r="CT17" s="841"/>
      <c r="CU17" s="841"/>
      <c r="CV17" s="842"/>
      <c r="CW17" s="840"/>
      <c r="CX17" s="841"/>
      <c r="CY17" s="841"/>
      <c r="CZ17" s="841"/>
      <c r="DA17" s="842"/>
      <c r="DB17" s="840"/>
      <c r="DC17" s="841"/>
      <c r="DD17" s="841"/>
      <c r="DE17" s="841"/>
      <c r="DF17" s="842"/>
      <c r="DG17" s="840"/>
      <c r="DH17" s="841"/>
      <c r="DI17" s="841"/>
      <c r="DJ17" s="841"/>
      <c r="DK17" s="842"/>
      <c r="DL17" s="840"/>
      <c r="DM17" s="841"/>
      <c r="DN17" s="841"/>
      <c r="DO17" s="841"/>
      <c r="DP17" s="842"/>
      <c r="DQ17" s="840"/>
      <c r="DR17" s="841"/>
      <c r="DS17" s="841"/>
      <c r="DT17" s="841"/>
      <c r="DU17" s="842"/>
      <c r="DV17" s="837"/>
      <c r="DW17" s="838"/>
      <c r="DX17" s="838"/>
      <c r="DY17" s="838"/>
      <c r="DZ17" s="843"/>
      <c r="EA17" s="229"/>
    </row>
    <row r="18" spans="1:131" s="230" customFormat="1" ht="26.25" customHeight="1" x14ac:dyDescent="0.2">
      <c r="A18" s="233">
        <v>12</v>
      </c>
      <c r="B18" s="844"/>
      <c r="C18" s="845"/>
      <c r="D18" s="845"/>
      <c r="E18" s="845"/>
      <c r="F18" s="845"/>
      <c r="G18" s="845"/>
      <c r="H18" s="845"/>
      <c r="I18" s="845"/>
      <c r="J18" s="845"/>
      <c r="K18" s="845"/>
      <c r="L18" s="845"/>
      <c r="M18" s="845"/>
      <c r="N18" s="845"/>
      <c r="O18" s="845"/>
      <c r="P18" s="846"/>
      <c r="Q18" s="847"/>
      <c r="R18" s="848"/>
      <c r="S18" s="848"/>
      <c r="T18" s="848"/>
      <c r="U18" s="848"/>
      <c r="V18" s="848"/>
      <c r="W18" s="848"/>
      <c r="X18" s="848"/>
      <c r="Y18" s="848"/>
      <c r="Z18" s="848"/>
      <c r="AA18" s="848"/>
      <c r="AB18" s="848"/>
      <c r="AC18" s="848"/>
      <c r="AD18" s="848"/>
      <c r="AE18" s="849"/>
      <c r="AF18" s="850"/>
      <c r="AG18" s="851"/>
      <c r="AH18" s="851"/>
      <c r="AI18" s="851"/>
      <c r="AJ18" s="852"/>
      <c r="AK18" s="833"/>
      <c r="AL18" s="834"/>
      <c r="AM18" s="834"/>
      <c r="AN18" s="834"/>
      <c r="AO18" s="834"/>
      <c r="AP18" s="834"/>
      <c r="AQ18" s="834"/>
      <c r="AR18" s="834"/>
      <c r="AS18" s="834"/>
      <c r="AT18" s="834"/>
      <c r="AU18" s="835"/>
      <c r="AV18" s="835"/>
      <c r="AW18" s="835"/>
      <c r="AX18" s="835"/>
      <c r="AY18" s="836"/>
      <c r="AZ18" s="227"/>
      <c r="BA18" s="227"/>
      <c r="BB18" s="227"/>
      <c r="BC18" s="227"/>
      <c r="BD18" s="227"/>
      <c r="BE18" s="228"/>
      <c r="BF18" s="228"/>
      <c r="BG18" s="228"/>
      <c r="BH18" s="228"/>
      <c r="BI18" s="228"/>
      <c r="BJ18" s="228"/>
      <c r="BK18" s="228"/>
      <c r="BL18" s="228"/>
      <c r="BM18" s="228"/>
      <c r="BN18" s="228"/>
      <c r="BO18" s="228"/>
      <c r="BP18" s="228"/>
      <c r="BQ18" s="233">
        <v>12</v>
      </c>
      <c r="BR18" s="234"/>
      <c r="BS18" s="837"/>
      <c r="BT18" s="838"/>
      <c r="BU18" s="838"/>
      <c r="BV18" s="838"/>
      <c r="BW18" s="838"/>
      <c r="BX18" s="838"/>
      <c r="BY18" s="838"/>
      <c r="BZ18" s="838"/>
      <c r="CA18" s="838"/>
      <c r="CB18" s="838"/>
      <c r="CC18" s="838"/>
      <c r="CD18" s="838"/>
      <c r="CE18" s="838"/>
      <c r="CF18" s="838"/>
      <c r="CG18" s="839"/>
      <c r="CH18" s="840"/>
      <c r="CI18" s="841"/>
      <c r="CJ18" s="841"/>
      <c r="CK18" s="841"/>
      <c r="CL18" s="842"/>
      <c r="CM18" s="840"/>
      <c r="CN18" s="841"/>
      <c r="CO18" s="841"/>
      <c r="CP18" s="841"/>
      <c r="CQ18" s="842"/>
      <c r="CR18" s="840"/>
      <c r="CS18" s="841"/>
      <c r="CT18" s="841"/>
      <c r="CU18" s="841"/>
      <c r="CV18" s="842"/>
      <c r="CW18" s="840"/>
      <c r="CX18" s="841"/>
      <c r="CY18" s="841"/>
      <c r="CZ18" s="841"/>
      <c r="DA18" s="842"/>
      <c r="DB18" s="840"/>
      <c r="DC18" s="841"/>
      <c r="DD18" s="841"/>
      <c r="DE18" s="841"/>
      <c r="DF18" s="842"/>
      <c r="DG18" s="840"/>
      <c r="DH18" s="841"/>
      <c r="DI18" s="841"/>
      <c r="DJ18" s="841"/>
      <c r="DK18" s="842"/>
      <c r="DL18" s="840"/>
      <c r="DM18" s="841"/>
      <c r="DN18" s="841"/>
      <c r="DO18" s="841"/>
      <c r="DP18" s="842"/>
      <c r="DQ18" s="840"/>
      <c r="DR18" s="841"/>
      <c r="DS18" s="841"/>
      <c r="DT18" s="841"/>
      <c r="DU18" s="842"/>
      <c r="DV18" s="837"/>
      <c r="DW18" s="838"/>
      <c r="DX18" s="838"/>
      <c r="DY18" s="838"/>
      <c r="DZ18" s="843"/>
      <c r="EA18" s="229"/>
    </row>
    <row r="19" spans="1:131" s="230" customFormat="1" ht="26.25" customHeight="1" x14ac:dyDescent="0.2">
      <c r="A19" s="233">
        <v>13</v>
      </c>
      <c r="B19" s="844"/>
      <c r="C19" s="845"/>
      <c r="D19" s="845"/>
      <c r="E19" s="845"/>
      <c r="F19" s="845"/>
      <c r="G19" s="845"/>
      <c r="H19" s="845"/>
      <c r="I19" s="845"/>
      <c r="J19" s="845"/>
      <c r="K19" s="845"/>
      <c r="L19" s="845"/>
      <c r="M19" s="845"/>
      <c r="N19" s="845"/>
      <c r="O19" s="845"/>
      <c r="P19" s="846"/>
      <c r="Q19" s="847"/>
      <c r="R19" s="848"/>
      <c r="S19" s="848"/>
      <c r="T19" s="848"/>
      <c r="U19" s="848"/>
      <c r="V19" s="848"/>
      <c r="W19" s="848"/>
      <c r="X19" s="848"/>
      <c r="Y19" s="848"/>
      <c r="Z19" s="848"/>
      <c r="AA19" s="848"/>
      <c r="AB19" s="848"/>
      <c r="AC19" s="848"/>
      <c r="AD19" s="848"/>
      <c r="AE19" s="849"/>
      <c r="AF19" s="850"/>
      <c r="AG19" s="851"/>
      <c r="AH19" s="851"/>
      <c r="AI19" s="851"/>
      <c r="AJ19" s="852"/>
      <c r="AK19" s="833"/>
      <c r="AL19" s="834"/>
      <c r="AM19" s="834"/>
      <c r="AN19" s="834"/>
      <c r="AO19" s="834"/>
      <c r="AP19" s="834"/>
      <c r="AQ19" s="834"/>
      <c r="AR19" s="834"/>
      <c r="AS19" s="834"/>
      <c r="AT19" s="834"/>
      <c r="AU19" s="835"/>
      <c r="AV19" s="835"/>
      <c r="AW19" s="835"/>
      <c r="AX19" s="835"/>
      <c r="AY19" s="836"/>
      <c r="AZ19" s="227"/>
      <c r="BA19" s="227"/>
      <c r="BB19" s="227"/>
      <c r="BC19" s="227"/>
      <c r="BD19" s="227"/>
      <c r="BE19" s="228"/>
      <c r="BF19" s="228"/>
      <c r="BG19" s="228"/>
      <c r="BH19" s="228"/>
      <c r="BI19" s="228"/>
      <c r="BJ19" s="228"/>
      <c r="BK19" s="228"/>
      <c r="BL19" s="228"/>
      <c r="BM19" s="228"/>
      <c r="BN19" s="228"/>
      <c r="BO19" s="228"/>
      <c r="BP19" s="228"/>
      <c r="BQ19" s="233">
        <v>13</v>
      </c>
      <c r="BR19" s="234"/>
      <c r="BS19" s="837"/>
      <c r="BT19" s="838"/>
      <c r="BU19" s="838"/>
      <c r="BV19" s="838"/>
      <c r="BW19" s="838"/>
      <c r="BX19" s="838"/>
      <c r="BY19" s="838"/>
      <c r="BZ19" s="838"/>
      <c r="CA19" s="838"/>
      <c r="CB19" s="838"/>
      <c r="CC19" s="838"/>
      <c r="CD19" s="838"/>
      <c r="CE19" s="838"/>
      <c r="CF19" s="838"/>
      <c r="CG19" s="839"/>
      <c r="CH19" s="840"/>
      <c r="CI19" s="841"/>
      <c r="CJ19" s="841"/>
      <c r="CK19" s="841"/>
      <c r="CL19" s="842"/>
      <c r="CM19" s="840"/>
      <c r="CN19" s="841"/>
      <c r="CO19" s="841"/>
      <c r="CP19" s="841"/>
      <c r="CQ19" s="842"/>
      <c r="CR19" s="840"/>
      <c r="CS19" s="841"/>
      <c r="CT19" s="841"/>
      <c r="CU19" s="841"/>
      <c r="CV19" s="842"/>
      <c r="CW19" s="840"/>
      <c r="CX19" s="841"/>
      <c r="CY19" s="841"/>
      <c r="CZ19" s="841"/>
      <c r="DA19" s="842"/>
      <c r="DB19" s="840"/>
      <c r="DC19" s="841"/>
      <c r="DD19" s="841"/>
      <c r="DE19" s="841"/>
      <c r="DF19" s="842"/>
      <c r="DG19" s="840"/>
      <c r="DH19" s="841"/>
      <c r="DI19" s="841"/>
      <c r="DJ19" s="841"/>
      <c r="DK19" s="842"/>
      <c r="DL19" s="840"/>
      <c r="DM19" s="841"/>
      <c r="DN19" s="841"/>
      <c r="DO19" s="841"/>
      <c r="DP19" s="842"/>
      <c r="DQ19" s="840"/>
      <c r="DR19" s="841"/>
      <c r="DS19" s="841"/>
      <c r="DT19" s="841"/>
      <c r="DU19" s="842"/>
      <c r="DV19" s="837"/>
      <c r="DW19" s="838"/>
      <c r="DX19" s="838"/>
      <c r="DY19" s="838"/>
      <c r="DZ19" s="843"/>
      <c r="EA19" s="229"/>
    </row>
    <row r="20" spans="1:131" s="230" customFormat="1" ht="26.25" customHeight="1" x14ac:dyDescent="0.2">
      <c r="A20" s="233">
        <v>14</v>
      </c>
      <c r="B20" s="844"/>
      <c r="C20" s="845"/>
      <c r="D20" s="845"/>
      <c r="E20" s="845"/>
      <c r="F20" s="845"/>
      <c r="G20" s="845"/>
      <c r="H20" s="845"/>
      <c r="I20" s="845"/>
      <c r="J20" s="845"/>
      <c r="K20" s="845"/>
      <c r="L20" s="845"/>
      <c r="M20" s="845"/>
      <c r="N20" s="845"/>
      <c r="O20" s="845"/>
      <c r="P20" s="846"/>
      <c r="Q20" s="847"/>
      <c r="R20" s="848"/>
      <c r="S20" s="848"/>
      <c r="T20" s="848"/>
      <c r="U20" s="848"/>
      <c r="V20" s="848"/>
      <c r="W20" s="848"/>
      <c r="X20" s="848"/>
      <c r="Y20" s="848"/>
      <c r="Z20" s="848"/>
      <c r="AA20" s="848"/>
      <c r="AB20" s="848"/>
      <c r="AC20" s="848"/>
      <c r="AD20" s="848"/>
      <c r="AE20" s="849"/>
      <c r="AF20" s="850"/>
      <c r="AG20" s="851"/>
      <c r="AH20" s="851"/>
      <c r="AI20" s="851"/>
      <c r="AJ20" s="852"/>
      <c r="AK20" s="833"/>
      <c r="AL20" s="834"/>
      <c r="AM20" s="834"/>
      <c r="AN20" s="834"/>
      <c r="AO20" s="834"/>
      <c r="AP20" s="834"/>
      <c r="AQ20" s="834"/>
      <c r="AR20" s="834"/>
      <c r="AS20" s="834"/>
      <c r="AT20" s="834"/>
      <c r="AU20" s="835"/>
      <c r="AV20" s="835"/>
      <c r="AW20" s="835"/>
      <c r="AX20" s="835"/>
      <c r="AY20" s="836"/>
      <c r="AZ20" s="227"/>
      <c r="BA20" s="227"/>
      <c r="BB20" s="227"/>
      <c r="BC20" s="227"/>
      <c r="BD20" s="227"/>
      <c r="BE20" s="228"/>
      <c r="BF20" s="228"/>
      <c r="BG20" s="228"/>
      <c r="BH20" s="228"/>
      <c r="BI20" s="228"/>
      <c r="BJ20" s="228"/>
      <c r="BK20" s="228"/>
      <c r="BL20" s="228"/>
      <c r="BM20" s="228"/>
      <c r="BN20" s="228"/>
      <c r="BO20" s="228"/>
      <c r="BP20" s="228"/>
      <c r="BQ20" s="233">
        <v>14</v>
      </c>
      <c r="BR20" s="234"/>
      <c r="BS20" s="837"/>
      <c r="BT20" s="838"/>
      <c r="BU20" s="838"/>
      <c r="BV20" s="838"/>
      <c r="BW20" s="838"/>
      <c r="BX20" s="838"/>
      <c r="BY20" s="838"/>
      <c r="BZ20" s="838"/>
      <c r="CA20" s="838"/>
      <c r="CB20" s="838"/>
      <c r="CC20" s="838"/>
      <c r="CD20" s="838"/>
      <c r="CE20" s="838"/>
      <c r="CF20" s="838"/>
      <c r="CG20" s="839"/>
      <c r="CH20" s="840"/>
      <c r="CI20" s="841"/>
      <c r="CJ20" s="841"/>
      <c r="CK20" s="841"/>
      <c r="CL20" s="842"/>
      <c r="CM20" s="840"/>
      <c r="CN20" s="841"/>
      <c r="CO20" s="841"/>
      <c r="CP20" s="841"/>
      <c r="CQ20" s="842"/>
      <c r="CR20" s="840"/>
      <c r="CS20" s="841"/>
      <c r="CT20" s="841"/>
      <c r="CU20" s="841"/>
      <c r="CV20" s="842"/>
      <c r="CW20" s="840"/>
      <c r="CX20" s="841"/>
      <c r="CY20" s="841"/>
      <c r="CZ20" s="841"/>
      <c r="DA20" s="842"/>
      <c r="DB20" s="840"/>
      <c r="DC20" s="841"/>
      <c r="DD20" s="841"/>
      <c r="DE20" s="841"/>
      <c r="DF20" s="842"/>
      <c r="DG20" s="840"/>
      <c r="DH20" s="841"/>
      <c r="DI20" s="841"/>
      <c r="DJ20" s="841"/>
      <c r="DK20" s="842"/>
      <c r="DL20" s="840"/>
      <c r="DM20" s="841"/>
      <c r="DN20" s="841"/>
      <c r="DO20" s="841"/>
      <c r="DP20" s="842"/>
      <c r="DQ20" s="840"/>
      <c r="DR20" s="841"/>
      <c r="DS20" s="841"/>
      <c r="DT20" s="841"/>
      <c r="DU20" s="842"/>
      <c r="DV20" s="837"/>
      <c r="DW20" s="838"/>
      <c r="DX20" s="838"/>
      <c r="DY20" s="838"/>
      <c r="DZ20" s="843"/>
      <c r="EA20" s="229"/>
    </row>
    <row r="21" spans="1:131" s="230" customFormat="1" ht="26.25" customHeight="1" thickBot="1" x14ac:dyDescent="0.25">
      <c r="A21" s="233">
        <v>15</v>
      </c>
      <c r="B21" s="844"/>
      <c r="C21" s="845"/>
      <c r="D21" s="845"/>
      <c r="E21" s="845"/>
      <c r="F21" s="845"/>
      <c r="G21" s="845"/>
      <c r="H21" s="845"/>
      <c r="I21" s="845"/>
      <c r="J21" s="845"/>
      <c r="K21" s="845"/>
      <c r="L21" s="845"/>
      <c r="M21" s="845"/>
      <c r="N21" s="845"/>
      <c r="O21" s="845"/>
      <c r="P21" s="846"/>
      <c r="Q21" s="847"/>
      <c r="R21" s="848"/>
      <c r="S21" s="848"/>
      <c r="T21" s="848"/>
      <c r="U21" s="848"/>
      <c r="V21" s="848"/>
      <c r="W21" s="848"/>
      <c r="X21" s="848"/>
      <c r="Y21" s="848"/>
      <c r="Z21" s="848"/>
      <c r="AA21" s="848"/>
      <c r="AB21" s="848"/>
      <c r="AC21" s="848"/>
      <c r="AD21" s="848"/>
      <c r="AE21" s="849"/>
      <c r="AF21" s="850"/>
      <c r="AG21" s="851"/>
      <c r="AH21" s="851"/>
      <c r="AI21" s="851"/>
      <c r="AJ21" s="852"/>
      <c r="AK21" s="833"/>
      <c r="AL21" s="834"/>
      <c r="AM21" s="834"/>
      <c r="AN21" s="834"/>
      <c r="AO21" s="834"/>
      <c r="AP21" s="834"/>
      <c r="AQ21" s="834"/>
      <c r="AR21" s="834"/>
      <c r="AS21" s="834"/>
      <c r="AT21" s="834"/>
      <c r="AU21" s="835"/>
      <c r="AV21" s="835"/>
      <c r="AW21" s="835"/>
      <c r="AX21" s="835"/>
      <c r="AY21" s="836"/>
      <c r="AZ21" s="227"/>
      <c r="BA21" s="227"/>
      <c r="BB21" s="227"/>
      <c r="BC21" s="227"/>
      <c r="BD21" s="227"/>
      <c r="BE21" s="228"/>
      <c r="BF21" s="228"/>
      <c r="BG21" s="228"/>
      <c r="BH21" s="228"/>
      <c r="BI21" s="228"/>
      <c r="BJ21" s="228"/>
      <c r="BK21" s="228"/>
      <c r="BL21" s="228"/>
      <c r="BM21" s="228"/>
      <c r="BN21" s="228"/>
      <c r="BO21" s="228"/>
      <c r="BP21" s="228"/>
      <c r="BQ21" s="233">
        <v>15</v>
      </c>
      <c r="BR21" s="234"/>
      <c r="BS21" s="837"/>
      <c r="BT21" s="838"/>
      <c r="BU21" s="838"/>
      <c r="BV21" s="838"/>
      <c r="BW21" s="838"/>
      <c r="BX21" s="838"/>
      <c r="BY21" s="838"/>
      <c r="BZ21" s="838"/>
      <c r="CA21" s="838"/>
      <c r="CB21" s="838"/>
      <c r="CC21" s="838"/>
      <c r="CD21" s="838"/>
      <c r="CE21" s="838"/>
      <c r="CF21" s="838"/>
      <c r="CG21" s="839"/>
      <c r="CH21" s="840"/>
      <c r="CI21" s="841"/>
      <c r="CJ21" s="841"/>
      <c r="CK21" s="841"/>
      <c r="CL21" s="842"/>
      <c r="CM21" s="840"/>
      <c r="CN21" s="841"/>
      <c r="CO21" s="841"/>
      <c r="CP21" s="841"/>
      <c r="CQ21" s="842"/>
      <c r="CR21" s="840"/>
      <c r="CS21" s="841"/>
      <c r="CT21" s="841"/>
      <c r="CU21" s="841"/>
      <c r="CV21" s="842"/>
      <c r="CW21" s="840"/>
      <c r="CX21" s="841"/>
      <c r="CY21" s="841"/>
      <c r="CZ21" s="841"/>
      <c r="DA21" s="842"/>
      <c r="DB21" s="840"/>
      <c r="DC21" s="841"/>
      <c r="DD21" s="841"/>
      <c r="DE21" s="841"/>
      <c r="DF21" s="842"/>
      <c r="DG21" s="840"/>
      <c r="DH21" s="841"/>
      <c r="DI21" s="841"/>
      <c r="DJ21" s="841"/>
      <c r="DK21" s="842"/>
      <c r="DL21" s="840"/>
      <c r="DM21" s="841"/>
      <c r="DN21" s="841"/>
      <c r="DO21" s="841"/>
      <c r="DP21" s="842"/>
      <c r="DQ21" s="840"/>
      <c r="DR21" s="841"/>
      <c r="DS21" s="841"/>
      <c r="DT21" s="841"/>
      <c r="DU21" s="842"/>
      <c r="DV21" s="837"/>
      <c r="DW21" s="838"/>
      <c r="DX21" s="838"/>
      <c r="DY21" s="838"/>
      <c r="DZ21" s="843"/>
      <c r="EA21" s="229"/>
    </row>
    <row r="22" spans="1:131" s="230" customFormat="1" ht="26.25" customHeight="1" x14ac:dyDescent="0.2">
      <c r="A22" s="233">
        <v>16</v>
      </c>
      <c r="B22" s="844"/>
      <c r="C22" s="845"/>
      <c r="D22" s="845"/>
      <c r="E22" s="845"/>
      <c r="F22" s="845"/>
      <c r="G22" s="845"/>
      <c r="H22" s="845"/>
      <c r="I22" s="845"/>
      <c r="J22" s="845"/>
      <c r="K22" s="845"/>
      <c r="L22" s="845"/>
      <c r="M22" s="845"/>
      <c r="N22" s="845"/>
      <c r="O22" s="845"/>
      <c r="P22" s="846"/>
      <c r="Q22" s="863"/>
      <c r="R22" s="864"/>
      <c r="S22" s="864"/>
      <c r="T22" s="864"/>
      <c r="U22" s="864"/>
      <c r="V22" s="864"/>
      <c r="W22" s="864"/>
      <c r="X22" s="864"/>
      <c r="Y22" s="864"/>
      <c r="Z22" s="864"/>
      <c r="AA22" s="864"/>
      <c r="AB22" s="864"/>
      <c r="AC22" s="864"/>
      <c r="AD22" s="864"/>
      <c r="AE22" s="865"/>
      <c r="AF22" s="850"/>
      <c r="AG22" s="851"/>
      <c r="AH22" s="851"/>
      <c r="AI22" s="851"/>
      <c r="AJ22" s="852"/>
      <c r="AK22" s="866"/>
      <c r="AL22" s="867"/>
      <c r="AM22" s="867"/>
      <c r="AN22" s="867"/>
      <c r="AO22" s="867"/>
      <c r="AP22" s="867"/>
      <c r="AQ22" s="867"/>
      <c r="AR22" s="867"/>
      <c r="AS22" s="867"/>
      <c r="AT22" s="867"/>
      <c r="AU22" s="868"/>
      <c r="AV22" s="868"/>
      <c r="AW22" s="868"/>
      <c r="AX22" s="868"/>
      <c r="AY22" s="869"/>
      <c r="AZ22" s="870" t="s">
        <v>387</v>
      </c>
      <c r="BA22" s="870"/>
      <c r="BB22" s="870"/>
      <c r="BC22" s="870"/>
      <c r="BD22" s="871"/>
      <c r="BE22" s="228"/>
      <c r="BF22" s="228"/>
      <c r="BG22" s="228"/>
      <c r="BH22" s="228"/>
      <c r="BI22" s="228"/>
      <c r="BJ22" s="228"/>
      <c r="BK22" s="228"/>
      <c r="BL22" s="228"/>
      <c r="BM22" s="228"/>
      <c r="BN22" s="228"/>
      <c r="BO22" s="228"/>
      <c r="BP22" s="228"/>
      <c r="BQ22" s="233">
        <v>16</v>
      </c>
      <c r="BR22" s="234"/>
      <c r="BS22" s="837"/>
      <c r="BT22" s="838"/>
      <c r="BU22" s="838"/>
      <c r="BV22" s="838"/>
      <c r="BW22" s="838"/>
      <c r="BX22" s="838"/>
      <c r="BY22" s="838"/>
      <c r="BZ22" s="838"/>
      <c r="CA22" s="838"/>
      <c r="CB22" s="838"/>
      <c r="CC22" s="838"/>
      <c r="CD22" s="838"/>
      <c r="CE22" s="838"/>
      <c r="CF22" s="838"/>
      <c r="CG22" s="839"/>
      <c r="CH22" s="840"/>
      <c r="CI22" s="841"/>
      <c r="CJ22" s="841"/>
      <c r="CK22" s="841"/>
      <c r="CL22" s="842"/>
      <c r="CM22" s="840"/>
      <c r="CN22" s="841"/>
      <c r="CO22" s="841"/>
      <c r="CP22" s="841"/>
      <c r="CQ22" s="842"/>
      <c r="CR22" s="840"/>
      <c r="CS22" s="841"/>
      <c r="CT22" s="841"/>
      <c r="CU22" s="841"/>
      <c r="CV22" s="842"/>
      <c r="CW22" s="840"/>
      <c r="CX22" s="841"/>
      <c r="CY22" s="841"/>
      <c r="CZ22" s="841"/>
      <c r="DA22" s="842"/>
      <c r="DB22" s="840"/>
      <c r="DC22" s="841"/>
      <c r="DD22" s="841"/>
      <c r="DE22" s="841"/>
      <c r="DF22" s="842"/>
      <c r="DG22" s="840"/>
      <c r="DH22" s="841"/>
      <c r="DI22" s="841"/>
      <c r="DJ22" s="841"/>
      <c r="DK22" s="842"/>
      <c r="DL22" s="840"/>
      <c r="DM22" s="841"/>
      <c r="DN22" s="841"/>
      <c r="DO22" s="841"/>
      <c r="DP22" s="842"/>
      <c r="DQ22" s="840"/>
      <c r="DR22" s="841"/>
      <c r="DS22" s="841"/>
      <c r="DT22" s="841"/>
      <c r="DU22" s="842"/>
      <c r="DV22" s="837"/>
      <c r="DW22" s="838"/>
      <c r="DX22" s="838"/>
      <c r="DY22" s="838"/>
      <c r="DZ22" s="843"/>
      <c r="EA22" s="229"/>
    </row>
    <row r="23" spans="1:131" s="230" customFormat="1" ht="26.25" customHeight="1" thickBot="1" x14ac:dyDescent="0.25">
      <c r="A23" s="235" t="s">
        <v>388</v>
      </c>
      <c r="B23" s="853" t="s">
        <v>389</v>
      </c>
      <c r="C23" s="854"/>
      <c r="D23" s="854"/>
      <c r="E23" s="854"/>
      <c r="F23" s="854"/>
      <c r="G23" s="854"/>
      <c r="H23" s="854"/>
      <c r="I23" s="854"/>
      <c r="J23" s="854"/>
      <c r="K23" s="854"/>
      <c r="L23" s="854"/>
      <c r="M23" s="854"/>
      <c r="N23" s="854"/>
      <c r="O23" s="854"/>
      <c r="P23" s="855"/>
      <c r="Q23" s="856">
        <v>38742</v>
      </c>
      <c r="R23" s="857"/>
      <c r="S23" s="857"/>
      <c r="T23" s="857"/>
      <c r="U23" s="857"/>
      <c r="V23" s="857">
        <v>36251</v>
      </c>
      <c r="W23" s="857"/>
      <c r="X23" s="857"/>
      <c r="Y23" s="857"/>
      <c r="Z23" s="857"/>
      <c r="AA23" s="857">
        <v>2492</v>
      </c>
      <c r="AB23" s="857"/>
      <c r="AC23" s="857"/>
      <c r="AD23" s="857"/>
      <c r="AE23" s="858"/>
      <c r="AF23" s="859">
        <v>2440</v>
      </c>
      <c r="AG23" s="857"/>
      <c r="AH23" s="857"/>
      <c r="AI23" s="857"/>
      <c r="AJ23" s="860"/>
      <c r="AK23" s="861"/>
      <c r="AL23" s="862"/>
      <c r="AM23" s="862"/>
      <c r="AN23" s="862"/>
      <c r="AO23" s="862"/>
      <c r="AP23" s="857">
        <v>22403</v>
      </c>
      <c r="AQ23" s="857"/>
      <c r="AR23" s="857"/>
      <c r="AS23" s="857"/>
      <c r="AT23" s="857"/>
      <c r="AU23" s="873"/>
      <c r="AV23" s="873"/>
      <c r="AW23" s="873"/>
      <c r="AX23" s="873"/>
      <c r="AY23" s="874"/>
      <c r="AZ23" s="875" t="s">
        <v>127</v>
      </c>
      <c r="BA23" s="876"/>
      <c r="BB23" s="876"/>
      <c r="BC23" s="876"/>
      <c r="BD23" s="877"/>
      <c r="BE23" s="228"/>
      <c r="BF23" s="228"/>
      <c r="BG23" s="228"/>
      <c r="BH23" s="228"/>
      <c r="BI23" s="228"/>
      <c r="BJ23" s="228"/>
      <c r="BK23" s="228"/>
      <c r="BL23" s="228"/>
      <c r="BM23" s="228"/>
      <c r="BN23" s="228"/>
      <c r="BO23" s="228"/>
      <c r="BP23" s="228"/>
      <c r="BQ23" s="233">
        <v>17</v>
      </c>
      <c r="BR23" s="234"/>
      <c r="BS23" s="837"/>
      <c r="BT23" s="838"/>
      <c r="BU23" s="838"/>
      <c r="BV23" s="838"/>
      <c r="BW23" s="838"/>
      <c r="BX23" s="838"/>
      <c r="BY23" s="838"/>
      <c r="BZ23" s="838"/>
      <c r="CA23" s="838"/>
      <c r="CB23" s="838"/>
      <c r="CC23" s="838"/>
      <c r="CD23" s="838"/>
      <c r="CE23" s="838"/>
      <c r="CF23" s="838"/>
      <c r="CG23" s="839"/>
      <c r="CH23" s="840"/>
      <c r="CI23" s="841"/>
      <c r="CJ23" s="841"/>
      <c r="CK23" s="841"/>
      <c r="CL23" s="842"/>
      <c r="CM23" s="840"/>
      <c r="CN23" s="841"/>
      <c r="CO23" s="841"/>
      <c r="CP23" s="841"/>
      <c r="CQ23" s="842"/>
      <c r="CR23" s="840"/>
      <c r="CS23" s="841"/>
      <c r="CT23" s="841"/>
      <c r="CU23" s="841"/>
      <c r="CV23" s="842"/>
      <c r="CW23" s="840"/>
      <c r="CX23" s="841"/>
      <c r="CY23" s="841"/>
      <c r="CZ23" s="841"/>
      <c r="DA23" s="842"/>
      <c r="DB23" s="840"/>
      <c r="DC23" s="841"/>
      <c r="DD23" s="841"/>
      <c r="DE23" s="841"/>
      <c r="DF23" s="842"/>
      <c r="DG23" s="840"/>
      <c r="DH23" s="841"/>
      <c r="DI23" s="841"/>
      <c r="DJ23" s="841"/>
      <c r="DK23" s="842"/>
      <c r="DL23" s="840"/>
      <c r="DM23" s="841"/>
      <c r="DN23" s="841"/>
      <c r="DO23" s="841"/>
      <c r="DP23" s="842"/>
      <c r="DQ23" s="840"/>
      <c r="DR23" s="841"/>
      <c r="DS23" s="841"/>
      <c r="DT23" s="841"/>
      <c r="DU23" s="842"/>
      <c r="DV23" s="837"/>
      <c r="DW23" s="838"/>
      <c r="DX23" s="838"/>
      <c r="DY23" s="838"/>
      <c r="DZ23" s="843"/>
      <c r="EA23" s="229"/>
    </row>
    <row r="24" spans="1:131" s="230" customFormat="1" ht="26.25" customHeight="1" x14ac:dyDescent="0.2">
      <c r="A24" s="872" t="s">
        <v>390</v>
      </c>
      <c r="B24" s="872"/>
      <c r="C24" s="872"/>
      <c r="D24" s="872"/>
      <c r="E24" s="872"/>
      <c r="F24" s="872"/>
      <c r="G24" s="872"/>
      <c r="H24" s="872"/>
      <c r="I24" s="872"/>
      <c r="J24" s="872"/>
      <c r="K24" s="872"/>
      <c r="L24" s="872"/>
      <c r="M24" s="872"/>
      <c r="N24" s="872"/>
      <c r="O24" s="872"/>
      <c r="P24" s="872"/>
      <c r="Q24" s="872"/>
      <c r="R24" s="872"/>
      <c r="S24" s="872"/>
      <c r="T24" s="872"/>
      <c r="U24" s="872"/>
      <c r="V24" s="872"/>
      <c r="W24" s="872"/>
      <c r="X24" s="872"/>
      <c r="Y24" s="872"/>
      <c r="Z24" s="872"/>
      <c r="AA24" s="872"/>
      <c r="AB24" s="872"/>
      <c r="AC24" s="872"/>
      <c r="AD24" s="872"/>
      <c r="AE24" s="872"/>
      <c r="AF24" s="872"/>
      <c r="AG24" s="872"/>
      <c r="AH24" s="872"/>
      <c r="AI24" s="872"/>
      <c r="AJ24" s="872"/>
      <c r="AK24" s="872"/>
      <c r="AL24" s="872"/>
      <c r="AM24" s="872"/>
      <c r="AN24" s="872"/>
      <c r="AO24" s="872"/>
      <c r="AP24" s="872"/>
      <c r="AQ24" s="872"/>
      <c r="AR24" s="872"/>
      <c r="AS24" s="872"/>
      <c r="AT24" s="872"/>
      <c r="AU24" s="872"/>
      <c r="AV24" s="872"/>
      <c r="AW24" s="872"/>
      <c r="AX24" s="872"/>
      <c r="AY24" s="872"/>
      <c r="AZ24" s="227"/>
      <c r="BA24" s="227"/>
      <c r="BB24" s="227"/>
      <c r="BC24" s="227"/>
      <c r="BD24" s="227"/>
      <c r="BE24" s="228"/>
      <c r="BF24" s="228"/>
      <c r="BG24" s="228"/>
      <c r="BH24" s="228"/>
      <c r="BI24" s="228"/>
      <c r="BJ24" s="228"/>
      <c r="BK24" s="228"/>
      <c r="BL24" s="228"/>
      <c r="BM24" s="228"/>
      <c r="BN24" s="228"/>
      <c r="BO24" s="228"/>
      <c r="BP24" s="228"/>
      <c r="BQ24" s="233">
        <v>18</v>
      </c>
      <c r="BR24" s="234"/>
      <c r="BS24" s="837"/>
      <c r="BT24" s="838"/>
      <c r="BU24" s="838"/>
      <c r="BV24" s="838"/>
      <c r="BW24" s="838"/>
      <c r="BX24" s="838"/>
      <c r="BY24" s="838"/>
      <c r="BZ24" s="838"/>
      <c r="CA24" s="838"/>
      <c r="CB24" s="838"/>
      <c r="CC24" s="838"/>
      <c r="CD24" s="838"/>
      <c r="CE24" s="838"/>
      <c r="CF24" s="838"/>
      <c r="CG24" s="839"/>
      <c r="CH24" s="840"/>
      <c r="CI24" s="841"/>
      <c r="CJ24" s="841"/>
      <c r="CK24" s="841"/>
      <c r="CL24" s="842"/>
      <c r="CM24" s="840"/>
      <c r="CN24" s="841"/>
      <c r="CO24" s="841"/>
      <c r="CP24" s="841"/>
      <c r="CQ24" s="842"/>
      <c r="CR24" s="840"/>
      <c r="CS24" s="841"/>
      <c r="CT24" s="841"/>
      <c r="CU24" s="841"/>
      <c r="CV24" s="842"/>
      <c r="CW24" s="840"/>
      <c r="CX24" s="841"/>
      <c r="CY24" s="841"/>
      <c r="CZ24" s="841"/>
      <c r="DA24" s="842"/>
      <c r="DB24" s="840"/>
      <c r="DC24" s="841"/>
      <c r="DD24" s="841"/>
      <c r="DE24" s="841"/>
      <c r="DF24" s="842"/>
      <c r="DG24" s="840"/>
      <c r="DH24" s="841"/>
      <c r="DI24" s="841"/>
      <c r="DJ24" s="841"/>
      <c r="DK24" s="842"/>
      <c r="DL24" s="840"/>
      <c r="DM24" s="841"/>
      <c r="DN24" s="841"/>
      <c r="DO24" s="841"/>
      <c r="DP24" s="842"/>
      <c r="DQ24" s="840"/>
      <c r="DR24" s="841"/>
      <c r="DS24" s="841"/>
      <c r="DT24" s="841"/>
      <c r="DU24" s="842"/>
      <c r="DV24" s="837"/>
      <c r="DW24" s="838"/>
      <c r="DX24" s="838"/>
      <c r="DY24" s="838"/>
      <c r="DZ24" s="843"/>
      <c r="EA24" s="229"/>
    </row>
    <row r="25" spans="1:131" ht="26.25" customHeight="1" thickBot="1" x14ac:dyDescent="0.25">
      <c r="A25" s="789" t="s">
        <v>391</v>
      </c>
      <c r="B25" s="789"/>
      <c r="C25" s="789"/>
      <c r="D25" s="789"/>
      <c r="E25" s="789"/>
      <c r="F25" s="789"/>
      <c r="G25" s="789"/>
      <c r="H25" s="789"/>
      <c r="I25" s="789"/>
      <c r="J25" s="789"/>
      <c r="K25" s="789"/>
      <c r="L25" s="789"/>
      <c r="M25" s="789"/>
      <c r="N25" s="789"/>
      <c r="O25" s="789"/>
      <c r="P25" s="789"/>
      <c r="Q25" s="789"/>
      <c r="R25" s="789"/>
      <c r="S25" s="789"/>
      <c r="T25" s="789"/>
      <c r="U25" s="789"/>
      <c r="V25" s="789"/>
      <c r="W25" s="789"/>
      <c r="X25" s="789"/>
      <c r="Y25" s="789"/>
      <c r="Z25" s="789"/>
      <c r="AA25" s="789"/>
      <c r="AB25" s="789"/>
      <c r="AC25" s="789"/>
      <c r="AD25" s="789"/>
      <c r="AE25" s="789"/>
      <c r="AF25" s="789"/>
      <c r="AG25" s="789"/>
      <c r="AH25" s="789"/>
      <c r="AI25" s="789"/>
      <c r="AJ25" s="789"/>
      <c r="AK25" s="789"/>
      <c r="AL25" s="789"/>
      <c r="AM25" s="789"/>
      <c r="AN25" s="789"/>
      <c r="AO25" s="789"/>
      <c r="AP25" s="789"/>
      <c r="AQ25" s="789"/>
      <c r="AR25" s="789"/>
      <c r="AS25" s="789"/>
      <c r="AT25" s="789"/>
      <c r="AU25" s="789"/>
      <c r="AV25" s="789"/>
      <c r="AW25" s="789"/>
      <c r="AX25" s="789"/>
      <c r="AY25" s="789"/>
      <c r="AZ25" s="789"/>
      <c r="BA25" s="789"/>
      <c r="BB25" s="789"/>
      <c r="BC25" s="789"/>
      <c r="BD25" s="789"/>
      <c r="BE25" s="789"/>
      <c r="BF25" s="789"/>
      <c r="BG25" s="789"/>
      <c r="BH25" s="789"/>
      <c r="BI25" s="789"/>
      <c r="BJ25" s="227"/>
      <c r="BK25" s="227"/>
      <c r="BL25" s="227"/>
      <c r="BM25" s="227"/>
      <c r="BN25" s="227"/>
      <c r="BO25" s="236"/>
      <c r="BP25" s="236"/>
      <c r="BQ25" s="233">
        <v>19</v>
      </c>
      <c r="BR25" s="234"/>
      <c r="BS25" s="837"/>
      <c r="BT25" s="838"/>
      <c r="BU25" s="838"/>
      <c r="BV25" s="838"/>
      <c r="BW25" s="838"/>
      <c r="BX25" s="838"/>
      <c r="BY25" s="838"/>
      <c r="BZ25" s="838"/>
      <c r="CA25" s="838"/>
      <c r="CB25" s="838"/>
      <c r="CC25" s="838"/>
      <c r="CD25" s="838"/>
      <c r="CE25" s="838"/>
      <c r="CF25" s="838"/>
      <c r="CG25" s="839"/>
      <c r="CH25" s="840"/>
      <c r="CI25" s="841"/>
      <c r="CJ25" s="841"/>
      <c r="CK25" s="841"/>
      <c r="CL25" s="842"/>
      <c r="CM25" s="840"/>
      <c r="CN25" s="841"/>
      <c r="CO25" s="841"/>
      <c r="CP25" s="841"/>
      <c r="CQ25" s="842"/>
      <c r="CR25" s="840"/>
      <c r="CS25" s="841"/>
      <c r="CT25" s="841"/>
      <c r="CU25" s="841"/>
      <c r="CV25" s="842"/>
      <c r="CW25" s="840"/>
      <c r="CX25" s="841"/>
      <c r="CY25" s="841"/>
      <c r="CZ25" s="841"/>
      <c r="DA25" s="842"/>
      <c r="DB25" s="840"/>
      <c r="DC25" s="841"/>
      <c r="DD25" s="841"/>
      <c r="DE25" s="841"/>
      <c r="DF25" s="842"/>
      <c r="DG25" s="840"/>
      <c r="DH25" s="841"/>
      <c r="DI25" s="841"/>
      <c r="DJ25" s="841"/>
      <c r="DK25" s="842"/>
      <c r="DL25" s="840"/>
      <c r="DM25" s="841"/>
      <c r="DN25" s="841"/>
      <c r="DO25" s="841"/>
      <c r="DP25" s="842"/>
      <c r="DQ25" s="840"/>
      <c r="DR25" s="841"/>
      <c r="DS25" s="841"/>
      <c r="DT25" s="841"/>
      <c r="DU25" s="842"/>
      <c r="DV25" s="837"/>
      <c r="DW25" s="838"/>
      <c r="DX25" s="838"/>
      <c r="DY25" s="838"/>
      <c r="DZ25" s="843"/>
      <c r="EA25" s="225"/>
    </row>
    <row r="26" spans="1:131" ht="26.25" customHeight="1" x14ac:dyDescent="0.2">
      <c r="A26" s="791" t="s">
        <v>368</v>
      </c>
      <c r="B26" s="792"/>
      <c r="C26" s="792"/>
      <c r="D26" s="792"/>
      <c r="E26" s="792"/>
      <c r="F26" s="792"/>
      <c r="G26" s="792"/>
      <c r="H26" s="792"/>
      <c r="I26" s="792"/>
      <c r="J26" s="792"/>
      <c r="K26" s="792"/>
      <c r="L26" s="792"/>
      <c r="M26" s="792"/>
      <c r="N26" s="792"/>
      <c r="O26" s="792"/>
      <c r="P26" s="793"/>
      <c r="Q26" s="797" t="s">
        <v>392</v>
      </c>
      <c r="R26" s="798"/>
      <c r="S26" s="798"/>
      <c r="T26" s="798"/>
      <c r="U26" s="799"/>
      <c r="V26" s="797" t="s">
        <v>393</v>
      </c>
      <c r="W26" s="798"/>
      <c r="X26" s="798"/>
      <c r="Y26" s="798"/>
      <c r="Z26" s="799"/>
      <c r="AA26" s="797" t="s">
        <v>394</v>
      </c>
      <c r="AB26" s="798"/>
      <c r="AC26" s="798"/>
      <c r="AD26" s="798"/>
      <c r="AE26" s="798"/>
      <c r="AF26" s="878" t="s">
        <v>395</v>
      </c>
      <c r="AG26" s="879"/>
      <c r="AH26" s="879"/>
      <c r="AI26" s="879"/>
      <c r="AJ26" s="880"/>
      <c r="AK26" s="798" t="s">
        <v>396</v>
      </c>
      <c r="AL26" s="798"/>
      <c r="AM26" s="798"/>
      <c r="AN26" s="798"/>
      <c r="AO26" s="799"/>
      <c r="AP26" s="797" t="s">
        <v>397</v>
      </c>
      <c r="AQ26" s="798"/>
      <c r="AR26" s="798"/>
      <c r="AS26" s="798"/>
      <c r="AT26" s="799"/>
      <c r="AU26" s="797" t="s">
        <v>398</v>
      </c>
      <c r="AV26" s="798"/>
      <c r="AW26" s="798"/>
      <c r="AX26" s="798"/>
      <c r="AY26" s="799"/>
      <c r="AZ26" s="797" t="s">
        <v>399</v>
      </c>
      <c r="BA26" s="798"/>
      <c r="BB26" s="798"/>
      <c r="BC26" s="798"/>
      <c r="BD26" s="799"/>
      <c r="BE26" s="797" t="s">
        <v>375</v>
      </c>
      <c r="BF26" s="798"/>
      <c r="BG26" s="798"/>
      <c r="BH26" s="798"/>
      <c r="BI26" s="804"/>
      <c r="BJ26" s="227"/>
      <c r="BK26" s="227"/>
      <c r="BL26" s="227"/>
      <c r="BM26" s="227"/>
      <c r="BN26" s="227"/>
      <c r="BO26" s="236"/>
      <c r="BP26" s="236"/>
      <c r="BQ26" s="233">
        <v>20</v>
      </c>
      <c r="BR26" s="234"/>
      <c r="BS26" s="837"/>
      <c r="BT26" s="838"/>
      <c r="BU26" s="838"/>
      <c r="BV26" s="838"/>
      <c r="BW26" s="838"/>
      <c r="BX26" s="838"/>
      <c r="BY26" s="838"/>
      <c r="BZ26" s="838"/>
      <c r="CA26" s="838"/>
      <c r="CB26" s="838"/>
      <c r="CC26" s="838"/>
      <c r="CD26" s="838"/>
      <c r="CE26" s="838"/>
      <c r="CF26" s="838"/>
      <c r="CG26" s="839"/>
      <c r="CH26" s="840"/>
      <c r="CI26" s="841"/>
      <c r="CJ26" s="841"/>
      <c r="CK26" s="841"/>
      <c r="CL26" s="842"/>
      <c r="CM26" s="840"/>
      <c r="CN26" s="841"/>
      <c r="CO26" s="841"/>
      <c r="CP26" s="841"/>
      <c r="CQ26" s="842"/>
      <c r="CR26" s="840"/>
      <c r="CS26" s="841"/>
      <c r="CT26" s="841"/>
      <c r="CU26" s="841"/>
      <c r="CV26" s="842"/>
      <c r="CW26" s="840"/>
      <c r="CX26" s="841"/>
      <c r="CY26" s="841"/>
      <c r="CZ26" s="841"/>
      <c r="DA26" s="842"/>
      <c r="DB26" s="840"/>
      <c r="DC26" s="841"/>
      <c r="DD26" s="841"/>
      <c r="DE26" s="841"/>
      <c r="DF26" s="842"/>
      <c r="DG26" s="840"/>
      <c r="DH26" s="841"/>
      <c r="DI26" s="841"/>
      <c r="DJ26" s="841"/>
      <c r="DK26" s="842"/>
      <c r="DL26" s="840"/>
      <c r="DM26" s="841"/>
      <c r="DN26" s="841"/>
      <c r="DO26" s="841"/>
      <c r="DP26" s="842"/>
      <c r="DQ26" s="840"/>
      <c r="DR26" s="841"/>
      <c r="DS26" s="841"/>
      <c r="DT26" s="841"/>
      <c r="DU26" s="842"/>
      <c r="DV26" s="837"/>
      <c r="DW26" s="838"/>
      <c r="DX26" s="838"/>
      <c r="DY26" s="838"/>
      <c r="DZ26" s="843"/>
      <c r="EA26" s="225"/>
    </row>
    <row r="27" spans="1:131" ht="26.25" customHeight="1" thickBot="1" x14ac:dyDescent="0.25">
      <c r="A27" s="794"/>
      <c r="B27" s="795"/>
      <c r="C27" s="795"/>
      <c r="D27" s="795"/>
      <c r="E27" s="795"/>
      <c r="F27" s="795"/>
      <c r="G27" s="795"/>
      <c r="H27" s="795"/>
      <c r="I27" s="795"/>
      <c r="J27" s="795"/>
      <c r="K27" s="795"/>
      <c r="L27" s="795"/>
      <c r="M27" s="795"/>
      <c r="N27" s="795"/>
      <c r="O27" s="795"/>
      <c r="P27" s="796"/>
      <c r="Q27" s="800"/>
      <c r="R27" s="801"/>
      <c r="S27" s="801"/>
      <c r="T27" s="801"/>
      <c r="U27" s="802"/>
      <c r="V27" s="800"/>
      <c r="W27" s="801"/>
      <c r="X27" s="801"/>
      <c r="Y27" s="801"/>
      <c r="Z27" s="802"/>
      <c r="AA27" s="800"/>
      <c r="AB27" s="801"/>
      <c r="AC27" s="801"/>
      <c r="AD27" s="801"/>
      <c r="AE27" s="801"/>
      <c r="AF27" s="881"/>
      <c r="AG27" s="882"/>
      <c r="AH27" s="882"/>
      <c r="AI27" s="882"/>
      <c r="AJ27" s="883"/>
      <c r="AK27" s="801"/>
      <c r="AL27" s="801"/>
      <c r="AM27" s="801"/>
      <c r="AN27" s="801"/>
      <c r="AO27" s="802"/>
      <c r="AP27" s="800"/>
      <c r="AQ27" s="801"/>
      <c r="AR27" s="801"/>
      <c r="AS27" s="801"/>
      <c r="AT27" s="802"/>
      <c r="AU27" s="800"/>
      <c r="AV27" s="801"/>
      <c r="AW27" s="801"/>
      <c r="AX27" s="801"/>
      <c r="AY27" s="802"/>
      <c r="AZ27" s="800"/>
      <c r="BA27" s="801"/>
      <c r="BB27" s="801"/>
      <c r="BC27" s="801"/>
      <c r="BD27" s="802"/>
      <c r="BE27" s="800"/>
      <c r="BF27" s="801"/>
      <c r="BG27" s="801"/>
      <c r="BH27" s="801"/>
      <c r="BI27" s="806"/>
      <c r="BJ27" s="227"/>
      <c r="BK27" s="227"/>
      <c r="BL27" s="227"/>
      <c r="BM27" s="227"/>
      <c r="BN27" s="227"/>
      <c r="BO27" s="236"/>
      <c r="BP27" s="236"/>
      <c r="BQ27" s="233">
        <v>21</v>
      </c>
      <c r="BR27" s="234"/>
      <c r="BS27" s="837"/>
      <c r="BT27" s="838"/>
      <c r="BU27" s="838"/>
      <c r="BV27" s="838"/>
      <c r="BW27" s="838"/>
      <c r="BX27" s="838"/>
      <c r="BY27" s="838"/>
      <c r="BZ27" s="838"/>
      <c r="CA27" s="838"/>
      <c r="CB27" s="838"/>
      <c r="CC27" s="838"/>
      <c r="CD27" s="838"/>
      <c r="CE27" s="838"/>
      <c r="CF27" s="838"/>
      <c r="CG27" s="839"/>
      <c r="CH27" s="840"/>
      <c r="CI27" s="841"/>
      <c r="CJ27" s="841"/>
      <c r="CK27" s="841"/>
      <c r="CL27" s="842"/>
      <c r="CM27" s="840"/>
      <c r="CN27" s="841"/>
      <c r="CO27" s="841"/>
      <c r="CP27" s="841"/>
      <c r="CQ27" s="842"/>
      <c r="CR27" s="840"/>
      <c r="CS27" s="841"/>
      <c r="CT27" s="841"/>
      <c r="CU27" s="841"/>
      <c r="CV27" s="842"/>
      <c r="CW27" s="840"/>
      <c r="CX27" s="841"/>
      <c r="CY27" s="841"/>
      <c r="CZ27" s="841"/>
      <c r="DA27" s="842"/>
      <c r="DB27" s="840"/>
      <c r="DC27" s="841"/>
      <c r="DD27" s="841"/>
      <c r="DE27" s="841"/>
      <c r="DF27" s="842"/>
      <c r="DG27" s="840"/>
      <c r="DH27" s="841"/>
      <c r="DI27" s="841"/>
      <c r="DJ27" s="841"/>
      <c r="DK27" s="842"/>
      <c r="DL27" s="840"/>
      <c r="DM27" s="841"/>
      <c r="DN27" s="841"/>
      <c r="DO27" s="841"/>
      <c r="DP27" s="842"/>
      <c r="DQ27" s="840"/>
      <c r="DR27" s="841"/>
      <c r="DS27" s="841"/>
      <c r="DT27" s="841"/>
      <c r="DU27" s="842"/>
      <c r="DV27" s="837"/>
      <c r="DW27" s="838"/>
      <c r="DX27" s="838"/>
      <c r="DY27" s="838"/>
      <c r="DZ27" s="843"/>
      <c r="EA27" s="225"/>
    </row>
    <row r="28" spans="1:131" ht="26.25" customHeight="1" thickTop="1" x14ac:dyDescent="0.2">
      <c r="A28" s="237">
        <v>1</v>
      </c>
      <c r="B28" s="813" t="s">
        <v>400</v>
      </c>
      <c r="C28" s="814"/>
      <c r="D28" s="814"/>
      <c r="E28" s="814"/>
      <c r="F28" s="814"/>
      <c r="G28" s="814"/>
      <c r="H28" s="814"/>
      <c r="I28" s="814"/>
      <c r="J28" s="814"/>
      <c r="K28" s="814"/>
      <c r="L28" s="814"/>
      <c r="M28" s="814"/>
      <c r="N28" s="814"/>
      <c r="O28" s="814"/>
      <c r="P28" s="815"/>
      <c r="Q28" s="886">
        <v>10061</v>
      </c>
      <c r="R28" s="887"/>
      <c r="S28" s="887"/>
      <c r="T28" s="887"/>
      <c r="U28" s="887"/>
      <c r="V28" s="887">
        <v>9877</v>
      </c>
      <c r="W28" s="887"/>
      <c r="X28" s="887"/>
      <c r="Y28" s="887"/>
      <c r="Z28" s="887"/>
      <c r="AA28" s="887">
        <v>184</v>
      </c>
      <c r="AB28" s="887"/>
      <c r="AC28" s="887"/>
      <c r="AD28" s="887"/>
      <c r="AE28" s="888"/>
      <c r="AF28" s="889">
        <v>184</v>
      </c>
      <c r="AG28" s="887"/>
      <c r="AH28" s="887"/>
      <c r="AI28" s="887"/>
      <c r="AJ28" s="890"/>
      <c r="AK28" s="891">
        <v>1012</v>
      </c>
      <c r="AL28" s="892"/>
      <c r="AM28" s="892"/>
      <c r="AN28" s="892"/>
      <c r="AO28" s="892"/>
      <c r="AP28" s="892" t="s">
        <v>565</v>
      </c>
      <c r="AQ28" s="892"/>
      <c r="AR28" s="892"/>
      <c r="AS28" s="892"/>
      <c r="AT28" s="892"/>
      <c r="AU28" s="892" t="s">
        <v>565</v>
      </c>
      <c r="AV28" s="892"/>
      <c r="AW28" s="892"/>
      <c r="AX28" s="892"/>
      <c r="AY28" s="892"/>
      <c r="AZ28" s="893"/>
      <c r="BA28" s="893"/>
      <c r="BB28" s="893"/>
      <c r="BC28" s="893"/>
      <c r="BD28" s="893"/>
      <c r="BE28" s="884"/>
      <c r="BF28" s="884"/>
      <c r="BG28" s="884"/>
      <c r="BH28" s="884"/>
      <c r="BI28" s="885"/>
      <c r="BJ28" s="227"/>
      <c r="BK28" s="227"/>
      <c r="BL28" s="227"/>
      <c r="BM28" s="227"/>
      <c r="BN28" s="227"/>
      <c r="BO28" s="236"/>
      <c r="BP28" s="236"/>
      <c r="BQ28" s="233">
        <v>22</v>
      </c>
      <c r="BR28" s="234"/>
      <c r="BS28" s="837"/>
      <c r="BT28" s="838"/>
      <c r="BU28" s="838"/>
      <c r="BV28" s="838"/>
      <c r="BW28" s="838"/>
      <c r="BX28" s="838"/>
      <c r="BY28" s="838"/>
      <c r="BZ28" s="838"/>
      <c r="CA28" s="838"/>
      <c r="CB28" s="838"/>
      <c r="CC28" s="838"/>
      <c r="CD28" s="838"/>
      <c r="CE28" s="838"/>
      <c r="CF28" s="838"/>
      <c r="CG28" s="839"/>
      <c r="CH28" s="840"/>
      <c r="CI28" s="841"/>
      <c r="CJ28" s="841"/>
      <c r="CK28" s="841"/>
      <c r="CL28" s="842"/>
      <c r="CM28" s="840"/>
      <c r="CN28" s="841"/>
      <c r="CO28" s="841"/>
      <c r="CP28" s="841"/>
      <c r="CQ28" s="842"/>
      <c r="CR28" s="840"/>
      <c r="CS28" s="841"/>
      <c r="CT28" s="841"/>
      <c r="CU28" s="841"/>
      <c r="CV28" s="842"/>
      <c r="CW28" s="840"/>
      <c r="CX28" s="841"/>
      <c r="CY28" s="841"/>
      <c r="CZ28" s="841"/>
      <c r="DA28" s="842"/>
      <c r="DB28" s="840"/>
      <c r="DC28" s="841"/>
      <c r="DD28" s="841"/>
      <c r="DE28" s="841"/>
      <c r="DF28" s="842"/>
      <c r="DG28" s="840"/>
      <c r="DH28" s="841"/>
      <c r="DI28" s="841"/>
      <c r="DJ28" s="841"/>
      <c r="DK28" s="842"/>
      <c r="DL28" s="840"/>
      <c r="DM28" s="841"/>
      <c r="DN28" s="841"/>
      <c r="DO28" s="841"/>
      <c r="DP28" s="842"/>
      <c r="DQ28" s="840"/>
      <c r="DR28" s="841"/>
      <c r="DS28" s="841"/>
      <c r="DT28" s="841"/>
      <c r="DU28" s="842"/>
      <c r="DV28" s="837"/>
      <c r="DW28" s="838"/>
      <c r="DX28" s="838"/>
      <c r="DY28" s="838"/>
      <c r="DZ28" s="843"/>
      <c r="EA28" s="225"/>
    </row>
    <row r="29" spans="1:131" ht="26.25" customHeight="1" x14ac:dyDescent="0.2">
      <c r="A29" s="237">
        <v>2</v>
      </c>
      <c r="B29" s="844" t="s">
        <v>401</v>
      </c>
      <c r="C29" s="845"/>
      <c r="D29" s="845"/>
      <c r="E29" s="845"/>
      <c r="F29" s="845"/>
      <c r="G29" s="845"/>
      <c r="H29" s="845"/>
      <c r="I29" s="845"/>
      <c r="J29" s="845"/>
      <c r="K29" s="845"/>
      <c r="L29" s="845"/>
      <c r="M29" s="845"/>
      <c r="N29" s="845"/>
      <c r="O29" s="845"/>
      <c r="P29" s="846"/>
      <c r="Q29" s="847">
        <v>7764</v>
      </c>
      <c r="R29" s="848"/>
      <c r="S29" s="848"/>
      <c r="T29" s="848"/>
      <c r="U29" s="848"/>
      <c r="V29" s="848">
        <v>7477</v>
      </c>
      <c r="W29" s="848"/>
      <c r="X29" s="848"/>
      <c r="Y29" s="848"/>
      <c r="Z29" s="848"/>
      <c r="AA29" s="848">
        <v>287</v>
      </c>
      <c r="AB29" s="848"/>
      <c r="AC29" s="848"/>
      <c r="AD29" s="848"/>
      <c r="AE29" s="849"/>
      <c r="AF29" s="850">
        <v>287</v>
      </c>
      <c r="AG29" s="851"/>
      <c r="AH29" s="851"/>
      <c r="AI29" s="851"/>
      <c r="AJ29" s="852"/>
      <c r="AK29" s="898">
        <v>1381</v>
      </c>
      <c r="AL29" s="894"/>
      <c r="AM29" s="894"/>
      <c r="AN29" s="894"/>
      <c r="AO29" s="894"/>
      <c r="AP29" s="894" t="s">
        <v>565</v>
      </c>
      <c r="AQ29" s="894"/>
      <c r="AR29" s="894"/>
      <c r="AS29" s="894"/>
      <c r="AT29" s="894"/>
      <c r="AU29" s="894" t="s">
        <v>565</v>
      </c>
      <c r="AV29" s="894"/>
      <c r="AW29" s="894"/>
      <c r="AX29" s="894"/>
      <c r="AY29" s="894"/>
      <c r="AZ29" s="895"/>
      <c r="BA29" s="895"/>
      <c r="BB29" s="895"/>
      <c r="BC29" s="895"/>
      <c r="BD29" s="895"/>
      <c r="BE29" s="896"/>
      <c r="BF29" s="896"/>
      <c r="BG29" s="896"/>
      <c r="BH29" s="896"/>
      <c r="BI29" s="897"/>
      <c r="BJ29" s="227"/>
      <c r="BK29" s="227"/>
      <c r="BL29" s="227"/>
      <c r="BM29" s="227"/>
      <c r="BN29" s="227"/>
      <c r="BO29" s="236"/>
      <c r="BP29" s="236"/>
      <c r="BQ29" s="233">
        <v>23</v>
      </c>
      <c r="BR29" s="234"/>
      <c r="BS29" s="837"/>
      <c r="BT29" s="838"/>
      <c r="BU29" s="838"/>
      <c r="BV29" s="838"/>
      <c r="BW29" s="838"/>
      <c r="BX29" s="838"/>
      <c r="BY29" s="838"/>
      <c r="BZ29" s="838"/>
      <c r="CA29" s="838"/>
      <c r="CB29" s="838"/>
      <c r="CC29" s="838"/>
      <c r="CD29" s="838"/>
      <c r="CE29" s="838"/>
      <c r="CF29" s="838"/>
      <c r="CG29" s="839"/>
      <c r="CH29" s="840"/>
      <c r="CI29" s="841"/>
      <c r="CJ29" s="841"/>
      <c r="CK29" s="841"/>
      <c r="CL29" s="842"/>
      <c r="CM29" s="840"/>
      <c r="CN29" s="841"/>
      <c r="CO29" s="841"/>
      <c r="CP29" s="841"/>
      <c r="CQ29" s="842"/>
      <c r="CR29" s="840"/>
      <c r="CS29" s="841"/>
      <c r="CT29" s="841"/>
      <c r="CU29" s="841"/>
      <c r="CV29" s="842"/>
      <c r="CW29" s="840"/>
      <c r="CX29" s="841"/>
      <c r="CY29" s="841"/>
      <c r="CZ29" s="841"/>
      <c r="DA29" s="842"/>
      <c r="DB29" s="840"/>
      <c r="DC29" s="841"/>
      <c r="DD29" s="841"/>
      <c r="DE29" s="841"/>
      <c r="DF29" s="842"/>
      <c r="DG29" s="840"/>
      <c r="DH29" s="841"/>
      <c r="DI29" s="841"/>
      <c r="DJ29" s="841"/>
      <c r="DK29" s="842"/>
      <c r="DL29" s="840"/>
      <c r="DM29" s="841"/>
      <c r="DN29" s="841"/>
      <c r="DO29" s="841"/>
      <c r="DP29" s="842"/>
      <c r="DQ29" s="840"/>
      <c r="DR29" s="841"/>
      <c r="DS29" s="841"/>
      <c r="DT29" s="841"/>
      <c r="DU29" s="842"/>
      <c r="DV29" s="837"/>
      <c r="DW29" s="838"/>
      <c r="DX29" s="838"/>
      <c r="DY29" s="838"/>
      <c r="DZ29" s="843"/>
      <c r="EA29" s="225"/>
    </row>
    <row r="30" spans="1:131" ht="26.25" customHeight="1" x14ac:dyDescent="0.2">
      <c r="A30" s="237">
        <v>3</v>
      </c>
      <c r="B30" s="844" t="s">
        <v>402</v>
      </c>
      <c r="C30" s="845"/>
      <c r="D30" s="845"/>
      <c r="E30" s="845"/>
      <c r="F30" s="845"/>
      <c r="G30" s="845"/>
      <c r="H30" s="845"/>
      <c r="I30" s="845"/>
      <c r="J30" s="845"/>
      <c r="K30" s="845"/>
      <c r="L30" s="845"/>
      <c r="M30" s="845"/>
      <c r="N30" s="845"/>
      <c r="O30" s="845"/>
      <c r="P30" s="846"/>
      <c r="Q30" s="847">
        <v>1427</v>
      </c>
      <c r="R30" s="848"/>
      <c r="S30" s="848"/>
      <c r="T30" s="848"/>
      <c r="U30" s="848"/>
      <c r="V30" s="848">
        <v>1421</v>
      </c>
      <c r="W30" s="848"/>
      <c r="X30" s="848"/>
      <c r="Y30" s="848"/>
      <c r="Z30" s="848"/>
      <c r="AA30" s="848">
        <v>6</v>
      </c>
      <c r="AB30" s="848"/>
      <c r="AC30" s="848"/>
      <c r="AD30" s="848"/>
      <c r="AE30" s="849"/>
      <c r="AF30" s="850">
        <v>6</v>
      </c>
      <c r="AG30" s="851"/>
      <c r="AH30" s="851"/>
      <c r="AI30" s="851"/>
      <c r="AJ30" s="852"/>
      <c r="AK30" s="898">
        <v>210</v>
      </c>
      <c r="AL30" s="894"/>
      <c r="AM30" s="894"/>
      <c r="AN30" s="894"/>
      <c r="AO30" s="894"/>
      <c r="AP30" s="894" t="s">
        <v>565</v>
      </c>
      <c r="AQ30" s="894"/>
      <c r="AR30" s="894"/>
      <c r="AS30" s="894"/>
      <c r="AT30" s="894"/>
      <c r="AU30" s="894" t="s">
        <v>565</v>
      </c>
      <c r="AV30" s="894"/>
      <c r="AW30" s="894"/>
      <c r="AX30" s="894"/>
      <c r="AY30" s="894"/>
      <c r="AZ30" s="895"/>
      <c r="BA30" s="895"/>
      <c r="BB30" s="895"/>
      <c r="BC30" s="895"/>
      <c r="BD30" s="895"/>
      <c r="BE30" s="896"/>
      <c r="BF30" s="896"/>
      <c r="BG30" s="896"/>
      <c r="BH30" s="896"/>
      <c r="BI30" s="897"/>
      <c r="BJ30" s="227"/>
      <c r="BK30" s="227"/>
      <c r="BL30" s="227"/>
      <c r="BM30" s="227"/>
      <c r="BN30" s="227"/>
      <c r="BO30" s="236"/>
      <c r="BP30" s="236"/>
      <c r="BQ30" s="233">
        <v>24</v>
      </c>
      <c r="BR30" s="234"/>
      <c r="BS30" s="837"/>
      <c r="BT30" s="838"/>
      <c r="BU30" s="838"/>
      <c r="BV30" s="838"/>
      <c r="BW30" s="838"/>
      <c r="BX30" s="838"/>
      <c r="BY30" s="838"/>
      <c r="BZ30" s="838"/>
      <c r="CA30" s="838"/>
      <c r="CB30" s="838"/>
      <c r="CC30" s="838"/>
      <c r="CD30" s="838"/>
      <c r="CE30" s="838"/>
      <c r="CF30" s="838"/>
      <c r="CG30" s="839"/>
      <c r="CH30" s="840"/>
      <c r="CI30" s="841"/>
      <c r="CJ30" s="841"/>
      <c r="CK30" s="841"/>
      <c r="CL30" s="842"/>
      <c r="CM30" s="840"/>
      <c r="CN30" s="841"/>
      <c r="CO30" s="841"/>
      <c r="CP30" s="841"/>
      <c r="CQ30" s="842"/>
      <c r="CR30" s="840"/>
      <c r="CS30" s="841"/>
      <c r="CT30" s="841"/>
      <c r="CU30" s="841"/>
      <c r="CV30" s="842"/>
      <c r="CW30" s="840"/>
      <c r="CX30" s="841"/>
      <c r="CY30" s="841"/>
      <c r="CZ30" s="841"/>
      <c r="DA30" s="842"/>
      <c r="DB30" s="840"/>
      <c r="DC30" s="841"/>
      <c r="DD30" s="841"/>
      <c r="DE30" s="841"/>
      <c r="DF30" s="842"/>
      <c r="DG30" s="840"/>
      <c r="DH30" s="841"/>
      <c r="DI30" s="841"/>
      <c r="DJ30" s="841"/>
      <c r="DK30" s="842"/>
      <c r="DL30" s="840"/>
      <c r="DM30" s="841"/>
      <c r="DN30" s="841"/>
      <c r="DO30" s="841"/>
      <c r="DP30" s="842"/>
      <c r="DQ30" s="840"/>
      <c r="DR30" s="841"/>
      <c r="DS30" s="841"/>
      <c r="DT30" s="841"/>
      <c r="DU30" s="842"/>
      <c r="DV30" s="837"/>
      <c r="DW30" s="838"/>
      <c r="DX30" s="838"/>
      <c r="DY30" s="838"/>
      <c r="DZ30" s="843"/>
      <c r="EA30" s="225"/>
    </row>
    <row r="31" spans="1:131" ht="26.25" customHeight="1" x14ac:dyDescent="0.2">
      <c r="A31" s="237">
        <v>4</v>
      </c>
      <c r="B31" s="844" t="s">
        <v>403</v>
      </c>
      <c r="C31" s="845"/>
      <c r="D31" s="845"/>
      <c r="E31" s="845"/>
      <c r="F31" s="845"/>
      <c r="G31" s="845"/>
      <c r="H31" s="845"/>
      <c r="I31" s="845"/>
      <c r="J31" s="845"/>
      <c r="K31" s="845"/>
      <c r="L31" s="845"/>
      <c r="M31" s="845"/>
      <c r="N31" s="845"/>
      <c r="O31" s="845"/>
      <c r="P31" s="846"/>
      <c r="Q31" s="847">
        <v>3192</v>
      </c>
      <c r="R31" s="848"/>
      <c r="S31" s="848"/>
      <c r="T31" s="848"/>
      <c r="U31" s="848"/>
      <c r="V31" s="848">
        <v>3176</v>
      </c>
      <c r="W31" s="848"/>
      <c r="X31" s="848"/>
      <c r="Y31" s="848"/>
      <c r="Z31" s="848"/>
      <c r="AA31" s="848">
        <v>16</v>
      </c>
      <c r="AB31" s="848"/>
      <c r="AC31" s="848"/>
      <c r="AD31" s="848"/>
      <c r="AE31" s="849"/>
      <c r="AF31" s="850">
        <v>556</v>
      </c>
      <c r="AG31" s="851"/>
      <c r="AH31" s="851"/>
      <c r="AI31" s="851"/>
      <c r="AJ31" s="852"/>
      <c r="AK31" s="898">
        <v>961</v>
      </c>
      <c r="AL31" s="894"/>
      <c r="AM31" s="894"/>
      <c r="AN31" s="894"/>
      <c r="AO31" s="894"/>
      <c r="AP31" s="894">
        <v>16750</v>
      </c>
      <c r="AQ31" s="894"/>
      <c r="AR31" s="894"/>
      <c r="AS31" s="894"/>
      <c r="AT31" s="894"/>
      <c r="AU31" s="894">
        <v>8325</v>
      </c>
      <c r="AV31" s="894"/>
      <c r="AW31" s="894"/>
      <c r="AX31" s="894"/>
      <c r="AY31" s="894"/>
      <c r="AZ31" s="895" t="s">
        <v>565</v>
      </c>
      <c r="BA31" s="895"/>
      <c r="BB31" s="895"/>
      <c r="BC31" s="895"/>
      <c r="BD31" s="895"/>
      <c r="BE31" s="896" t="s">
        <v>404</v>
      </c>
      <c r="BF31" s="896"/>
      <c r="BG31" s="896"/>
      <c r="BH31" s="896"/>
      <c r="BI31" s="897"/>
      <c r="BJ31" s="227"/>
      <c r="BK31" s="227"/>
      <c r="BL31" s="227"/>
      <c r="BM31" s="227"/>
      <c r="BN31" s="227"/>
      <c r="BO31" s="236"/>
      <c r="BP31" s="236"/>
      <c r="BQ31" s="233">
        <v>25</v>
      </c>
      <c r="BR31" s="234"/>
      <c r="BS31" s="837"/>
      <c r="BT31" s="838"/>
      <c r="BU31" s="838"/>
      <c r="BV31" s="838"/>
      <c r="BW31" s="838"/>
      <c r="BX31" s="838"/>
      <c r="BY31" s="838"/>
      <c r="BZ31" s="838"/>
      <c r="CA31" s="838"/>
      <c r="CB31" s="838"/>
      <c r="CC31" s="838"/>
      <c r="CD31" s="838"/>
      <c r="CE31" s="838"/>
      <c r="CF31" s="838"/>
      <c r="CG31" s="839"/>
      <c r="CH31" s="840"/>
      <c r="CI31" s="841"/>
      <c r="CJ31" s="841"/>
      <c r="CK31" s="841"/>
      <c r="CL31" s="842"/>
      <c r="CM31" s="840"/>
      <c r="CN31" s="841"/>
      <c r="CO31" s="841"/>
      <c r="CP31" s="841"/>
      <c r="CQ31" s="842"/>
      <c r="CR31" s="840"/>
      <c r="CS31" s="841"/>
      <c r="CT31" s="841"/>
      <c r="CU31" s="841"/>
      <c r="CV31" s="842"/>
      <c r="CW31" s="840"/>
      <c r="CX31" s="841"/>
      <c r="CY31" s="841"/>
      <c r="CZ31" s="841"/>
      <c r="DA31" s="842"/>
      <c r="DB31" s="840"/>
      <c r="DC31" s="841"/>
      <c r="DD31" s="841"/>
      <c r="DE31" s="841"/>
      <c r="DF31" s="842"/>
      <c r="DG31" s="840"/>
      <c r="DH31" s="841"/>
      <c r="DI31" s="841"/>
      <c r="DJ31" s="841"/>
      <c r="DK31" s="842"/>
      <c r="DL31" s="840"/>
      <c r="DM31" s="841"/>
      <c r="DN31" s="841"/>
      <c r="DO31" s="841"/>
      <c r="DP31" s="842"/>
      <c r="DQ31" s="840"/>
      <c r="DR31" s="841"/>
      <c r="DS31" s="841"/>
      <c r="DT31" s="841"/>
      <c r="DU31" s="842"/>
      <c r="DV31" s="837"/>
      <c r="DW31" s="838"/>
      <c r="DX31" s="838"/>
      <c r="DY31" s="838"/>
      <c r="DZ31" s="843"/>
      <c r="EA31" s="225"/>
    </row>
    <row r="32" spans="1:131" ht="26.25" customHeight="1" x14ac:dyDescent="0.2">
      <c r="A32" s="237">
        <v>5</v>
      </c>
      <c r="B32" s="844"/>
      <c r="C32" s="845"/>
      <c r="D32" s="845"/>
      <c r="E32" s="845"/>
      <c r="F32" s="845"/>
      <c r="G32" s="845"/>
      <c r="H32" s="845"/>
      <c r="I32" s="845"/>
      <c r="J32" s="845"/>
      <c r="K32" s="845"/>
      <c r="L32" s="845"/>
      <c r="M32" s="845"/>
      <c r="N32" s="845"/>
      <c r="O32" s="845"/>
      <c r="P32" s="846"/>
      <c r="Q32" s="847"/>
      <c r="R32" s="848"/>
      <c r="S32" s="848"/>
      <c r="T32" s="848"/>
      <c r="U32" s="848"/>
      <c r="V32" s="848"/>
      <c r="W32" s="848"/>
      <c r="X32" s="848"/>
      <c r="Y32" s="848"/>
      <c r="Z32" s="848"/>
      <c r="AA32" s="848"/>
      <c r="AB32" s="848"/>
      <c r="AC32" s="848"/>
      <c r="AD32" s="848"/>
      <c r="AE32" s="849"/>
      <c r="AF32" s="850"/>
      <c r="AG32" s="851"/>
      <c r="AH32" s="851"/>
      <c r="AI32" s="851"/>
      <c r="AJ32" s="852"/>
      <c r="AK32" s="898"/>
      <c r="AL32" s="894"/>
      <c r="AM32" s="894"/>
      <c r="AN32" s="894"/>
      <c r="AO32" s="894"/>
      <c r="AP32" s="894"/>
      <c r="AQ32" s="894"/>
      <c r="AR32" s="894"/>
      <c r="AS32" s="894"/>
      <c r="AT32" s="894"/>
      <c r="AU32" s="894"/>
      <c r="AV32" s="894"/>
      <c r="AW32" s="894"/>
      <c r="AX32" s="894"/>
      <c r="AY32" s="894"/>
      <c r="AZ32" s="895"/>
      <c r="BA32" s="895"/>
      <c r="BB32" s="895"/>
      <c r="BC32" s="895"/>
      <c r="BD32" s="895"/>
      <c r="BE32" s="896"/>
      <c r="BF32" s="896"/>
      <c r="BG32" s="896"/>
      <c r="BH32" s="896"/>
      <c r="BI32" s="897"/>
      <c r="BJ32" s="227"/>
      <c r="BK32" s="227"/>
      <c r="BL32" s="227"/>
      <c r="BM32" s="227"/>
      <c r="BN32" s="227"/>
      <c r="BO32" s="236"/>
      <c r="BP32" s="236"/>
      <c r="BQ32" s="233">
        <v>26</v>
      </c>
      <c r="BR32" s="234"/>
      <c r="BS32" s="837"/>
      <c r="BT32" s="838"/>
      <c r="BU32" s="838"/>
      <c r="BV32" s="838"/>
      <c r="BW32" s="838"/>
      <c r="BX32" s="838"/>
      <c r="BY32" s="838"/>
      <c r="BZ32" s="838"/>
      <c r="CA32" s="838"/>
      <c r="CB32" s="838"/>
      <c r="CC32" s="838"/>
      <c r="CD32" s="838"/>
      <c r="CE32" s="838"/>
      <c r="CF32" s="838"/>
      <c r="CG32" s="839"/>
      <c r="CH32" s="840"/>
      <c r="CI32" s="841"/>
      <c r="CJ32" s="841"/>
      <c r="CK32" s="841"/>
      <c r="CL32" s="842"/>
      <c r="CM32" s="840"/>
      <c r="CN32" s="841"/>
      <c r="CO32" s="841"/>
      <c r="CP32" s="841"/>
      <c r="CQ32" s="842"/>
      <c r="CR32" s="840"/>
      <c r="CS32" s="841"/>
      <c r="CT32" s="841"/>
      <c r="CU32" s="841"/>
      <c r="CV32" s="842"/>
      <c r="CW32" s="840"/>
      <c r="CX32" s="841"/>
      <c r="CY32" s="841"/>
      <c r="CZ32" s="841"/>
      <c r="DA32" s="842"/>
      <c r="DB32" s="840"/>
      <c r="DC32" s="841"/>
      <c r="DD32" s="841"/>
      <c r="DE32" s="841"/>
      <c r="DF32" s="842"/>
      <c r="DG32" s="840"/>
      <c r="DH32" s="841"/>
      <c r="DI32" s="841"/>
      <c r="DJ32" s="841"/>
      <c r="DK32" s="842"/>
      <c r="DL32" s="840"/>
      <c r="DM32" s="841"/>
      <c r="DN32" s="841"/>
      <c r="DO32" s="841"/>
      <c r="DP32" s="842"/>
      <c r="DQ32" s="840"/>
      <c r="DR32" s="841"/>
      <c r="DS32" s="841"/>
      <c r="DT32" s="841"/>
      <c r="DU32" s="842"/>
      <c r="DV32" s="837"/>
      <c r="DW32" s="838"/>
      <c r="DX32" s="838"/>
      <c r="DY32" s="838"/>
      <c r="DZ32" s="843"/>
      <c r="EA32" s="225"/>
    </row>
    <row r="33" spans="1:131" ht="26.25" customHeight="1" x14ac:dyDescent="0.2">
      <c r="A33" s="237">
        <v>6</v>
      </c>
      <c r="B33" s="844"/>
      <c r="C33" s="845"/>
      <c r="D33" s="845"/>
      <c r="E33" s="845"/>
      <c r="F33" s="845"/>
      <c r="G33" s="845"/>
      <c r="H33" s="845"/>
      <c r="I33" s="845"/>
      <c r="J33" s="845"/>
      <c r="K33" s="845"/>
      <c r="L33" s="845"/>
      <c r="M33" s="845"/>
      <c r="N33" s="845"/>
      <c r="O33" s="845"/>
      <c r="P33" s="846"/>
      <c r="Q33" s="847"/>
      <c r="R33" s="848"/>
      <c r="S33" s="848"/>
      <c r="T33" s="848"/>
      <c r="U33" s="848"/>
      <c r="V33" s="848"/>
      <c r="W33" s="848"/>
      <c r="X33" s="848"/>
      <c r="Y33" s="848"/>
      <c r="Z33" s="848"/>
      <c r="AA33" s="848"/>
      <c r="AB33" s="848"/>
      <c r="AC33" s="848"/>
      <c r="AD33" s="848"/>
      <c r="AE33" s="849"/>
      <c r="AF33" s="850"/>
      <c r="AG33" s="851"/>
      <c r="AH33" s="851"/>
      <c r="AI33" s="851"/>
      <c r="AJ33" s="852"/>
      <c r="AK33" s="898"/>
      <c r="AL33" s="894"/>
      <c r="AM33" s="894"/>
      <c r="AN33" s="894"/>
      <c r="AO33" s="894"/>
      <c r="AP33" s="894"/>
      <c r="AQ33" s="894"/>
      <c r="AR33" s="894"/>
      <c r="AS33" s="894"/>
      <c r="AT33" s="894"/>
      <c r="AU33" s="894"/>
      <c r="AV33" s="894"/>
      <c r="AW33" s="894"/>
      <c r="AX33" s="894"/>
      <c r="AY33" s="894"/>
      <c r="AZ33" s="895"/>
      <c r="BA33" s="895"/>
      <c r="BB33" s="895"/>
      <c r="BC33" s="895"/>
      <c r="BD33" s="895"/>
      <c r="BE33" s="896"/>
      <c r="BF33" s="896"/>
      <c r="BG33" s="896"/>
      <c r="BH33" s="896"/>
      <c r="BI33" s="897"/>
      <c r="BJ33" s="227"/>
      <c r="BK33" s="227"/>
      <c r="BL33" s="227"/>
      <c r="BM33" s="227"/>
      <c r="BN33" s="227"/>
      <c r="BO33" s="236"/>
      <c r="BP33" s="236"/>
      <c r="BQ33" s="233">
        <v>27</v>
      </c>
      <c r="BR33" s="234"/>
      <c r="BS33" s="837"/>
      <c r="BT33" s="838"/>
      <c r="BU33" s="838"/>
      <c r="BV33" s="838"/>
      <c r="BW33" s="838"/>
      <c r="BX33" s="838"/>
      <c r="BY33" s="838"/>
      <c r="BZ33" s="838"/>
      <c r="CA33" s="838"/>
      <c r="CB33" s="838"/>
      <c r="CC33" s="838"/>
      <c r="CD33" s="838"/>
      <c r="CE33" s="838"/>
      <c r="CF33" s="838"/>
      <c r="CG33" s="839"/>
      <c r="CH33" s="840"/>
      <c r="CI33" s="841"/>
      <c r="CJ33" s="841"/>
      <c r="CK33" s="841"/>
      <c r="CL33" s="842"/>
      <c r="CM33" s="840"/>
      <c r="CN33" s="841"/>
      <c r="CO33" s="841"/>
      <c r="CP33" s="841"/>
      <c r="CQ33" s="842"/>
      <c r="CR33" s="840"/>
      <c r="CS33" s="841"/>
      <c r="CT33" s="841"/>
      <c r="CU33" s="841"/>
      <c r="CV33" s="842"/>
      <c r="CW33" s="840"/>
      <c r="CX33" s="841"/>
      <c r="CY33" s="841"/>
      <c r="CZ33" s="841"/>
      <c r="DA33" s="842"/>
      <c r="DB33" s="840"/>
      <c r="DC33" s="841"/>
      <c r="DD33" s="841"/>
      <c r="DE33" s="841"/>
      <c r="DF33" s="842"/>
      <c r="DG33" s="840"/>
      <c r="DH33" s="841"/>
      <c r="DI33" s="841"/>
      <c r="DJ33" s="841"/>
      <c r="DK33" s="842"/>
      <c r="DL33" s="840"/>
      <c r="DM33" s="841"/>
      <c r="DN33" s="841"/>
      <c r="DO33" s="841"/>
      <c r="DP33" s="842"/>
      <c r="DQ33" s="840"/>
      <c r="DR33" s="841"/>
      <c r="DS33" s="841"/>
      <c r="DT33" s="841"/>
      <c r="DU33" s="842"/>
      <c r="DV33" s="837"/>
      <c r="DW33" s="838"/>
      <c r="DX33" s="838"/>
      <c r="DY33" s="838"/>
      <c r="DZ33" s="843"/>
      <c r="EA33" s="225"/>
    </row>
    <row r="34" spans="1:131" ht="26.25" customHeight="1" x14ac:dyDescent="0.2">
      <c r="A34" s="237">
        <v>7</v>
      </c>
      <c r="B34" s="844"/>
      <c r="C34" s="845"/>
      <c r="D34" s="845"/>
      <c r="E34" s="845"/>
      <c r="F34" s="845"/>
      <c r="G34" s="845"/>
      <c r="H34" s="845"/>
      <c r="I34" s="845"/>
      <c r="J34" s="845"/>
      <c r="K34" s="845"/>
      <c r="L34" s="845"/>
      <c r="M34" s="845"/>
      <c r="N34" s="845"/>
      <c r="O34" s="845"/>
      <c r="P34" s="846"/>
      <c r="Q34" s="847"/>
      <c r="R34" s="848"/>
      <c r="S34" s="848"/>
      <c r="T34" s="848"/>
      <c r="U34" s="848"/>
      <c r="V34" s="848"/>
      <c r="W34" s="848"/>
      <c r="X34" s="848"/>
      <c r="Y34" s="848"/>
      <c r="Z34" s="848"/>
      <c r="AA34" s="848"/>
      <c r="AB34" s="848"/>
      <c r="AC34" s="848"/>
      <c r="AD34" s="848"/>
      <c r="AE34" s="849"/>
      <c r="AF34" s="850"/>
      <c r="AG34" s="851"/>
      <c r="AH34" s="851"/>
      <c r="AI34" s="851"/>
      <c r="AJ34" s="852"/>
      <c r="AK34" s="898"/>
      <c r="AL34" s="894"/>
      <c r="AM34" s="894"/>
      <c r="AN34" s="894"/>
      <c r="AO34" s="894"/>
      <c r="AP34" s="894"/>
      <c r="AQ34" s="894"/>
      <c r="AR34" s="894"/>
      <c r="AS34" s="894"/>
      <c r="AT34" s="894"/>
      <c r="AU34" s="894"/>
      <c r="AV34" s="894"/>
      <c r="AW34" s="894"/>
      <c r="AX34" s="894"/>
      <c r="AY34" s="894"/>
      <c r="AZ34" s="895"/>
      <c r="BA34" s="895"/>
      <c r="BB34" s="895"/>
      <c r="BC34" s="895"/>
      <c r="BD34" s="895"/>
      <c r="BE34" s="896"/>
      <c r="BF34" s="896"/>
      <c r="BG34" s="896"/>
      <c r="BH34" s="896"/>
      <c r="BI34" s="897"/>
      <c r="BJ34" s="227"/>
      <c r="BK34" s="227"/>
      <c r="BL34" s="227"/>
      <c r="BM34" s="227"/>
      <c r="BN34" s="227"/>
      <c r="BO34" s="236"/>
      <c r="BP34" s="236"/>
      <c r="BQ34" s="233">
        <v>28</v>
      </c>
      <c r="BR34" s="234"/>
      <c r="BS34" s="837"/>
      <c r="BT34" s="838"/>
      <c r="BU34" s="838"/>
      <c r="BV34" s="838"/>
      <c r="BW34" s="838"/>
      <c r="BX34" s="838"/>
      <c r="BY34" s="838"/>
      <c r="BZ34" s="838"/>
      <c r="CA34" s="838"/>
      <c r="CB34" s="838"/>
      <c r="CC34" s="838"/>
      <c r="CD34" s="838"/>
      <c r="CE34" s="838"/>
      <c r="CF34" s="838"/>
      <c r="CG34" s="839"/>
      <c r="CH34" s="840"/>
      <c r="CI34" s="841"/>
      <c r="CJ34" s="841"/>
      <c r="CK34" s="841"/>
      <c r="CL34" s="842"/>
      <c r="CM34" s="840"/>
      <c r="CN34" s="841"/>
      <c r="CO34" s="841"/>
      <c r="CP34" s="841"/>
      <c r="CQ34" s="842"/>
      <c r="CR34" s="840"/>
      <c r="CS34" s="841"/>
      <c r="CT34" s="841"/>
      <c r="CU34" s="841"/>
      <c r="CV34" s="842"/>
      <c r="CW34" s="840"/>
      <c r="CX34" s="841"/>
      <c r="CY34" s="841"/>
      <c r="CZ34" s="841"/>
      <c r="DA34" s="842"/>
      <c r="DB34" s="840"/>
      <c r="DC34" s="841"/>
      <c r="DD34" s="841"/>
      <c r="DE34" s="841"/>
      <c r="DF34" s="842"/>
      <c r="DG34" s="840"/>
      <c r="DH34" s="841"/>
      <c r="DI34" s="841"/>
      <c r="DJ34" s="841"/>
      <c r="DK34" s="842"/>
      <c r="DL34" s="840"/>
      <c r="DM34" s="841"/>
      <c r="DN34" s="841"/>
      <c r="DO34" s="841"/>
      <c r="DP34" s="842"/>
      <c r="DQ34" s="840"/>
      <c r="DR34" s="841"/>
      <c r="DS34" s="841"/>
      <c r="DT34" s="841"/>
      <c r="DU34" s="842"/>
      <c r="DV34" s="837"/>
      <c r="DW34" s="838"/>
      <c r="DX34" s="838"/>
      <c r="DY34" s="838"/>
      <c r="DZ34" s="843"/>
      <c r="EA34" s="225"/>
    </row>
    <row r="35" spans="1:131" ht="26.25" customHeight="1" x14ac:dyDescent="0.2">
      <c r="A35" s="237">
        <v>8</v>
      </c>
      <c r="B35" s="844"/>
      <c r="C35" s="845"/>
      <c r="D35" s="845"/>
      <c r="E35" s="845"/>
      <c r="F35" s="845"/>
      <c r="G35" s="845"/>
      <c r="H35" s="845"/>
      <c r="I35" s="845"/>
      <c r="J35" s="845"/>
      <c r="K35" s="845"/>
      <c r="L35" s="845"/>
      <c r="M35" s="845"/>
      <c r="N35" s="845"/>
      <c r="O35" s="845"/>
      <c r="P35" s="846"/>
      <c r="Q35" s="847"/>
      <c r="R35" s="848"/>
      <c r="S35" s="848"/>
      <c r="T35" s="848"/>
      <c r="U35" s="848"/>
      <c r="V35" s="848"/>
      <c r="W35" s="848"/>
      <c r="X35" s="848"/>
      <c r="Y35" s="848"/>
      <c r="Z35" s="848"/>
      <c r="AA35" s="848"/>
      <c r="AB35" s="848"/>
      <c r="AC35" s="848"/>
      <c r="AD35" s="848"/>
      <c r="AE35" s="849"/>
      <c r="AF35" s="850"/>
      <c r="AG35" s="851"/>
      <c r="AH35" s="851"/>
      <c r="AI35" s="851"/>
      <c r="AJ35" s="852"/>
      <c r="AK35" s="898"/>
      <c r="AL35" s="894"/>
      <c r="AM35" s="894"/>
      <c r="AN35" s="894"/>
      <c r="AO35" s="894"/>
      <c r="AP35" s="894"/>
      <c r="AQ35" s="894"/>
      <c r="AR35" s="894"/>
      <c r="AS35" s="894"/>
      <c r="AT35" s="894"/>
      <c r="AU35" s="894"/>
      <c r="AV35" s="894"/>
      <c r="AW35" s="894"/>
      <c r="AX35" s="894"/>
      <c r="AY35" s="894"/>
      <c r="AZ35" s="895"/>
      <c r="BA35" s="895"/>
      <c r="BB35" s="895"/>
      <c r="BC35" s="895"/>
      <c r="BD35" s="895"/>
      <c r="BE35" s="896"/>
      <c r="BF35" s="896"/>
      <c r="BG35" s="896"/>
      <c r="BH35" s="896"/>
      <c r="BI35" s="897"/>
      <c r="BJ35" s="227"/>
      <c r="BK35" s="227"/>
      <c r="BL35" s="227"/>
      <c r="BM35" s="227"/>
      <c r="BN35" s="227"/>
      <c r="BO35" s="236"/>
      <c r="BP35" s="236"/>
      <c r="BQ35" s="233">
        <v>29</v>
      </c>
      <c r="BR35" s="234"/>
      <c r="BS35" s="837"/>
      <c r="BT35" s="838"/>
      <c r="BU35" s="838"/>
      <c r="BV35" s="838"/>
      <c r="BW35" s="838"/>
      <c r="BX35" s="838"/>
      <c r="BY35" s="838"/>
      <c r="BZ35" s="838"/>
      <c r="CA35" s="838"/>
      <c r="CB35" s="838"/>
      <c r="CC35" s="838"/>
      <c r="CD35" s="838"/>
      <c r="CE35" s="838"/>
      <c r="CF35" s="838"/>
      <c r="CG35" s="839"/>
      <c r="CH35" s="840"/>
      <c r="CI35" s="841"/>
      <c r="CJ35" s="841"/>
      <c r="CK35" s="841"/>
      <c r="CL35" s="842"/>
      <c r="CM35" s="840"/>
      <c r="CN35" s="841"/>
      <c r="CO35" s="841"/>
      <c r="CP35" s="841"/>
      <c r="CQ35" s="842"/>
      <c r="CR35" s="840"/>
      <c r="CS35" s="841"/>
      <c r="CT35" s="841"/>
      <c r="CU35" s="841"/>
      <c r="CV35" s="842"/>
      <c r="CW35" s="840"/>
      <c r="CX35" s="841"/>
      <c r="CY35" s="841"/>
      <c r="CZ35" s="841"/>
      <c r="DA35" s="842"/>
      <c r="DB35" s="840"/>
      <c r="DC35" s="841"/>
      <c r="DD35" s="841"/>
      <c r="DE35" s="841"/>
      <c r="DF35" s="842"/>
      <c r="DG35" s="840"/>
      <c r="DH35" s="841"/>
      <c r="DI35" s="841"/>
      <c r="DJ35" s="841"/>
      <c r="DK35" s="842"/>
      <c r="DL35" s="840"/>
      <c r="DM35" s="841"/>
      <c r="DN35" s="841"/>
      <c r="DO35" s="841"/>
      <c r="DP35" s="842"/>
      <c r="DQ35" s="840"/>
      <c r="DR35" s="841"/>
      <c r="DS35" s="841"/>
      <c r="DT35" s="841"/>
      <c r="DU35" s="842"/>
      <c r="DV35" s="837"/>
      <c r="DW35" s="838"/>
      <c r="DX35" s="838"/>
      <c r="DY35" s="838"/>
      <c r="DZ35" s="843"/>
      <c r="EA35" s="225"/>
    </row>
    <row r="36" spans="1:131" ht="26.25" customHeight="1" x14ac:dyDescent="0.2">
      <c r="A36" s="237">
        <v>9</v>
      </c>
      <c r="B36" s="844"/>
      <c r="C36" s="845"/>
      <c r="D36" s="845"/>
      <c r="E36" s="845"/>
      <c r="F36" s="845"/>
      <c r="G36" s="845"/>
      <c r="H36" s="845"/>
      <c r="I36" s="845"/>
      <c r="J36" s="845"/>
      <c r="K36" s="845"/>
      <c r="L36" s="845"/>
      <c r="M36" s="845"/>
      <c r="N36" s="845"/>
      <c r="O36" s="845"/>
      <c r="P36" s="846"/>
      <c r="Q36" s="847"/>
      <c r="R36" s="848"/>
      <c r="S36" s="848"/>
      <c r="T36" s="848"/>
      <c r="U36" s="848"/>
      <c r="V36" s="848"/>
      <c r="W36" s="848"/>
      <c r="X36" s="848"/>
      <c r="Y36" s="848"/>
      <c r="Z36" s="848"/>
      <c r="AA36" s="848"/>
      <c r="AB36" s="848"/>
      <c r="AC36" s="848"/>
      <c r="AD36" s="848"/>
      <c r="AE36" s="849"/>
      <c r="AF36" s="850"/>
      <c r="AG36" s="851"/>
      <c r="AH36" s="851"/>
      <c r="AI36" s="851"/>
      <c r="AJ36" s="852"/>
      <c r="AK36" s="898"/>
      <c r="AL36" s="894"/>
      <c r="AM36" s="894"/>
      <c r="AN36" s="894"/>
      <c r="AO36" s="894"/>
      <c r="AP36" s="894"/>
      <c r="AQ36" s="894"/>
      <c r="AR36" s="894"/>
      <c r="AS36" s="894"/>
      <c r="AT36" s="894"/>
      <c r="AU36" s="894"/>
      <c r="AV36" s="894"/>
      <c r="AW36" s="894"/>
      <c r="AX36" s="894"/>
      <c r="AY36" s="894"/>
      <c r="AZ36" s="895"/>
      <c r="BA36" s="895"/>
      <c r="BB36" s="895"/>
      <c r="BC36" s="895"/>
      <c r="BD36" s="895"/>
      <c r="BE36" s="896"/>
      <c r="BF36" s="896"/>
      <c r="BG36" s="896"/>
      <c r="BH36" s="896"/>
      <c r="BI36" s="897"/>
      <c r="BJ36" s="227"/>
      <c r="BK36" s="227"/>
      <c r="BL36" s="227"/>
      <c r="BM36" s="227"/>
      <c r="BN36" s="227"/>
      <c r="BO36" s="236"/>
      <c r="BP36" s="236"/>
      <c r="BQ36" s="233">
        <v>30</v>
      </c>
      <c r="BR36" s="234"/>
      <c r="BS36" s="837"/>
      <c r="BT36" s="838"/>
      <c r="BU36" s="838"/>
      <c r="BV36" s="838"/>
      <c r="BW36" s="838"/>
      <c r="BX36" s="838"/>
      <c r="BY36" s="838"/>
      <c r="BZ36" s="838"/>
      <c r="CA36" s="838"/>
      <c r="CB36" s="838"/>
      <c r="CC36" s="838"/>
      <c r="CD36" s="838"/>
      <c r="CE36" s="838"/>
      <c r="CF36" s="838"/>
      <c r="CG36" s="839"/>
      <c r="CH36" s="840"/>
      <c r="CI36" s="841"/>
      <c r="CJ36" s="841"/>
      <c r="CK36" s="841"/>
      <c r="CL36" s="842"/>
      <c r="CM36" s="840"/>
      <c r="CN36" s="841"/>
      <c r="CO36" s="841"/>
      <c r="CP36" s="841"/>
      <c r="CQ36" s="842"/>
      <c r="CR36" s="840"/>
      <c r="CS36" s="841"/>
      <c r="CT36" s="841"/>
      <c r="CU36" s="841"/>
      <c r="CV36" s="842"/>
      <c r="CW36" s="840"/>
      <c r="CX36" s="841"/>
      <c r="CY36" s="841"/>
      <c r="CZ36" s="841"/>
      <c r="DA36" s="842"/>
      <c r="DB36" s="840"/>
      <c r="DC36" s="841"/>
      <c r="DD36" s="841"/>
      <c r="DE36" s="841"/>
      <c r="DF36" s="842"/>
      <c r="DG36" s="840"/>
      <c r="DH36" s="841"/>
      <c r="DI36" s="841"/>
      <c r="DJ36" s="841"/>
      <c r="DK36" s="842"/>
      <c r="DL36" s="840"/>
      <c r="DM36" s="841"/>
      <c r="DN36" s="841"/>
      <c r="DO36" s="841"/>
      <c r="DP36" s="842"/>
      <c r="DQ36" s="840"/>
      <c r="DR36" s="841"/>
      <c r="DS36" s="841"/>
      <c r="DT36" s="841"/>
      <c r="DU36" s="842"/>
      <c r="DV36" s="837"/>
      <c r="DW36" s="838"/>
      <c r="DX36" s="838"/>
      <c r="DY36" s="838"/>
      <c r="DZ36" s="843"/>
      <c r="EA36" s="225"/>
    </row>
    <row r="37" spans="1:131" ht="26.25" customHeight="1" x14ac:dyDescent="0.2">
      <c r="A37" s="237">
        <v>10</v>
      </c>
      <c r="B37" s="844"/>
      <c r="C37" s="845"/>
      <c r="D37" s="845"/>
      <c r="E37" s="845"/>
      <c r="F37" s="845"/>
      <c r="G37" s="845"/>
      <c r="H37" s="845"/>
      <c r="I37" s="845"/>
      <c r="J37" s="845"/>
      <c r="K37" s="845"/>
      <c r="L37" s="845"/>
      <c r="M37" s="845"/>
      <c r="N37" s="845"/>
      <c r="O37" s="845"/>
      <c r="P37" s="846"/>
      <c r="Q37" s="847"/>
      <c r="R37" s="848"/>
      <c r="S37" s="848"/>
      <c r="T37" s="848"/>
      <c r="U37" s="848"/>
      <c r="V37" s="848"/>
      <c r="W37" s="848"/>
      <c r="X37" s="848"/>
      <c r="Y37" s="848"/>
      <c r="Z37" s="848"/>
      <c r="AA37" s="848"/>
      <c r="AB37" s="848"/>
      <c r="AC37" s="848"/>
      <c r="AD37" s="848"/>
      <c r="AE37" s="849"/>
      <c r="AF37" s="850"/>
      <c r="AG37" s="851"/>
      <c r="AH37" s="851"/>
      <c r="AI37" s="851"/>
      <c r="AJ37" s="852"/>
      <c r="AK37" s="898"/>
      <c r="AL37" s="894"/>
      <c r="AM37" s="894"/>
      <c r="AN37" s="894"/>
      <c r="AO37" s="894"/>
      <c r="AP37" s="894"/>
      <c r="AQ37" s="894"/>
      <c r="AR37" s="894"/>
      <c r="AS37" s="894"/>
      <c r="AT37" s="894"/>
      <c r="AU37" s="894"/>
      <c r="AV37" s="894"/>
      <c r="AW37" s="894"/>
      <c r="AX37" s="894"/>
      <c r="AY37" s="894"/>
      <c r="AZ37" s="895"/>
      <c r="BA37" s="895"/>
      <c r="BB37" s="895"/>
      <c r="BC37" s="895"/>
      <c r="BD37" s="895"/>
      <c r="BE37" s="896"/>
      <c r="BF37" s="896"/>
      <c r="BG37" s="896"/>
      <c r="BH37" s="896"/>
      <c r="BI37" s="897"/>
      <c r="BJ37" s="227"/>
      <c r="BK37" s="227"/>
      <c r="BL37" s="227"/>
      <c r="BM37" s="227"/>
      <c r="BN37" s="227"/>
      <c r="BO37" s="236"/>
      <c r="BP37" s="236"/>
      <c r="BQ37" s="233">
        <v>31</v>
      </c>
      <c r="BR37" s="234"/>
      <c r="BS37" s="837"/>
      <c r="BT37" s="838"/>
      <c r="BU37" s="838"/>
      <c r="BV37" s="838"/>
      <c r="BW37" s="838"/>
      <c r="BX37" s="838"/>
      <c r="BY37" s="838"/>
      <c r="BZ37" s="838"/>
      <c r="CA37" s="838"/>
      <c r="CB37" s="838"/>
      <c r="CC37" s="838"/>
      <c r="CD37" s="838"/>
      <c r="CE37" s="838"/>
      <c r="CF37" s="838"/>
      <c r="CG37" s="839"/>
      <c r="CH37" s="840"/>
      <c r="CI37" s="841"/>
      <c r="CJ37" s="841"/>
      <c r="CK37" s="841"/>
      <c r="CL37" s="842"/>
      <c r="CM37" s="840"/>
      <c r="CN37" s="841"/>
      <c r="CO37" s="841"/>
      <c r="CP37" s="841"/>
      <c r="CQ37" s="842"/>
      <c r="CR37" s="840"/>
      <c r="CS37" s="841"/>
      <c r="CT37" s="841"/>
      <c r="CU37" s="841"/>
      <c r="CV37" s="842"/>
      <c r="CW37" s="840"/>
      <c r="CX37" s="841"/>
      <c r="CY37" s="841"/>
      <c r="CZ37" s="841"/>
      <c r="DA37" s="842"/>
      <c r="DB37" s="840"/>
      <c r="DC37" s="841"/>
      <c r="DD37" s="841"/>
      <c r="DE37" s="841"/>
      <c r="DF37" s="842"/>
      <c r="DG37" s="840"/>
      <c r="DH37" s="841"/>
      <c r="DI37" s="841"/>
      <c r="DJ37" s="841"/>
      <c r="DK37" s="842"/>
      <c r="DL37" s="840"/>
      <c r="DM37" s="841"/>
      <c r="DN37" s="841"/>
      <c r="DO37" s="841"/>
      <c r="DP37" s="842"/>
      <c r="DQ37" s="840"/>
      <c r="DR37" s="841"/>
      <c r="DS37" s="841"/>
      <c r="DT37" s="841"/>
      <c r="DU37" s="842"/>
      <c r="DV37" s="837"/>
      <c r="DW37" s="838"/>
      <c r="DX37" s="838"/>
      <c r="DY37" s="838"/>
      <c r="DZ37" s="843"/>
      <c r="EA37" s="225"/>
    </row>
    <row r="38" spans="1:131" ht="26.25" customHeight="1" x14ac:dyDescent="0.2">
      <c r="A38" s="237">
        <v>11</v>
      </c>
      <c r="B38" s="844"/>
      <c r="C38" s="845"/>
      <c r="D38" s="845"/>
      <c r="E38" s="845"/>
      <c r="F38" s="845"/>
      <c r="G38" s="845"/>
      <c r="H38" s="845"/>
      <c r="I38" s="845"/>
      <c r="J38" s="845"/>
      <c r="K38" s="845"/>
      <c r="L38" s="845"/>
      <c r="M38" s="845"/>
      <c r="N38" s="845"/>
      <c r="O38" s="845"/>
      <c r="P38" s="846"/>
      <c r="Q38" s="847"/>
      <c r="R38" s="848"/>
      <c r="S38" s="848"/>
      <c r="T38" s="848"/>
      <c r="U38" s="848"/>
      <c r="V38" s="848"/>
      <c r="W38" s="848"/>
      <c r="X38" s="848"/>
      <c r="Y38" s="848"/>
      <c r="Z38" s="848"/>
      <c r="AA38" s="848"/>
      <c r="AB38" s="848"/>
      <c r="AC38" s="848"/>
      <c r="AD38" s="848"/>
      <c r="AE38" s="849"/>
      <c r="AF38" s="850"/>
      <c r="AG38" s="851"/>
      <c r="AH38" s="851"/>
      <c r="AI38" s="851"/>
      <c r="AJ38" s="852"/>
      <c r="AK38" s="898"/>
      <c r="AL38" s="894"/>
      <c r="AM38" s="894"/>
      <c r="AN38" s="894"/>
      <c r="AO38" s="894"/>
      <c r="AP38" s="894"/>
      <c r="AQ38" s="894"/>
      <c r="AR38" s="894"/>
      <c r="AS38" s="894"/>
      <c r="AT38" s="894"/>
      <c r="AU38" s="894"/>
      <c r="AV38" s="894"/>
      <c r="AW38" s="894"/>
      <c r="AX38" s="894"/>
      <c r="AY38" s="894"/>
      <c r="AZ38" s="895"/>
      <c r="BA38" s="895"/>
      <c r="BB38" s="895"/>
      <c r="BC38" s="895"/>
      <c r="BD38" s="895"/>
      <c r="BE38" s="896"/>
      <c r="BF38" s="896"/>
      <c r="BG38" s="896"/>
      <c r="BH38" s="896"/>
      <c r="BI38" s="897"/>
      <c r="BJ38" s="227"/>
      <c r="BK38" s="227"/>
      <c r="BL38" s="227"/>
      <c r="BM38" s="227"/>
      <c r="BN38" s="227"/>
      <c r="BO38" s="236"/>
      <c r="BP38" s="236"/>
      <c r="BQ38" s="233">
        <v>32</v>
      </c>
      <c r="BR38" s="234"/>
      <c r="BS38" s="837"/>
      <c r="BT38" s="838"/>
      <c r="BU38" s="838"/>
      <c r="BV38" s="838"/>
      <c r="BW38" s="838"/>
      <c r="BX38" s="838"/>
      <c r="BY38" s="838"/>
      <c r="BZ38" s="838"/>
      <c r="CA38" s="838"/>
      <c r="CB38" s="838"/>
      <c r="CC38" s="838"/>
      <c r="CD38" s="838"/>
      <c r="CE38" s="838"/>
      <c r="CF38" s="838"/>
      <c r="CG38" s="839"/>
      <c r="CH38" s="840"/>
      <c r="CI38" s="841"/>
      <c r="CJ38" s="841"/>
      <c r="CK38" s="841"/>
      <c r="CL38" s="842"/>
      <c r="CM38" s="840"/>
      <c r="CN38" s="841"/>
      <c r="CO38" s="841"/>
      <c r="CP38" s="841"/>
      <c r="CQ38" s="842"/>
      <c r="CR38" s="840"/>
      <c r="CS38" s="841"/>
      <c r="CT38" s="841"/>
      <c r="CU38" s="841"/>
      <c r="CV38" s="842"/>
      <c r="CW38" s="840"/>
      <c r="CX38" s="841"/>
      <c r="CY38" s="841"/>
      <c r="CZ38" s="841"/>
      <c r="DA38" s="842"/>
      <c r="DB38" s="840"/>
      <c r="DC38" s="841"/>
      <c r="DD38" s="841"/>
      <c r="DE38" s="841"/>
      <c r="DF38" s="842"/>
      <c r="DG38" s="840"/>
      <c r="DH38" s="841"/>
      <c r="DI38" s="841"/>
      <c r="DJ38" s="841"/>
      <c r="DK38" s="842"/>
      <c r="DL38" s="840"/>
      <c r="DM38" s="841"/>
      <c r="DN38" s="841"/>
      <c r="DO38" s="841"/>
      <c r="DP38" s="842"/>
      <c r="DQ38" s="840"/>
      <c r="DR38" s="841"/>
      <c r="DS38" s="841"/>
      <c r="DT38" s="841"/>
      <c r="DU38" s="842"/>
      <c r="DV38" s="837"/>
      <c r="DW38" s="838"/>
      <c r="DX38" s="838"/>
      <c r="DY38" s="838"/>
      <c r="DZ38" s="843"/>
      <c r="EA38" s="225"/>
    </row>
    <row r="39" spans="1:131" ht="26.25" customHeight="1" x14ac:dyDescent="0.2">
      <c r="A39" s="237">
        <v>12</v>
      </c>
      <c r="B39" s="844"/>
      <c r="C39" s="845"/>
      <c r="D39" s="845"/>
      <c r="E39" s="845"/>
      <c r="F39" s="845"/>
      <c r="G39" s="845"/>
      <c r="H39" s="845"/>
      <c r="I39" s="845"/>
      <c r="J39" s="845"/>
      <c r="K39" s="845"/>
      <c r="L39" s="845"/>
      <c r="M39" s="845"/>
      <c r="N39" s="845"/>
      <c r="O39" s="845"/>
      <c r="P39" s="846"/>
      <c r="Q39" s="847"/>
      <c r="R39" s="848"/>
      <c r="S39" s="848"/>
      <c r="T39" s="848"/>
      <c r="U39" s="848"/>
      <c r="V39" s="848"/>
      <c r="W39" s="848"/>
      <c r="X39" s="848"/>
      <c r="Y39" s="848"/>
      <c r="Z39" s="848"/>
      <c r="AA39" s="848"/>
      <c r="AB39" s="848"/>
      <c r="AC39" s="848"/>
      <c r="AD39" s="848"/>
      <c r="AE39" s="849"/>
      <c r="AF39" s="850"/>
      <c r="AG39" s="851"/>
      <c r="AH39" s="851"/>
      <c r="AI39" s="851"/>
      <c r="AJ39" s="852"/>
      <c r="AK39" s="898"/>
      <c r="AL39" s="894"/>
      <c r="AM39" s="894"/>
      <c r="AN39" s="894"/>
      <c r="AO39" s="894"/>
      <c r="AP39" s="894"/>
      <c r="AQ39" s="894"/>
      <c r="AR39" s="894"/>
      <c r="AS39" s="894"/>
      <c r="AT39" s="894"/>
      <c r="AU39" s="894"/>
      <c r="AV39" s="894"/>
      <c r="AW39" s="894"/>
      <c r="AX39" s="894"/>
      <c r="AY39" s="894"/>
      <c r="AZ39" s="895"/>
      <c r="BA39" s="895"/>
      <c r="BB39" s="895"/>
      <c r="BC39" s="895"/>
      <c r="BD39" s="895"/>
      <c r="BE39" s="896"/>
      <c r="BF39" s="896"/>
      <c r="BG39" s="896"/>
      <c r="BH39" s="896"/>
      <c r="BI39" s="897"/>
      <c r="BJ39" s="227"/>
      <c r="BK39" s="227"/>
      <c r="BL39" s="227"/>
      <c r="BM39" s="227"/>
      <c r="BN39" s="227"/>
      <c r="BO39" s="236"/>
      <c r="BP39" s="236"/>
      <c r="BQ39" s="233">
        <v>33</v>
      </c>
      <c r="BR39" s="234"/>
      <c r="BS39" s="837"/>
      <c r="BT39" s="838"/>
      <c r="BU39" s="838"/>
      <c r="BV39" s="838"/>
      <c r="BW39" s="838"/>
      <c r="BX39" s="838"/>
      <c r="BY39" s="838"/>
      <c r="BZ39" s="838"/>
      <c r="CA39" s="838"/>
      <c r="CB39" s="838"/>
      <c r="CC39" s="838"/>
      <c r="CD39" s="838"/>
      <c r="CE39" s="838"/>
      <c r="CF39" s="838"/>
      <c r="CG39" s="839"/>
      <c r="CH39" s="840"/>
      <c r="CI39" s="841"/>
      <c r="CJ39" s="841"/>
      <c r="CK39" s="841"/>
      <c r="CL39" s="842"/>
      <c r="CM39" s="840"/>
      <c r="CN39" s="841"/>
      <c r="CO39" s="841"/>
      <c r="CP39" s="841"/>
      <c r="CQ39" s="842"/>
      <c r="CR39" s="840"/>
      <c r="CS39" s="841"/>
      <c r="CT39" s="841"/>
      <c r="CU39" s="841"/>
      <c r="CV39" s="842"/>
      <c r="CW39" s="840"/>
      <c r="CX39" s="841"/>
      <c r="CY39" s="841"/>
      <c r="CZ39" s="841"/>
      <c r="DA39" s="842"/>
      <c r="DB39" s="840"/>
      <c r="DC39" s="841"/>
      <c r="DD39" s="841"/>
      <c r="DE39" s="841"/>
      <c r="DF39" s="842"/>
      <c r="DG39" s="840"/>
      <c r="DH39" s="841"/>
      <c r="DI39" s="841"/>
      <c r="DJ39" s="841"/>
      <c r="DK39" s="842"/>
      <c r="DL39" s="840"/>
      <c r="DM39" s="841"/>
      <c r="DN39" s="841"/>
      <c r="DO39" s="841"/>
      <c r="DP39" s="842"/>
      <c r="DQ39" s="840"/>
      <c r="DR39" s="841"/>
      <c r="DS39" s="841"/>
      <c r="DT39" s="841"/>
      <c r="DU39" s="842"/>
      <c r="DV39" s="837"/>
      <c r="DW39" s="838"/>
      <c r="DX39" s="838"/>
      <c r="DY39" s="838"/>
      <c r="DZ39" s="843"/>
      <c r="EA39" s="225"/>
    </row>
    <row r="40" spans="1:131" ht="26.25" customHeight="1" x14ac:dyDescent="0.2">
      <c r="A40" s="233">
        <v>13</v>
      </c>
      <c r="B40" s="844"/>
      <c r="C40" s="845"/>
      <c r="D40" s="845"/>
      <c r="E40" s="845"/>
      <c r="F40" s="845"/>
      <c r="G40" s="845"/>
      <c r="H40" s="845"/>
      <c r="I40" s="845"/>
      <c r="J40" s="845"/>
      <c r="K40" s="845"/>
      <c r="L40" s="845"/>
      <c r="M40" s="845"/>
      <c r="N40" s="845"/>
      <c r="O40" s="845"/>
      <c r="P40" s="846"/>
      <c r="Q40" s="847"/>
      <c r="R40" s="848"/>
      <c r="S40" s="848"/>
      <c r="T40" s="848"/>
      <c r="U40" s="848"/>
      <c r="V40" s="848"/>
      <c r="W40" s="848"/>
      <c r="X40" s="848"/>
      <c r="Y40" s="848"/>
      <c r="Z40" s="848"/>
      <c r="AA40" s="848"/>
      <c r="AB40" s="848"/>
      <c r="AC40" s="848"/>
      <c r="AD40" s="848"/>
      <c r="AE40" s="849"/>
      <c r="AF40" s="850"/>
      <c r="AG40" s="851"/>
      <c r="AH40" s="851"/>
      <c r="AI40" s="851"/>
      <c r="AJ40" s="852"/>
      <c r="AK40" s="898"/>
      <c r="AL40" s="894"/>
      <c r="AM40" s="894"/>
      <c r="AN40" s="894"/>
      <c r="AO40" s="894"/>
      <c r="AP40" s="894"/>
      <c r="AQ40" s="894"/>
      <c r="AR40" s="894"/>
      <c r="AS40" s="894"/>
      <c r="AT40" s="894"/>
      <c r="AU40" s="894"/>
      <c r="AV40" s="894"/>
      <c r="AW40" s="894"/>
      <c r="AX40" s="894"/>
      <c r="AY40" s="894"/>
      <c r="AZ40" s="895"/>
      <c r="BA40" s="895"/>
      <c r="BB40" s="895"/>
      <c r="BC40" s="895"/>
      <c r="BD40" s="895"/>
      <c r="BE40" s="896"/>
      <c r="BF40" s="896"/>
      <c r="BG40" s="896"/>
      <c r="BH40" s="896"/>
      <c r="BI40" s="897"/>
      <c r="BJ40" s="227"/>
      <c r="BK40" s="227"/>
      <c r="BL40" s="227"/>
      <c r="BM40" s="227"/>
      <c r="BN40" s="227"/>
      <c r="BO40" s="236"/>
      <c r="BP40" s="236"/>
      <c r="BQ40" s="233">
        <v>34</v>
      </c>
      <c r="BR40" s="234"/>
      <c r="BS40" s="837"/>
      <c r="BT40" s="838"/>
      <c r="BU40" s="838"/>
      <c r="BV40" s="838"/>
      <c r="BW40" s="838"/>
      <c r="BX40" s="838"/>
      <c r="BY40" s="838"/>
      <c r="BZ40" s="838"/>
      <c r="CA40" s="838"/>
      <c r="CB40" s="838"/>
      <c r="CC40" s="838"/>
      <c r="CD40" s="838"/>
      <c r="CE40" s="838"/>
      <c r="CF40" s="838"/>
      <c r="CG40" s="839"/>
      <c r="CH40" s="840"/>
      <c r="CI40" s="841"/>
      <c r="CJ40" s="841"/>
      <c r="CK40" s="841"/>
      <c r="CL40" s="842"/>
      <c r="CM40" s="840"/>
      <c r="CN40" s="841"/>
      <c r="CO40" s="841"/>
      <c r="CP40" s="841"/>
      <c r="CQ40" s="842"/>
      <c r="CR40" s="840"/>
      <c r="CS40" s="841"/>
      <c r="CT40" s="841"/>
      <c r="CU40" s="841"/>
      <c r="CV40" s="842"/>
      <c r="CW40" s="840"/>
      <c r="CX40" s="841"/>
      <c r="CY40" s="841"/>
      <c r="CZ40" s="841"/>
      <c r="DA40" s="842"/>
      <c r="DB40" s="840"/>
      <c r="DC40" s="841"/>
      <c r="DD40" s="841"/>
      <c r="DE40" s="841"/>
      <c r="DF40" s="842"/>
      <c r="DG40" s="840"/>
      <c r="DH40" s="841"/>
      <c r="DI40" s="841"/>
      <c r="DJ40" s="841"/>
      <c r="DK40" s="842"/>
      <c r="DL40" s="840"/>
      <c r="DM40" s="841"/>
      <c r="DN40" s="841"/>
      <c r="DO40" s="841"/>
      <c r="DP40" s="842"/>
      <c r="DQ40" s="840"/>
      <c r="DR40" s="841"/>
      <c r="DS40" s="841"/>
      <c r="DT40" s="841"/>
      <c r="DU40" s="842"/>
      <c r="DV40" s="837"/>
      <c r="DW40" s="838"/>
      <c r="DX40" s="838"/>
      <c r="DY40" s="838"/>
      <c r="DZ40" s="843"/>
      <c r="EA40" s="225"/>
    </row>
    <row r="41" spans="1:131" ht="26.25" customHeight="1" x14ac:dyDescent="0.2">
      <c r="A41" s="233">
        <v>14</v>
      </c>
      <c r="B41" s="844"/>
      <c r="C41" s="845"/>
      <c r="D41" s="845"/>
      <c r="E41" s="845"/>
      <c r="F41" s="845"/>
      <c r="G41" s="845"/>
      <c r="H41" s="845"/>
      <c r="I41" s="845"/>
      <c r="J41" s="845"/>
      <c r="K41" s="845"/>
      <c r="L41" s="845"/>
      <c r="M41" s="845"/>
      <c r="N41" s="845"/>
      <c r="O41" s="845"/>
      <c r="P41" s="846"/>
      <c r="Q41" s="847"/>
      <c r="R41" s="848"/>
      <c r="S41" s="848"/>
      <c r="T41" s="848"/>
      <c r="U41" s="848"/>
      <c r="V41" s="848"/>
      <c r="W41" s="848"/>
      <c r="X41" s="848"/>
      <c r="Y41" s="848"/>
      <c r="Z41" s="848"/>
      <c r="AA41" s="848"/>
      <c r="AB41" s="848"/>
      <c r="AC41" s="848"/>
      <c r="AD41" s="848"/>
      <c r="AE41" s="849"/>
      <c r="AF41" s="850"/>
      <c r="AG41" s="851"/>
      <c r="AH41" s="851"/>
      <c r="AI41" s="851"/>
      <c r="AJ41" s="852"/>
      <c r="AK41" s="898"/>
      <c r="AL41" s="894"/>
      <c r="AM41" s="894"/>
      <c r="AN41" s="894"/>
      <c r="AO41" s="894"/>
      <c r="AP41" s="894"/>
      <c r="AQ41" s="894"/>
      <c r="AR41" s="894"/>
      <c r="AS41" s="894"/>
      <c r="AT41" s="894"/>
      <c r="AU41" s="894"/>
      <c r="AV41" s="894"/>
      <c r="AW41" s="894"/>
      <c r="AX41" s="894"/>
      <c r="AY41" s="894"/>
      <c r="AZ41" s="895"/>
      <c r="BA41" s="895"/>
      <c r="BB41" s="895"/>
      <c r="BC41" s="895"/>
      <c r="BD41" s="895"/>
      <c r="BE41" s="896"/>
      <c r="BF41" s="896"/>
      <c r="BG41" s="896"/>
      <c r="BH41" s="896"/>
      <c r="BI41" s="897"/>
      <c r="BJ41" s="227"/>
      <c r="BK41" s="227"/>
      <c r="BL41" s="227"/>
      <c r="BM41" s="227"/>
      <c r="BN41" s="227"/>
      <c r="BO41" s="236"/>
      <c r="BP41" s="236"/>
      <c r="BQ41" s="233">
        <v>35</v>
      </c>
      <c r="BR41" s="234"/>
      <c r="BS41" s="837"/>
      <c r="BT41" s="838"/>
      <c r="BU41" s="838"/>
      <c r="BV41" s="838"/>
      <c r="BW41" s="838"/>
      <c r="BX41" s="838"/>
      <c r="BY41" s="838"/>
      <c r="BZ41" s="838"/>
      <c r="CA41" s="838"/>
      <c r="CB41" s="838"/>
      <c r="CC41" s="838"/>
      <c r="CD41" s="838"/>
      <c r="CE41" s="838"/>
      <c r="CF41" s="838"/>
      <c r="CG41" s="839"/>
      <c r="CH41" s="840"/>
      <c r="CI41" s="841"/>
      <c r="CJ41" s="841"/>
      <c r="CK41" s="841"/>
      <c r="CL41" s="842"/>
      <c r="CM41" s="840"/>
      <c r="CN41" s="841"/>
      <c r="CO41" s="841"/>
      <c r="CP41" s="841"/>
      <c r="CQ41" s="842"/>
      <c r="CR41" s="840"/>
      <c r="CS41" s="841"/>
      <c r="CT41" s="841"/>
      <c r="CU41" s="841"/>
      <c r="CV41" s="842"/>
      <c r="CW41" s="840"/>
      <c r="CX41" s="841"/>
      <c r="CY41" s="841"/>
      <c r="CZ41" s="841"/>
      <c r="DA41" s="842"/>
      <c r="DB41" s="840"/>
      <c r="DC41" s="841"/>
      <c r="DD41" s="841"/>
      <c r="DE41" s="841"/>
      <c r="DF41" s="842"/>
      <c r="DG41" s="840"/>
      <c r="DH41" s="841"/>
      <c r="DI41" s="841"/>
      <c r="DJ41" s="841"/>
      <c r="DK41" s="842"/>
      <c r="DL41" s="840"/>
      <c r="DM41" s="841"/>
      <c r="DN41" s="841"/>
      <c r="DO41" s="841"/>
      <c r="DP41" s="842"/>
      <c r="DQ41" s="840"/>
      <c r="DR41" s="841"/>
      <c r="DS41" s="841"/>
      <c r="DT41" s="841"/>
      <c r="DU41" s="842"/>
      <c r="DV41" s="837"/>
      <c r="DW41" s="838"/>
      <c r="DX41" s="838"/>
      <c r="DY41" s="838"/>
      <c r="DZ41" s="843"/>
      <c r="EA41" s="225"/>
    </row>
    <row r="42" spans="1:131" ht="26.25" customHeight="1" x14ac:dyDescent="0.2">
      <c r="A42" s="233">
        <v>15</v>
      </c>
      <c r="B42" s="844"/>
      <c r="C42" s="845"/>
      <c r="D42" s="845"/>
      <c r="E42" s="845"/>
      <c r="F42" s="845"/>
      <c r="G42" s="845"/>
      <c r="H42" s="845"/>
      <c r="I42" s="845"/>
      <c r="J42" s="845"/>
      <c r="K42" s="845"/>
      <c r="L42" s="845"/>
      <c r="M42" s="845"/>
      <c r="N42" s="845"/>
      <c r="O42" s="845"/>
      <c r="P42" s="846"/>
      <c r="Q42" s="847"/>
      <c r="R42" s="848"/>
      <c r="S42" s="848"/>
      <c r="T42" s="848"/>
      <c r="U42" s="848"/>
      <c r="V42" s="848"/>
      <c r="W42" s="848"/>
      <c r="X42" s="848"/>
      <c r="Y42" s="848"/>
      <c r="Z42" s="848"/>
      <c r="AA42" s="848"/>
      <c r="AB42" s="848"/>
      <c r="AC42" s="848"/>
      <c r="AD42" s="848"/>
      <c r="AE42" s="849"/>
      <c r="AF42" s="850"/>
      <c r="AG42" s="851"/>
      <c r="AH42" s="851"/>
      <c r="AI42" s="851"/>
      <c r="AJ42" s="852"/>
      <c r="AK42" s="898"/>
      <c r="AL42" s="894"/>
      <c r="AM42" s="894"/>
      <c r="AN42" s="894"/>
      <c r="AO42" s="894"/>
      <c r="AP42" s="894"/>
      <c r="AQ42" s="894"/>
      <c r="AR42" s="894"/>
      <c r="AS42" s="894"/>
      <c r="AT42" s="894"/>
      <c r="AU42" s="894"/>
      <c r="AV42" s="894"/>
      <c r="AW42" s="894"/>
      <c r="AX42" s="894"/>
      <c r="AY42" s="894"/>
      <c r="AZ42" s="895"/>
      <c r="BA42" s="895"/>
      <c r="BB42" s="895"/>
      <c r="BC42" s="895"/>
      <c r="BD42" s="895"/>
      <c r="BE42" s="896"/>
      <c r="BF42" s="896"/>
      <c r="BG42" s="896"/>
      <c r="BH42" s="896"/>
      <c r="BI42" s="897"/>
      <c r="BJ42" s="227"/>
      <c r="BK42" s="227"/>
      <c r="BL42" s="227"/>
      <c r="BM42" s="227"/>
      <c r="BN42" s="227"/>
      <c r="BO42" s="236"/>
      <c r="BP42" s="236"/>
      <c r="BQ42" s="233">
        <v>36</v>
      </c>
      <c r="BR42" s="234"/>
      <c r="BS42" s="837"/>
      <c r="BT42" s="838"/>
      <c r="BU42" s="838"/>
      <c r="BV42" s="838"/>
      <c r="BW42" s="838"/>
      <c r="BX42" s="838"/>
      <c r="BY42" s="838"/>
      <c r="BZ42" s="838"/>
      <c r="CA42" s="838"/>
      <c r="CB42" s="838"/>
      <c r="CC42" s="838"/>
      <c r="CD42" s="838"/>
      <c r="CE42" s="838"/>
      <c r="CF42" s="838"/>
      <c r="CG42" s="839"/>
      <c r="CH42" s="840"/>
      <c r="CI42" s="841"/>
      <c r="CJ42" s="841"/>
      <c r="CK42" s="841"/>
      <c r="CL42" s="842"/>
      <c r="CM42" s="840"/>
      <c r="CN42" s="841"/>
      <c r="CO42" s="841"/>
      <c r="CP42" s="841"/>
      <c r="CQ42" s="842"/>
      <c r="CR42" s="840"/>
      <c r="CS42" s="841"/>
      <c r="CT42" s="841"/>
      <c r="CU42" s="841"/>
      <c r="CV42" s="842"/>
      <c r="CW42" s="840"/>
      <c r="CX42" s="841"/>
      <c r="CY42" s="841"/>
      <c r="CZ42" s="841"/>
      <c r="DA42" s="842"/>
      <c r="DB42" s="840"/>
      <c r="DC42" s="841"/>
      <c r="DD42" s="841"/>
      <c r="DE42" s="841"/>
      <c r="DF42" s="842"/>
      <c r="DG42" s="840"/>
      <c r="DH42" s="841"/>
      <c r="DI42" s="841"/>
      <c r="DJ42" s="841"/>
      <c r="DK42" s="842"/>
      <c r="DL42" s="840"/>
      <c r="DM42" s="841"/>
      <c r="DN42" s="841"/>
      <c r="DO42" s="841"/>
      <c r="DP42" s="842"/>
      <c r="DQ42" s="840"/>
      <c r="DR42" s="841"/>
      <c r="DS42" s="841"/>
      <c r="DT42" s="841"/>
      <c r="DU42" s="842"/>
      <c r="DV42" s="837"/>
      <c r="DW42" s="838"/>
      <c r="DX42" s="838"/>
      <c r="DY42" s="838"/>
      <c r="DZ42" s="843"/>
      <c r="EA42" s="225"/>
    </row>
    <row r="43" spans="1:131" ht="26.25" customHeight="1" x14ac:dyDescent="0.2">
      <c r="A43" s="233">
        <v>16</v>
      </c>
      <c r="B43" s="844"/>
      <c r="C43" s="845"/>
      <c r="D43" s="845"/>
      <c r="E43" s="845"/>
      <c r="F43" s="845"/>
      <c r="G43" s="845"/>
      <c r="H43" s="845"/>
      <c r="I43" s="845"/>
      <c r="J43" s="845"/>
      <c r="K43" s="845"/>
      <c r="L43" s="845"/>
      <c r="M43" s="845"/>
      <c r="N43" s="845"/>
      <c r="O43" s="845"/>
      <c r="P43" s="846"/>
      <c r="Q43" s="847"/>
      <c r="R43" s="848"/>
      <c r="S43" s="848"/>
      <c r="T43" s="848"/>
      <c r="U43" s="848"/>
      <c r="V43" s="848"/>
      <c r="W43" s="848"/>
      <c r="X43" s="848"/>
      <c r="Y43" s="848"/>
      <c r="Z43" s="848"/>
      <c r="AA43" s="848"/>
      <c r="AB43" s="848"/>
      <c r="AC43" s="848"/>
      <c r="AD43" s="848"/>
      <c r="AE43" s="849"/>
      <c r="AF43" s="850"/>
      <c r="AG43" s="851"/>
      <c r="AH43" s="851"/>
      <c r="AI43" s="851"/>
      <c r="AJ43" s="852"/>
      <c r="AK43" s="898"/>
      <c r="AL43" s="894"/>
      <c r="AM43" s="894"/>
      <c r="AN43" s="894"/>
      <c r="AO43" s="894"/>
      <c r="AP43" s="894"/>
      <c r="AQ43" s="894"/>
      <c r="AR43" s="894"/>
      <c r="AS43" s="894"/>
      <c r="AT43" s="894"/>
      <c r="AU43" s="894"/>
      <c r="AV43" s="894"/>
      <c r="AW43" s="894"/>
      <c r="AX43" s="894"/>
      <c r="AY43" s="894"/>
      <c r="AZ43" s="895"/>
      <c r="BA43" s="895"/>
      <c r="BB43" s="895"/>
      <c r="BC43" s="895"/>
      <c r="BD43" s="895"/>
      <c r="BE43" s="896"/>
      <c r="BF43" s="896"/>
      <c r="BG43" s="896"/>
      <c r="BH43" s="896"/>
      <c r="BI43" s="897"/>
      <c r="BJ43" s="227"/>
      <c r="BK43" s="227"/>
      <c r="BL43" s="227"/>
      <c r="BM43" s="227"/>
      <c r="BN43" s="227"/>
      <c r="BO43" s="236"/>
      <c r="BP43" s="236"/>
      <c r="BQ43" s="233">
        <v>37</v>
      </c>
      <c r="BR43" s="234"/>
      <c r="BS43" s="837"/>
      <c r="BT43" s="838"/>
      <c r="BU43" s="838"/>
      <c r="BV43" s="838"/>
      <c r="BW43" s="838"/>
      <c r="BX43" s="838"/>
      <c r="BY43" s="838"/>
      <c r="BZ43" s="838"/>
      <c r="CA43" s="838"/>
      <c r="CB43" s="838"/>
      <c r="CC43" s="838"/>
      <c r="CD43" s="838"/>
      <c r="CE43" s="838"/>
      <c r="CF43" s="838"/>
      <c r="CG43" s="839"/>
      <c r="CH43" s="840"/>
      <c r="CI43" s="841"/>
      <c r="CJ43" s="841"/>
      <c r="CK43" s="841"/>
      <c r="CL43" s="842"/>
      <c r="CM43" s="840"/>
      <c r="CN43" s="841"/>
      <c r="CO43" s="841"/>
      <c r="CP43" s="841"/>
      <c r="CQ43" s="842"/>
      <c r="CR43" s="840"/>
      <c r="CS43" s="841"/>
      <c r="CT43" s="841"/>
      <c r="CU43" s="841"/>
      <c r="CV43" s="842"/>
      <c r="CW43" s="840"/>
      <c r="CX43" s="841"/>
      <c r="CY43" s="841"/>
      <c r="CZ43" s="841"/>
      <c r="DA43" s="842"/>
      <c r="DB43" s="840"/>
      <c r="DC43" s="841"/>
      <c r="DD43" s="841"/>
      <c r="DE43" s="841"/>
      <c r="DF43" s="842"/>
      <c r="DG43" s="840"/>
      <c r="DH43" s="841"/>
      <c r="DI43" s="841"/>
      <c r="DJ43" s="841"/>
      <c r="DK43" s="842"/>
      <c r="DL43" s="840"/>
      <c r="DM43" s="841"/>
      <c r="DN43" s="841"/>
      <c r="DO43" s="841"/>
      <c r="DP43" s="842"/>
      <c r="DQ43" s="840"/>
      <c r="DR43" s="841"/>
      <c r="DS43" s="841"/>
      <c r="DT43" s="841"/>
      <c r="DU43" s="842"/>
      <c r="DV43" s="837"/>
      <c r="DW43" s="838"/>
      <c r="DX43" s="838"/>
      <c r="DY43" s="838"/>
      <c r="DZ43" s="843"/>
      <c r="EA43" s="225"/>
    </row>
    <row r="44" spans="1:131" ht="26.25" customHeight="1" x14ac:dyDescent="0.2">
      <c r="A44" s="233">
        <v>17</v>
      </c>
      <c r="B44" s="844"/>
      <c r="C44" s="845"/>
      <c r="D44" s="845"/>
      <c r="E44" s="845"/>
      <c r="F44" s="845"/>
      <c r="G44" s="845"/>
      <c r="H44" s="845"/>
      <c r="I44" s="845"/>
      <c r="J44" s="845"/>
      <c r="K44" s="845"/>
      <c r="L44" s="845"/>
      <c r="M44" s="845"/>
      <c r="N44" s="845"/>
      <c r="O44" s="845"/>
      <c r="P44" s="846"/>
      <c r="Q44" s="847"/>
      <c r="R44" s="848"/>
      <c r="S44" s="848"/>
      <c r="T44" s="848"/>
      <c r="U44" s="848"/>
      <c r="V44" s="848"/>
      <c r="W44" s="848"/>
      <c r="X44" s="848"/>
      <c r="Y44" s="848"/>
      <c r="Z44" s="848"/>
      <c r="AA44" s="848"/>
      <c r="AB44" s="848"/>
      <c r="AC44" s="848"/>
      <c r="AD44" s="848"/>
      <c r="AE44" s="849"/>
      <c r="AF44" s="850"/>
      <c r="AG44" s="851"/>
      <c r="AH44" s="851"/>
      <c r="AI44" s="851"/>
      <c r="AJ44" s="852"/>
      <c r="AK44" s="898"/>
      <c r="AL44" s="894"/>
      <c r="AM44" s="894"/>
      <c r="AN44" s="894"/>
      <c r="AO44" s="894"/>
      <c r="AP44" s="894"/>
      <c r="AQ44" s="894"/>
      <c r="AR44" s="894"/>
      <c r="AS44" s="894"/>
      <c r="AT44" s="894"/>
      <c r="AU44" s="894"/>
      <c r="AV44" s="894"/>
      <c r="AW44" s="894"/>
      <c r="AX44" s="894"/>
      <c r="AY44" s="894"/>
      <c r="AZ44" s="895"/>
      <c r="BA44" s="895"/>
      <c r="BB44" s="895"/>
      <c r="BC44" s="895"/>
      <c r="BD44" s="895"/>
      <c r="BE44" s="896"/>
      <c r="BF44" s="896"/>
      <c r="BG44" s="896"/>
      <c r="BH44" s="896"/>
      <c r="BI44" s="897"/>
      <c r="BJ44" s="227"/>
      <c r="BK44" s="227"/>
      <c r="BL44" s="227"/>
      <c r="BM44" s="227"/>
      <c r="BN44" s="227"/>
      <c r="BO44" s="236"/>
      <c r="BP44" s="236"/>
      <c r="BQ44" s="233">
        <v>38</v>
      </c>
      <c r="BR44" s="234"/>
      <c r="BS44" s="837"/>
      <c r="BT44" s="838"/>
      <c r="BU44" s="838"/>
      <c r="BV44" s="838"/>
      <c r="BW44" s="838"/>
      <c r="BX44" s="838"/>
      <c r="BY44" s="838"/>
      <c r="BZ44" s="838"/>
      <c r="CA44" s="838"/>
      <c r="CB44" s="838"/>
      <c r="CC44" s="838"/>
      <c r="CD44" s="838"/>
      <c r="CE44" s="838"/>
      <c r="CF44" s="838"/>
      <c r="CG44" s="839"/>
      <c r="CH44" s="840"/>
      <c r="CI44" s="841"/>
      <c r="CJ44" s="841"/>
      <c r="CK44" s="841"/>
      <c r="CL44" s="842"/>
      <c r="CM44" s="840"/>
      <c r="CN44" s="841"/>
      <c r="CO44" s="841"/>
      <c r="CP44" s="841"/>
      <c r="CQ44" s="842"/>
      <c r="CR44" s="840"/>
      <c r="CS44" s="841"/>
      <c r="CT44" s="841"/>
      <c r="CU44" s="841"/>
      <c r="CV44" s="842"/>
      <c r="CW44" s="840"/>
      <c r="CX44" s="841"/>
      <c r="CY44" s="841"/>
      <c r="CZ44" s="841"/>
      <c r="DA44" s="842"/>
      <c r="DB44" s="840"/>
      <c r="DC44" s="841"/>
      <c r="DD44" s="841"/>
      <c r="DE44" s="841"/>
      <c r="DF44" s="842"/>
      <c r="DG44" s="840"/>
      <c r="DH44" s="841"/>
      <c r="DI44" s="841"/>
      <c r="DJ44" s="841"/>
      <c r="DK44" s="842"/>
      <c r="DL44" s="840"/>
      <c r="DM44" s="841"/>
      <c r="DN44" s="841"/>
      <c r="DO44" s="841"/>
      <c r="DP44" s="842"/>
      <c r="DQ44" s="840"/>
      <c r="DR44" s="841"/>
      <c r="DS44" s="841"/>
      <c r="DT44" s="841"/>
      <c r="DU44" s="842"/>
      <c r="DV44" s="837"/>
      <c r="DW44" s="838"/>
      <c r="DX44" s="838"/>
      <c r="DY44" s="838"/>
      <c r="DZ44" s="843"/>
      <c r="EA44" s="225"/>
    </row>
    <row r="45" spans="1:131" ht="26.25" customHeight="1" x14ac:dyDescent="0.2">
      <c r="A45" s="233">
        <v>18</v>
      </c>
      <c r="B45" s="844"/>
      <c r="C45" s="845"/>
      <c r="D45" s="845"/>
      <c r="E45" s="845"/>
      <c r="F45" s="845"/>
      <c r="G45" s="845"/>
      <c r="H45" s="845"/>
      <c r="I45" s="845"/>
      <c r="J45" s="845"/>
      <c r="K45" s="845"/>
      <c r="L45" s="845"/>
      <c r="M45" s="845"/>
      <c r="N45" s="845"/>
      <c r="O45" s="845"/>
      <c r="P45" s="846"/>
      <c r="Q45" s="847"/>
      <c r="R45" s="848"/>
      <c r="S45" s="848"/>
      <c r="T45" s="848"/>
      <c r="U45" s="848"/>
      <c r="V45" s="848"/>
      <c r="W45" s="848"/>
      <c r="X45" s="848"/>
      <c r="Y45" s="848"/>
      <c r="Z45" s="848"/>
      <c r="AA45" s="848"/>
      <c r="AB45" s="848"/>
      <c r="AC45" s="848"/>
      <c r="AD45" s="848"/>
      <c r="AE45" s="849"/>
      <c r="AF45" s="850"/>
      <c r="AG45" s="851"/>
      <c r="AH45" s="851"/>
      <c r="AI45" s="851"/>
      <c r="AJ45" s="852"/>
      <c r="AK45" s="898"/>
      <c r="AL45" s="894"/>
      <c r="AM45" s="894"/>
      <c r="AN45" s="894"/>
      <c r="AO45" s="894"/>
      <c r="AP45" s="894"/>
      <c r="AQ45" s="894"/>
      <c r="AR45" s="894"/>
      <c r="AS45" s="894"/>
      <c r="AT45" s="894"/>
      <c r="AU45" s="894"/>
      <c r="AV45" s="894"/>
      <c r="AW45" s="894"/>
      <c r="AX45" s="894"/>
      <c r="AY45" s="894"/>
      <c r="AZ45" s="895"/>
      <c r="BA45" s="895"/>
      <c r="BB45" s="895"/>
      <c r="BC45" s="895"/>
      <c r="BD45" s="895"/>
      <c r="BE45" s="896"/>
      <c r="BF45" s="896"/>
      <c r="BG45" s="896"/>
      <c r="BH45" s="896"/>
      <c r="BI45" s="897"/>
      <c r="BJ45" s="227"/>
      <c r="BK45" s="227"/>
      <c r="BL45" s="227"/>
      <c r="BM45" s="227"/>
      <c r="BN45" s="227"/>
      <c r="BO45" s="236"/>
      <c r="BP45" s="236"/>
      <c r="BQ45" s="233">
        <v>39</v>
      </c>
      <c r="BR45" s="234"/>
      <c r="BS45" s="837"/>
      <c r="BT45" s="838"/>
      <c r="BU45" s="838"/>
      <c r="BV45" s="838"/>
      <c r="BW45" s="838"/>
      <c r="BX45" s="838"/>
      <c r="BY45" s="838"/>
      <c r="BZ45" s="838"/>
      <c r="CA45" s="838"/>
      <c r="CB45" s="838"/>
      <c r="CC45" s="838"/>
      <c r="CD45" s="838"/>
      <c r="CE45" s="838"/>
      <c r="CF45" s="838"/>
      <c r="CG45" s="839"/>
      <c r="CH45" s="840"/>
      <c r="CI45" s="841"/>
      <c r="CJ45" s="841"/>
      <c r="CK45" s="841"/>
      <c r="CL45" s="842"/>
      <c r="CM45" s="840"/>
      <c r="CN45" s="841"/>
      <c r="CO45" s="841"/>
      <c r="CP45" s="841"/>
      <c r="CQ45" s="842"/>
      <c r="CR45" s="840"/>
      <c r="CS45" s="841"/>
      <c r="CT45" s="841"/>
      <c r="CU45" s="841"/>
      <c r="CV45" s="842"/>
      <c r="CW45" s="840"/>
      <c r="CX45" s="841"/>
      <c r="CY45" s="841"/>
      <c r="CZ45" s="841"/>
      <c r="DA45" s="842"/>
      <c r="DB45" s="840"/>
      <c r="DC45" s="841"/>
      <c r="DD45" s="841"/>
      <c r="DE45" s="841"/>
      <c r="DF45" s="842"/>
      <c r="DG45" s="840"/>
      <c r="DH45" s="841"/>
      <c r="DI45" s="841"/>
      <c r="DJ45" s="841"/>
      <c r="DK45" s="842"/>
      <c r="DL45" s="840"/>
      <c r="DM45" s="841"/>
      <c r="DN45" s="841"/>
      <c r="DO45" s="841"/>
      <c r="DP45" s="842"/>
      <c r="DQ45" s="840"/>
      <c r="DR45" s="841"/>
      <c r="DS45" s="841"/>
      <c r="DT45" s="841"/>
      <c r="DU45" s="842"/>
      <c r="DV45" s="837"/>
      <c r="DW45" s="838"/>
      <c r="DX45" s="838"/>
      <c r="DY45" s="838"/>
      <c r="DZ45" s="843"/>
      <c r="EA45" s="225"/>
    </row>
    <row r="46" spans="1:131" ht="26.25" customHeight="1" x14ac:dyDescent="0.2">
      <c r="A46" s="233">
        <v>19</v>
      </c>
      <c r="B46" s="844"/>
      <c r="C46" s="845"/>
      <c r="D46" s="845"/>
      <c r="E46" s="845"/>
      <c r="F46" s="845"/>
      <c r="G46" s="845"/>
      <c r="H46" s="845"/>
      <c r="I46" s="845"/>
      <c r="J46" s="845"/>
      <c r="K46" s="845"/>
      <c r="L46" s="845"/>
      <c r="M46" s="845"/>
      <c r="N46" s="845"/>
      <c r="O46" s="845"/>
      <c r="P46" s="846"/>
      <c r="Q46" s="847"/>
      <c r="R46" s="848"/>
      <c r="S46" s="848"/>
      <c r="T46" s="848"/>
      <c r="U46" s="848"/>
      <c r="V46" s="848"/>
      <c r="W46" s="848"/>
      <c r="X46" s="848"/>
      <c r="Y46" s="848"/>
      <c r="Z46" s="848"/>
      <c r="AA46" s="848"/>
      <c r="AB46" s="848"/>
      <c r="AC46" s="848"/>
      <c r="AD46" s="848"/>
      <c r="AE46" s="849"/>
      <c r="AF46" s="850"/>
      <c r="AG46" s="851"/>
      <c r="AH46" s="851"/>
      <c r="AI46" s="851"/>
      <c r="AJ46" s="852"/>
      <c r="AK46" s="898"/>
      <c r="AL46" s="894"/>
      <c r="AM46" s="894"/>
      <c r="AN46" s="894"/>
      <c r="AO46" s="894"/>
      <c r="AP46" s="894"/>
      <c r="AQ46" s="894"/>
      <c r="AR46" s="894"/>
      <c r="AS46" s="894"/>
      <c r="AT46" s="894"/>
      <c r="AU46" s="894"/>
      <c r="AV46" s="894"/>
      <c r="AW46" s="894"/>
      <c r="AX46" s="894"/>
      <c r="AY46" s="894"/>
      <c r="AZ46" s="895"/>
      <c r="BA46" s="895"/>
      <c r="BB46" s="895"/>
      <c r="BC46" s="895"/>
      <c r="BD46" s="895"/>
      <c r="BE46" s="896"/>
      <c r="BF46" s="896"/>
      <c r="BG46" s="896"/>
      <c r="BH46" s="896"/>
      <c r="BI46" s="897"/>
      <c r="BJ46" s="227"/>
      <c r="BK46" s="227"/>
      <c r="BL46" s="227"/>
      <c r="BM46" s="227"/>
      <c r="BN46" s="227"/>
      <c r="BO46" s="236"/>
      <c r="BP46" s="236"/>
      <c r="BQ46" s="233">
        <v>40</v>
      </c>
      <c r="BR46" s="234"/>
      <c r="BS46" s="837"/>
      <c r="BT46" s="838"/>
      <c r="BU46" s="838"/>
      <c r="BV46" s="838"/>
      <c r="BW46" s="838"/>
      <c r="BX46" s="838"/>
      <c r="BY46" s="838"/>
      <c r="BZ46" s="838"/>
      <c r="CA46" s="838"/>
      <c r="CB46" s="838"/>
      <c r="CC46" s="838"/>
      <c r="CD46" s="838"/>
      <c r="CE46" s="838"/>
      <c r="CF46" s="838"/>
      <c r="CG46" s="839"/>
      <c r="CH46" s="840"/>
      <c r="CI46" s="841"/>
      <c r="CJ46" s="841"/>
      <c r="CK46" s="841"/>
      <c r="CL46" s="842"/>
      <c r="CM46" s="840"/>
      <c r="CN46" s="841"/>
      <c r="CO46" s="841"/>
      <c r="CP46" s="841"/>
      <c r="CQ46" s="842"/>
      <c r="CR46" s="840"/>
      <c r="CS46" s="841"/>
      <c r="CT46" s="841"/>
      <c r="CU46" s="841"/>
      <c r="CV46" s="842"/>
      <c r="CW46" s="840"/>
      <c r="CX46" s="841"/>
      <c r="CY46" s="841"/>
      <c r="CZ46" s="841"/>
      <c r="DA46" s="842"/>
      <c r="DB46" s="840"/>
      <c r="DC46" s="841"/>
      <c r="DD46" s="841"/>
      <c r="DE46" s="841"/>
      <c r="DF46" s="842"/>
      <c r="DG46" s="840"/>
      <c r="DH46" s="841"/>
      <c r="DI46" s="841"/>
      <c r="DJ46" s="841"/>
      <c r="DK46" s="842"/>
      <c r="DL46" s="840"/>
      <c r="DM46" s="841"/>
      <c r="DN46" s="841"/>
      <c r="DO46" s="841"/>
      <c r="DP46" s="842"/>
      <c r="DQ46" s="840"/>
      <c r="DR46" s="841"/>
      <c r="DS46" s="841"/>
      <c r="DT46" s="841"/>
      <c r="DU46" s="842"/>
      <c r="DV46" s="837"/>
      <c r="DW46" s="838"/>
      <c r="DX46" s="838"/>
      <c r="DY46" s="838"/>
      <c r="DZ46" s="843"/>
      <c r="EA46" s="225"/>
    </row>
    <row r="47" spans="1:131" ht="26.25" customHeight="1" x14ac:dyDescent="0.2">
      <c r="A47" s="233">
        <v>20</v>
      </c>
      <c r="B47" s="844"/>
      <c r="C47" s="845"/>
      <c r="D47" s="845"/>
      <c r="E47" s="845"/>
      <c r="F47" s="845"/>
      <c r="G47" s="845"/>
      <c r="H47" s="845"/>
      <c r="I47" s="845"/>
      <c r="J47" s="845"/>
      <c r="K47" s="845"/>
      <c r="L47" s="845"/>
      <c r="M47" s="845"/>
      <c r="N47" s="845"/>
      <c r="O47" s="845"/>
      <c r="P47" s="846"/>
      <c r="Q47" s="847"/>
      <c r="R47" s="848"/>
      <c r="S47" s="848"/>
      <c r="T47" s="848"/>
      <c r="U47" s="848"/>
      <c r="V47" s="848"/>
      <c r="W47" s="848"/>
      <c r="X47" s="848"/>
      <c r="Y47" s="848"/>
      <c r="Z47" s="848"/>
      <c r="AA47" s="848"/>
      <c r="AB47" s="848"/>
      <c r="AC47" s="848"/>
      <c r="AD47" s="848"/>
      <c r="AE47" s="849"/>
      <c r="AF47" s="850"/>
      <c r="AG47" s="851"/>
      <c r="AH47" s="851"/>
      <c r="AI47" s="851"/>
      <c r="AJ47" s="852"/>
      <c r="AK47" s="898"/>
      <c r="AL47" s="894"/>
      <c r="AM47" s="894"/>
      <c r="AN47" s="894"/>
      <c r="AO47" s="894"/>
      <c r="AP47" s="894"/>
      <c r="AQ47" s="894"/>
      <c r="AR47" s="894"/>
      <c r="AS47" s="894"/>
      <c r="AT47" s="894"/>
      <c r="AU47" s="894"/>
      <c r="AV47" s="894"/>
      <c r="AW47" s="894"/>
      <c r="AX47" s="894"/>
      <c r="AY47" s="894"/>
      <c r="AZ47" s="895"/>
      <c r="BA47" s="895"/>
      <c r="BB47" s="895"/>
      <c r="BC47" s="895"/>
      <c r="BD47" s="895"/>
      <c r="BE47" s="896"/>
      <c r="BF47" s="896"/>
      <c r="BG47" s="896"/>
      <c r="BH47" s="896"/>
      <c r="BI47" s="897"/>
      <c r="BJ47" s="227"/>
      <c r="BK47" s="227"/>
      <c r="BL47" s="227"/>
      <c r="BM47" s="227"/>
      <c r="BN47" s="227"/>
      <c r="BO47" s="236"/>
      <c r="BP47" s="236"/>
      <c r="BQ47" s="233">
        <v>41</v>
      </c>
      <c r="BR47" s="234"/>
      <c r="BS47" s="837"/>
      <c r="BT47" s="838"/>
      <c r="BU47" s="838"/>
      <c r="BV47" s="838"/>
      <c r="BW47" s="838"/>
      <c r="BX47" s="838"/>
      <c r="BY47" s="838"/>
      <c r="BZ47" s="838"/>
      <c r="CA47" s="838"/>
      <c r="CB47" s="838"/>
      <c r="CC47" s="838"/>
      <c r="CD47" s="838"/>
      <c r="CE47" s="838"/>
      <c r="CF47" s="838"/>
      <c r="CG47" s="839"/>
      <c r="CH47" s="840"/>
      <c r="CI47" s="841"/>
      <c r="CJ47" s="841"/>
      <c r="CK47" s="841"/>
      <c r="CL47" s="842"/>
      <c r="CM47" s="840"/>
      <c r="CN47" s="841"/>
      <c r="CO47" s="841"/>
      <c r="CP47" s="841"/>
      <c r="CQ47" s="842"/>
      <c r="CR47" s="840"/>
      <c r="CS47" s="841"/>
      <c r="CT47" s="841"/>
      <c r="CU47" s="841"/>
      <c r="CV47" s="842"/>
      <c r="CW47" s="840"/>
      <c r="CX47" s="841"/>
      <c r="CY47" s="841"/>
      <c r="CZ47" s="841"/>
      <c r="DA47" s="842"/>
      <c r="DB47" s="840"/>
      <c r="DC47" s="841"/>
      <c r="DD47" s="841"/>
      <c r="DE47" s="841"/>
      <c r="DF47" s="842"/>
      <c r="DG47" s="840"/>
      <c r="DH47" s="841"/>
      <c r="DI47" s="841"/>
      <c r="DJ47" s="841"/>
      <c r="DK47" s="842"/>
      <c r="DL47" s="840"/>
      <c r="DM47" s="841"/>
      <c r="DN47" s="841"/>
      <c r="DO47" s="841"/>
      <c r="DP47" s="842"/>
      <c r="DQ47" s="840"/>
      <c r="DR47" s="841"/>
      <c r="DS47" s="841"/>
      <c r="DT47" s="841"/>
      <c r="DU47" s="842"/>
      <c r="DV47" s="837"/>
      <c r="DW47" s="838"/>
      <c r="DX47" s="838"/>
      <c r="DY47" s="838"/>
      <c r="DZ47" s="843"/>
      <c r="EA47" s="225"/>
    </row>
    <row r="48" spans="1:131" ht="26.25" customHeight="1" x14ac:dyDescent="0.2">
      <c r="A48" s="233">
        <v>21</v>
      </c>
      <c r="B48" s="844"/>
      <c r="C48" s="845"/>
      <c r="D48" s="845"/>
      <c r="E48" s="845"/>
      <c r="F48" s="845"/>
      <c r="G48" s="845"/>
      <c r="H48" s="845"/>
      <c r="I48" s="845"/>
      <c r="J48" s="845"/>
      <c r="K48" s="845"/>
      <c r="L48" s="845"/>
      <c r="M48" s="845"/>
      <c r="N48" s="845"/>
      <c r="O48" s="845"/>
      <c r="P48" s="846"/>
      <c r="Q48" s="847"/>
      <c r="R48" s="848"/>
      <c r="S48" s="848"/>
      <c r="T48" s="848"/>
      <c r="U48" s="848"/>
      <c r="V48" s="848"/>
      <c r="W48" s="848"/>
      <c r="X48" s="848"/>
      <c r="Y48" s="848"/>
      <c r="Z48" s="848"/>
      <c r="AA48" s="848"/>
      <c r="AB48" s="848"/>
      <c r="AC48" s="848"/>
      <c r="AD48" s="848"/>
      <c r="AE48" s="849"/>
      <c r="AF48" s="850"/>
      <c r="AG48" s="851"/>
      <c r="AH48" s="851"/>
      <c r="AI48" s="851"/>
      <c r="AJ48" s="852"/>
      <c r="AK48" s="898"/>
      <c r="AL48" s="894"/>
      <c r="AM48" s="894"/>
      <c r="AN48" s="894"/>
      <c r="AO48" s="894"/>
      <c r="AP48" s="894"/>
      <c r="AQ48" s="894"/>
      <c r="AR48" s="894"/>
      <c r="AS48" s="894"/>
      <c r="AT48" s="894"/>
      <c r="AU48" s="894"/>
      <c r="AV48" s="894"/>
      <c r="AW48" s="894"/>
      <c r="AX48" s="894"/>
      <c r="AY48" s="894"/>
      <c r="AZ48" s="895"/>
      <c r="BA48" s="895"/>
      <c r="BB48" s="895"/>
      <c r="BC48" s="895"/>
      <c r="BD48" s="895"/>
      <c r="BE48" s="896"/>
      <c r="BF48" s="896"/>
      <c r="BG48" s="896"/>
      <c r="BH48" s="896"/>
      <c r="BI48" s="897"/>
      <c r="BJ48" s="227"/>
      <c r="BK48" s="227"/>
      <c r="BL48" s="227"/>
      <c r="BM48" s="227"/>
      <c r="BN48" s="227"/>
      <c r="BO48" s="236"/>
      <c r="BP48" s="236"/>
      <c r="BQ48" s="233">
        <v>42</v>
      </c>
      <c r="BR48" s="234"/>
      <c r="BS48" s="837"/>
      <c r="BT48" s="838"/>
      <c r="BU48" s="838"/>
      <c r="BV48" s="838"/>
      <c r="BW48" s="838"/>
      <c r="BX48" s="838"/>
      <c r="BY48" s="838"/>
      <c r="BZ48" s="838"/>
      <c r="CA48" s="838"/>
      <c r="CB48" s="838"/>
      <c r="CC48" s="838"/>
      <c r="CD48" s="838"/>
      <c r="CE48" s="838"/>
      <c r="CF48" s="838"/>
      <c r="CG48" s="839"/>
      <c r="CH48" s="840"/>
      <c r="CI48" s="841"/>
      <c r="CJ48" s="841"/>
      <c r="CK48" s="841"/>
      <c r="CL48" s="842"/>
      <c r="CM48" s="840"/>
      <c r="CN48" s="841"/>
      <c r="CO48" s="841"/>
      <c r="CP48" s="841"/>
      <c r="CQ48" s="842"/>
      <c r="CR48" s="840"/>
      <c r="CS48" s="841"/>
      <c r="CT48" s="841"/>
      <c r="CU48" s="841"/>
      <c r="CV48" s="842"/>
      <c r="CW48" s="840"/>
      <c r="CX48" s="841"/>
      <c r="CY48" s="841"/>
      <c r="CZ48" s="841"/>
      <c r="DA48" s="842"/>
      <c r="DB48" s="840"/>
      <c r="DC48" s="841"/>
      <c r="DD48" s="841"/>
      <c r="DE48" s="841"/>
      <c r="DF48" s="842"/>
      <c r="DG48" s="840"/>
      <c r="DH48" s="841"/>
      <c r="DI48" s="841"/>
      <c r="DJ48" s="841"/>
      <c r="DK48" s="842"/>
      <c r="DL48" s="840"/>
      <c r="DM48" s="841"/>
      <c r="DN48" s="841"/>
      <c r="DO48" s="841"/>
      <c r="DP48" s="842"/>
      <c r="DQ48" s="840"/>
      <c r="DR48" s="841"/>
      <c r="DS48" s="841"/>
      <c r="DT48" s="841"/>
      <c r="DU48" s="842"/>
      <c r="DV48" s="837"/>
      <c r="DW48" s="838"/>
      <c r="DX48" s="838"/>
      <c r="DY48" s="838"/>
      <c r="DZ48" s="843"/>
      <c r="EA48" s="225"/>
    </row>
    <row r="49" spans="1:131" ht="26.25" customHeight="1" x14ac:dyDescent="0.2">
      <c r="A49" s="233">
        <v>22</v>
      </c>
      <c r="B49" s="844"/>
      <c r="C49" s="845"/>
      <c r="D49" s="845"/>
      <c r="E49" s="845"/>
      <c r="F49" s="845"/>
      <c r="G49" s="845"/>
      <c r="H49" s="845"/>
      <c r="I49" s="845"/>
      <c r="J49" s="845"/>
      <c r="K49" s="845"/>
      <c r="L49" s="845"/>
      <c r="M49" s="845"/>
      <c r="N49" s="845"/>
      <c r="O49" s="845"/>
      <c r="P49" s="846"/>
      <c r="Q49" s="847"/>
      <c r="R49" s="848"/>
      <c r="S49" s="848"/>
      <c r="T49" s="848"/>
      <c r="U49" s="848"/>
      <c r="V49" s="848"/>
      <c r="W49" s="848"/>
      <c r="X49" s="848"/>
      <c r="Y49" s="848"/>
      <c r="Z49" s="848"/>
      <c r="AA49" s="848"/>
      <c r="AB49" s="848"/>
      <c r="AC49" s="848"/>
      <c r="AD49" s="848"/>
      <c r="AE49" s="849"/>
      <c r="AF49" s="850"/>
      <c r="AG49" s="851"/>
      <c r="AH49" s="851"/>
      <c r="AI49" s="851"/>
      <c r="AJ49" s="852"/>
      <c r="AK49" s="898"/>
      <c r="AL49" s="894"/>
      <c r="AM49" s="894"/>
      <c r="AN49" s="894"/>
      <c r="AO49" s="894"/>
      <c r="AP49" s="894"/>
      <c r="AQ49" s="894"/>
      <c r="AR49" s="894"/>
      <c r="AS49" s="894"/>
      <c r="AT49" s="894"/>
      <c r="AU49" s="894"/>
      <c r="AV49" s="894"/>
      <c r="AW49" s="894"/>
      <c r="AX49" s="894"/>
      <c r="AY49" s="894"/>
      <c r="AZ49" s="895"/>
      <c r="BA49" s="895"/>
      <c r="BB49" s="895"/>
      <c r="BC49" s="895"/>
      <c r="BD49" s="895"/>
      <c r="BE49" s="896"/>
      <c r="BF49" s="896"/>
      <c r="BG49" s="896"/>
      <c r="BH49" s="896"/>
      <c r="BI49" s="897"/>
      <c r="BJ49" s="227"/>
      <c r="BK49" s="227"/>
      <c r="BL49" s="227"/>
      <c r="BM49" s="227"/>
      <c r="BN49" s="227"/>
      <c r="BO49" s="236"/>
      <c r="BP49" s="236"/>
      <c r="BQ49" s="233">
        <v>43</v>
      </c>
      <c r="BR49" s="234"/>
      <c r="BS49" s="837"/>
      <c r="BT49" s="838"/>
      <c r="BU49" s="838"/>
      <c r="BV49" s="838"/>
      <c r="BW49" s="838"/>
      <c r="BX49" s="838"/>
      <c r="BY49" s="838"/>
      <c r="BZ49" s="838"/>
      <c r="CA49" s="838"/>
      <c r="CB49" s="838"/>
      <c r="CC49" s="838"/>
      <c r="CD49" s="838"/>
      <c r="CE49" s="838"/>
      <c r="CF49" s="838"/>
      <c r="CG49" s="839"/>
      <c r="CH49" s="840"/>
      <c r="CI49" s="841"/>
      <c r="CJ49" s="841"/>
      <c r="CK49" s="841"/>
      <c r="CL49" s="842"/>
      <c r="CM49" s="840"/>
      <c r="CN49" s="841"/>
      <c r="CO49" s="841"/>
      <c r="CP49" s="841"/>
      <c r="CQ49" s="842"/>
      <c r="CR49" s="840"/>
      <c r="CS49" s="841"/>
      <c r="CT49" s="841"/>
      <c r="CU49" s="841"/>
      <c r="CV49" s="842"/>
      <c r="CW49" s="840"/>
      <c r="CX49" s="841"/>
      <c r="CY49" s="841"/>
      <c r="CZ49" s="841"/>
      <c r="DA49" s="842"/>
      <c r="DB49" s="840"/>
      <c r="DC49" s="841"/>
      <c r="DD49" s="841"/>
      <c r="DE49" s="841"/>
      <c r="DF49" s="842"/>
      <c r="DG49" s="840"/>
      <c r="DH49" s="841"/>
      <c r="DI49" s="841"/>
      <c r="DJ49" s="841"/>
      <c r="DK49" s="842"/>
      <c r="DL49" s="840"/>
      <c r="DM49" s="841"/>
      <c r="DN49" s="841"/>
      <c r="DO49" s="841"/>
      <c r="DP49" s="842"/>
      <c r="DQ49" s="840"/>
      <c r="DR49" s="841"/>
      <c r="DS49" s="841"/>
      <c r="DT49" s="841"/>
      <c r="DU49" s="842"/>
      <c r="DV49" s="837"/>
      <c r="DW49" s="838"/>
      <c r="DX49" s="838"/>
      <c r="DY49" s="838"/>
      <c r="DZ49" s="843"/>
      <c r="EA49" s="225"/>
    </row>
    <row r="50" spans="1:131" ht="26.25" customHeight="1" x14ac:dyDescent="0.2">
      <c r="A50" s="233">
        <v>23</v>
      </c>
      <c r="B50" s="844"/>
      <c r="C50" s="845"/>
      <c r="D50" s="845"/>
      <c r="E50" s="845"/>
      <c r="F50" s="845"/>
      <c r="G50" s="845"/>
      <c r="H50" s="845"/>
      <c r="I50" s="845"/>
      <c r="J50" s="845"/>
      <c r="K50" s="845"/>
      <c r="L50" s="845"/>
      <c r="M50" s="845"/>
      <c r="N50" s="845"/>
      <c r="O50" s="845"/>
      <c r="P50" s="846"/>
      <c r="Q50" s="899"/>
      <c r="R50" s="900"/>
      <c r="S50" s="900"/>
      <c r="T50" s="900"/>
      <c r="U50" s="900"/>
      <c r="V50" s="900"/>
      <c r="W50" s="900"/>
      <c r="X50" s="900"/>
      <c r="Y50" s="900"/>
      <c r="Z50" s="900"/>
      <c r="AA50" s="900"/>
      <c r="AB50" s="900"/>
      <c r="AC50" s="900"/>
      <c r="AD50" s="900"/>
      <c r="AE50" s="901"/>
      <c r="AF50" s="850"/>
      <c r="AG50" s="851"/>
      <c r="AH50" s="851"/>
      <c r="AI50" s="851"/>
      <c r="AJ50" s="852"/>
      <c r="AK50" s="903"/>
      <c r="AL50" s="900"/>
      <c r="AM50" s="900"/>
      <c r="AN50" s="900"/>
      <c r="AO50" s="900"/>
      <c r="AP50" s="900"/>
      <c r="AQ50" s="900"/>
      <c r="AR50" s="900"/>
      <c r="AS50" s="900"/>
      <c r="AT50" s="900"/>
      <c r="AU50" s="900"/>
      <c r="AV50" s="900"/>
      <c r="AW50" s="900"/>
      <c r="AX50" s="900"/>
      <c r="AY50" s="900"/>
      <c r="AZ50" s="902"/>
      <c r="BA50" s="902"/>
      <c r="BB50" s="902"/>
      <c r="BC50" s="902"/>
      <c r="BD50" s="902"/>
      <c r="BE50" s="896"/>
      <c r="BF50" s="896"/>
      <c r="BG50" s="896"/>
      <c r="BH50" s="896"/>
      <c r="BI50" s="897"/>
      <c r="BJ50" s="227"/>
      <c r="BK50" s="227"/>
      <c r="BL50" s="227"/>
      <c r="BM50" s="227"/>
      <c r="BN50" s="227"/>
      <c r="BO50" s="236"/>
      <c r="BP50" s="236"/>
      <c r="BQ50" s="233">
        <v>44</v>
      </c>
      <c r="BR50" s="234"/>
      <c r="BS50" s="837"/>
      <c r="BT50" s="838"/>
      <c r="BU50" s="838"/>
      <c r="BV50" s="838"/>
      <c r="BW50" s="838"/>
      <c r="BX50" s="838"/>
      <c r="BY50" s="838"/>
      <c r="BZ50" s="838"/>
      <c r="CA50" s="838"/>
      <c r="CB50" s="838"/>
      <c r="CC50" s="838"/>
      <c r="CD50" s="838"/>
      <c r="CE50" s="838"/>
      <c r="CF50" s="838"/>
      <c r="CG50" s="839"/>
      <c r="CH50" s="840"/>
      <c r="CI50" s="841"/>
      <c r="CJ50" s="841"/>
      <c r="CK50" s="841"/>
      <c r="CL50" s="842"/>
      <c r="CM50" s="840"/>
      <c r="CN50" s="841"/>
      <c r="CO50" s="841"/>
      <c r="CP50" s="841"/>
      <c r="CQ50" s="842"/>
      <c r="CR50" s="840"/>
      <c r="CS50" s="841"/>
      <c r="CT50" s="841"/>
      <c r="CU50" s="841"/>
      <c r="CV50" s="842"/>
      <c r="CW50" s="840"/>
      <c r="CX50" s="841"/>
      <c r="CY50" s="841"/>
      <c r="CZ50" s="841"/>
      <c r="DA50" s="842"/>
      <c r="DB50" s="840"/>
      <c r="DC50" s="841"/>
      <c r="DD50" s="841"/>
      <c r="DE50" s="841"/>
      <c r="DF50" s="842"/>
      <c r="DG50" s="840"/>
      <c r="DH50" s="841"/>
      <c r="DI50" s="841"/>
      <c r="DJ50" s="841"/>
      <c r="DK50" s="842"/>
      <c r="DL50" s="840"/>
      <c r="DM50" s="841"/>
      <c r="DN50" s="841"/>
      <c r="DO50" s="841"/>
      <c r="DP50" s="842"/>
      <c r="DQ50" s="840"/>
      <c r="DR50" s="841"/>
      <c r="DS50" s="841"/>
      <c r="DT50" s="841"/>
      <c r="DU50" s="842"/>
      <c r="DV50" s="837"/>
      <c r="DW50" s="838"/>
      <c r="DX50" s="838"/>
      <c r="DY50" s="838"/>
      <c r="DZ50" s="843"/>
      <c r="EA50" s="225"/>
    </row>
    <row r="51" spans="1:131" ht="26.25" customHeight="1" x14ac:dyDescent="0.2">
      <c r="A51" s="233">
        <v>24</v>
      </c>
      <c r="B51" s="844"/>
      <c r="C51" s="845"/>
      <c r="D51" s="845"/>
      <c r="E51" s="845"/>
      <c r="F51" s="845"/>
      <c r="G51" s="845"/>
      <c r="H51" s="845"/>
      <c r="I51" s="845"/>
      <c r="J51" s="845"/>
      <c r="K51" s="845"/>
      <c r="L51" s="845"/>
      <c r="M51" s="845"/>
      <c r="N51" s="845"/>
      <c r="O51" s="845"/>
      <c r="P51" s="846"/>
      <c r="Q51" s="899"/>
      <c r="R51" s="900"/>
      <c r="S51" s="900"/>
      <c r="T51" s="900"/>
      <c r="U51" s="900"/>
      <c r="V51" s="900"/>
      <c r="W51" s="900"/>
      <c r="X51" s="900"/>
      <c r="Y51" s="900"/>
      <c r="Z51" s="900"/>
      <c r="AA51" s="900"/>
      <c r="AB51" s="900"/>
      <c r="AC51" s="900"/>
      <c r="AD51" s="900"/>
      <c r="AE51" s="901"/>
      <c r="AF51" s="850"/>
      <c r="AG51" s="851"/>
      <c r="AH51" s="851"/>
      <c r="AI51" s="851"/>
      <c r="AJ51" s="852"/>
      <c r="AK51" s="903"/>
      <c r="AL51" s="900"/>
      <c r="AM51" s="900"/>
      <c r="AN51" s="900"/>
      <c r="AO51" s="900"/>
      <c r="AP51" s="900"/>
      <c r="AQ51" s="900"/>
      <c r="AR51" s="900"/>
      <c r="AS51" s="900"/>
      <c r="AT51" s="900"/>
      <c r="AU51" s="900"/>
      <c r="AV51" s="900"/>
      <c r="AW51" s="900"/>
      <c r="AX51" s="900"/>
      <c r="AY51" s="900"/>
      <c r="AZ51" s="902"/>
      <c r="BA51" s="902"/>
      <c r="BB51" s="902"/>
      <c r="BC51" s="902"/>
      <c r="BD51" s="902"/>
      <c r="BE51" s="896"/>
      <c r="BF51" s="896"/>
      <c r="BG51" s="896"/>
      <c r="BH51" s="896"/>
      <c r="BI51" s="897"/>
      <c r="BJ51" s="227"/>
      <c r="BK51" s="227"/>
      <c r="BL51" s="227"/>
      <c r="BM51" s="227"/>
      <c r="BN51" s="227"/>
      <c r="BO51" s="236"/>
      <c r="BP51" s="236"/>
      <c r="BQ51" s="233">
        <v>45</v>
      </c>
      <c r="BR51" s="234"/>
      <c r="BS51" s="837"/>
      <c r="BT51" s="838"/>
      <c r="BU51" s="838"/>
      <c r="BV51" s="838"/>
      <c r="BW51" s="838"/>
      <c r="BX51" s="838"/>
      <c r="BY51" s="838"/>
      <c r="BZ51" s="838"/>
      <c r="CA51" s="838"/>
      <c r="CB51" s="838"/>
      <c r="CC51" s="838"/>
      <c r="CD51" s="838"/>
      <c r="CE51" s="838"/>
      <c r="CF51" s="838"/>
      <c r="CG51" s="839"/>
      <c r="CH51" s="840"/>
      <c r="CI51" s="841"/>
      <c r="CJ51" s="841"/>
      <c r="CK51" s="841"/>
      <c r="CL51" s="842"/>
      <c r="CM51" s="840"/>
      <c r="CN51" s="841"/>
      <c r="CO51" s="841"/>
      <c r="CP51" s="841"/>
      <c r="CQ51" s="842"/>
      <c r="CR51" s="840"/>
      <c r="CS51" s="841"/>
      <c r="CT51" s="841"/>
      <c r="CU51" s="841"/>
      <c r="CV51" s="842"/>
      <c r="CW51" s="840"/>
      <c r="CX51" s="841"/>
      <c r="CY51" s="841"/>
      <c r="CZ51" s="841"/>
      <c r="DA51" s="842"/>
      <c r="DB51" s="840"/>
      <c r="DC51" s="841"/>
      <c r="DD51" s="841"/>
      <c r="DE51" s="841"/>
      <c r="DF51" s="842"/>
      <c r="DG51" s="840"/>
      <c r="DH51" s="841"/>
      <c r="DI51" s="841"/>
      <c r="DJ51" s="841"/>
      <c r="DK51" s="842"/>
      <c r="DL51" s="840"/>
      <c r="DM51" s="841"/>
      <c r="DN51" s="841"/>
      <c r="DO51" s="841"/>
      <c r="DP51" s="842"/>
      <c r="DQ51" s="840"/>
      <c r="DR51" s="841"/>
      <c r="DS51" s="841"/>
      <c r="DT51" s="841"/>
      <c r="DU51" s="842"/>
      <c r="DV51" s="837"/>
      <c r="DW51" s="838"/>
      <c r="DX51" s="838"/>
      <c r="DY51" s="838"/>
      <c r="DZ51" s="843"/>
      <c r="EA51" s="225"/>
    </row>
    <row r="52" spans="1:131" ht="26.25" customHeight="1" x14ac:dyDescent="0.2">
      <c r="A52" s="233">
        <v>25</v>
      </c>
      <c r="B52" s="844"/>
      <c r="C52" s="845"/>
      <c r="D52" s="845"/>
      <c r="E52" s="845"/>
      <c r="F52" s="845"/>
      <c r="G52" s="845"/>
      <c r="H52" s="845"/>
      <c r="I52" s="845"/>
      <c r="J52" s="845"/>
      <c r="K52" s="845"/>
      <c r="L52" s="845"/>
      <c r="M52" s="845"/>
      <c r="N52" s="845"/>
      <c r="O52" s="845"/>
      <c r="P52" s="846"/>
      <c r="Q52" s="899"/>
      <c r="R52" s="900"/>
      <c r="S52" s="900"/>
      <c r="T52" s="900"/>
      <c r="U52" s="900"/>
      <c r="V52" s="900"/>
      <c r="W52" s="900"/>
      <c r="X52" s="900"/>
      <c r="Y52" s="900"/>
      <c r="Z52" s="900"/>
      <c r="AA52" s="900"/>
      <c r="AB52" s="900"/>
      <c r="AC52" s="900"/>
      <c r="AD52" s="900"/>
      <c r="AE52" s="901"/>
      <c r="AF52" s="850"/>
      <c r="AG52" s="851"/>
      <c r="AH52" s="851"/>
      <c r="AI52" s="851"/>
      <c r="AJ52" s="852"/>
      <c r="AK52" s="903"/>
      <c r="AL52" s="900"/>
      <c r="AM52" s="900"/>
      <c r="AN52" s="900"/>
      <c r="AO52" s="900"/>
      <c r="AP52" s="900"/>
      <c r="AQ52" s="900"/>
      <c r="AR52" s="900"/>
      <c r="AS52" s="900"/>
      <c r="AT52" s="900"/>
      <c r="AU52" s="900"/>
      <c r="AV52" s="900"/>
      <c r="AW52" s="900"/>
      <c r="AX52" s="900"/>
      <c r="AY52" s="900"/>
      <c r="AZ52" s="902"/>
      <c r="BA52" s="902"/>
      <c r="BB52" s="902"/>
      <c r="BC52" s="902"/>
      <c r="BD52" s="902"/>
      <c r="BE52" s="896"/>
      <c r="BF52" s="896"/>
      <c r="BG52" s="896"/>
      <c r="BH52" s="896"/>
      <c r="BI52" s="897"/>
      <c r="BJ52" s="227"/>
      <c r="BK52" s="227"/>
      <c r="BL52" s="227"/>
      <c r="BM52" s="227"/>
      <c r="BN52" s="227"/>
      <c r="BO52" s="236"/>
      <c r="BP52" s="236"/>
      <c r="BQ52" s="233">
        <v>46</v>
      </c>
      <c r="BR52" s="234"/>
      <c r="BS52" s="837"/>
      <c r="BT52" s="838"/>
      <c r="BU52" s="838"/>
      <c r="BV52" s="838"/>
      <c r="BW52" s="838"/>
      <c r="BX52" s="838"/>
      <c r="BY52" s="838"/>
      <c r="BZ52" s="838"/>
      <c r="CA52" s="838"/>
      <c r="CB52" s="838"/>
      <c r="CC52" s="838"/>
      <c r="CD52" s="838"/>
      <c r="CE52" s="838"/>
      <c r="CF52" s="838"/>
      <c r="CG52" s="839"/>
      <c r="CH52" s="840"/>
      <c r="CI52" s="841"/>
      <c r="CJ52" s="841"/>
      <c r="CK52" s="841"/>
      <c r="CL52" s="842"/>
      <c r="CM52" s="840"/>
      <c r="CN52" s="841"/>
      <c r="CO52" s="841"/>
      <c r="CP52" s="841"/>
      <c r="CQ52" s="842"/>
      <c r="CR52" s="840"/>
      <c r="CS52" s="841"/>
      <c r="CT52" s="841"/>
      <c r="CU52" s="841"/>
      <c r="CV52" s="842"/>
      <c r="CW52" s="840"/>
      <c r="CX52" s="841"/>
      <c r="CY52" s="841"/>
      <c r="CZ52" s="841"/>
      <c r="DA52" s="842"/>
      <c r="DB52" s="840"/>
      <c r="DC52" s="841"/>
      <c r="DD52" s="841"/>
      <c r="DE52" s="841"/>
      <c r="DF52" s="842"/>
      <c r="DG52" s="840"/>
      <c r="DH52" s="841"/>
      <c r="DI52" s="841"/>
      <c r="DJ52" s="841"/>
      <c r="DK52" s="842"/>
      <c r="DL52" s="840"/>
      <c r="DM52" s="841"/>
      <c r="DN52" s="841"/>
      <c r="DO52" s="841"/>
      <c r="DP52" s="842"/>
      <c r="DQ52" s="840"/>
      <c r="DR52" s="841"/>
      <c r="DS52" s="841"/>
      <c r="DT52" s="841"/>
      <c r="DU52" s="842"/>
      <c r="DV52" s="837"/>
      <c r="DW52" s="838"/>
      <c r="DX52" s="838"/>
      <c r="DY52" s="838"/>
      <c r="DZ52" s="843"/>
      <c r="EA52" s="225"/>
    </row>
    <row r="53" spans="1:131" ht="26.25" customHeight="1" x14ac:dyDescent="0.2">
      <c r="A53" s="233">
        <v>26</v>
      </c>
      <c r="B53" s="844"/>
      <c r="C53" s="845"/>
      <c r="D53" s="845"/>
      <c r="E53" s="845"/>
      <c r="F53" s="845"/>
      <c r="G53" s="845"/>
      <c r="H53" s="845"/>
      <c r="I53" s="845"/>
      <c r="J53" s="845"/>
      <c r="K53" s="845"/>
      <c r="L53" s="845"/>
      <c r="M53" s="845"/>
      <c r="N53" s="845"/>
      <c r="O53" s="845"/>
      <c r="P53" s="846"/>
      <c r="Q53" s="899"/>
      <c r="R53" s="900"/>
      <c r="S53" s="900"/>
      <c r="T53" s="900"/>
      <c r="U53" s="900"/>
      <c r="V53" s="900"/>
      <c r="W53" s="900"/>
      <c r="X53" s="900"/>
      <c r="Y53" s="900"/>
      <c r="Z53" s="900"/>
      <c r="AA53" s="900"/>
      <c r="AB53" s="900"/>
      <c r="AC53" s="900"/>
      <c r="AD53" s="900"/>
      <c r="AE53" s="901"/>
      <c r="AF53" s="850"/>
      <c r="AG53" s="851"/>
      <c r="AH53" s="851"/>
      <c r="AI53" s="851"/>
      <c r="AJ53" s="852"/>
      <c r="AK53" s="903"/>
      <c r="AL53" s="900"/>
      <c r="AM53" s="900"/>
      <c r="AN53" s="900"/>
      <c r="AO53" s="900"/>
      <c r="AP53" s="900"/>
      <c r="AQ53" s="900"/>
      <c r="AR53" s="900"/>
      <c r="AS53" s="900"/>
      <c r="AT53" s="900"/>
      <c r="AU53" s="900"/>
      <c r="AV53" s="900"/>
      <c r="AW53" s="900"/>
      <c r="AX53" s="900"/>
      <c r="AY53" s="900"/>
      <c r="AZ53" s="902"/>
      <c r="BA53" s="902"/>
      <c r="BB53" s="902"/>
      <c r="BC53" s="902"/>
      <c r="BD53" s="902"/>
      <c r="BE53" s="896"/>
      <c r="BF53" s="896"/>
      <c r="BG53" s="896"/>
      <c r="BH53" s="896"/>
      <c r="BI53" s="897"/>
      <c r="BJ53" s="227"/>
      <c r="BK53" s="227"/>
      <c r="BL53" s="227"/>
      <c r="BM53" s="227"/>
      <c r="BN53" s="227"/>
      <c r="BO53" s="236"/>
      <c r="BP53" s="236"/>
      <c r="BQ53" s="233">
        <v>47</v>
      </c>
      <c r="BR53" s="234"/>
      <c r="BS53" s="837"/>
      <c r="BT53" s="838"/>
      <c r="BU53" s="838"/>
      <c r="BV53" s="838"/>
      <c r="BW53" s="838"/>
      <c r="BX53" s="838"/>
      <c r="BY53" s="838"/>
      <c r="BZ53" s="838"/>
      <c r="CA53" s="838"/>
      <c r="CB53" s="838"/>
      <c r="CC53" s="838"/>
      <c r="CD53" s="838"/>
      <c r="CE53" s="838"/>
      <c r="CF53" s="838"/>
      <c r="CG53" s="839"/>
      <c r="CH53" s="840"/>
      <c r="CI53" s="841"/>
      <c r="CJ53" s="841"/>
      <c r="CK53" s="841"/>
      <c r="CL53" s="842"/>
      <c r="CM53" s="840"/>
      <c r="CN53" s="841"/>
      <c r="CO53" s="841"/>
      <c r="CP53" s="841"/>
      <c r="CQ53" s="842"/>
      <c r="CR53" s="840"/>
      <c r="CS53" s="841"/>
      <c r="CT53" s="841"/>
      <c r="CU53" s="841"/>
      <c r="CV53" s="842"/>
      <c r="CW53" s="840"/>
      <c r="CX53" s="841"/>
      <c r="CY53" s="841"/>
      <c r="CZ53" s="841"/>
      <c r="DA53" s="842"/>
      <c r="DB53" s="840"/>
      <c r="DC53" s="841"/>
      <c r="DD53" s="841"/>
      <c r="DE53" s="841"/>
      <c r="DF53" s="842"/>
      <c r="DG53" s="840"/>
      <c r="DH53" s="841"/>
      <c r="DI53" s="841"/>
      <c r="DJ53" s="841"/>
      <c r="DK53" s="842"/>
      <c r="DL53" s="840"/>
      <c r="DM53" s="841"/>
      <c r="DN53" s="841"/>
      <c r="DO53" s="841"/>
      <c r="DP53" s="842"/>
      <c r="DQ53" s="840"/>
      <c r="DR53" s="841"/>
      <c r="DS53" s="841"/>
      <c r="DT53" s="841"/>
      <c r="DU53" s="842"/>
      <c r="DV53" s="837"/>
      <c r="DW53" s="838"/>
      <c r="DX53" s="838"/>
      <c r="DY53" s="838"/>
      <c r="DZ53" s="843"/>
      <c r="EA53" s="225"/>
    </row>
    <row r="54" spans="1:131" ht="26.25" customHeight="1" x14ac:dyDescent="0.2">
      <c r="A54" s="233">
        <v>27</v>
      </c>
      <c r="B54" s="844"/>
      <c r="C54" s="845"/>
      <c r="D54" s="845"/>
      <c r="E54" s="845"/>
      <c r="F54" s="845"/>
      <c r="G54" s="845"/>
      <c r="H54" s="845"/>
      <c r="I54" s="845"/>
      <c r="J54" s="845"/>
      <c r="K54" s="845"/>
      <c r="L54" s="845"/>
      <c r="M54" s="845"/>
      <c r="N54" s="845"/>
      <c r="O54" s="845"/>
      <c r="P54" s="846"/>
      <c r="Q54" s="899"/>
      <c r="R54" s="900"/>
      <c r="S54" s="900"/>
      <c r="T54" s="900"/>
      <c r="U54" s="900"/>
      <c r="V54" s="900"/>
      <c r="W54" s="900"/>
      <c r="X54" s="900"/>
      <c r="Y54" s="900"/>
      <c r="Z54" s="900"/>
      <c r="AA54" s="900"/>
      <c r="AB54" s="900"/>
      <c r="AC54" s="900"/>
      <c r="AD54" s="900"/>
      <c r="AE54" s="901"/>
      <c r="AF54" s="850"/>
      <c r="AG54" s="851"/>
      <c r="AH54" s="851"/>
      <c r="AI54" s="851"/>
      <c r="AJ54" s="852"/>
      <c r="AK54" s="903"/>
      <c r="AL54" s="900"/>
      <c r="AM54" s="900"/>
      <c r="AN54" s="900"/>
      <c r="AO54" s="900"/>
      <c r="AP54" s="900"/>
      <c r="AQ54" s="900"/>
      <c r="AR54" s="900"/>
      <c r="AS54" s="900"/>
      <c r="AT54" s="900"/>
      <c r="AU54" s="900"/>
      <c r="AV54" s="900"/>
      <c r="AW54" s="900"/>
      <c r="AX54" s="900"/>
      <c r="AY54" s="900"/>
      <c r="AZ54" s="902"/>
      <c r="BA54" s="902"/>
      <c r="BB54" s="902"/>
      <c r="BC54" s="902"/>
      <c r="BD54" s="902"/>
      <c r="BE54" s="896"/>
      <c r="BF54" s="896"/>
      <c r="BG54" s="896"/>
      <c r="BH54" s="896"/>
      <c r="BI54" s="897"/>
      <c r="BJ54" s="227"/>
      <c r="BK54" s="227"/>
      <c r="BL54" s="227"/>
      <c r="BM54" s="227"/>
      <c r="BN54" s="227"/>
      <c r="BO54" s="236"/>
      <c r="BP54" s="236"/>
      <c r="BQ54" s="233">
        <v>48</v>
      </c>
      <c r="BR54" s="234"/>
      <c r="BS54" s="837"/>
      <c r="BT54" s="838"/>
      <c r="BU54" s="838"/>
      <c r="BV54" s="838"/>
      <c r="BW54" s="838"/>
      <c r="BX54" s="838"/>
      <c r="BY54" s="838"/>
      <c r="BZ54" s="838"/>
      <c r="CA54" s="838"/>
      <c r="CB54" s="838"/>
      <c r="CC54" s="838"/>
      <c r="CD54" s="838"/>
      <c r="CE54" s="838"/>
      <c r="CF54" s="838"/>
      <c r="CG54" s="839"/>
      <c r="CH54" s="840"/>
      <c r="CI54" s="841"/>
      <c r="CJ54" s="841"/>
      <c r="CK54" s="841"/>
      <c r="CL54" s="842"/>
      <c r="CM54" s="840"/>
      <c r="CN54" s="841"/>
      <c r="CO54" s="841"/>
      <c r="CP54" s="841"/>
      <c r="CQ54" s="842"/>
      <c r="CR54" s="840"/>
      <c r="CS54" s="841"/>
      <c r="CT54" s="841"/>
      <c r="CU54" s="841"/>
      <c r="CV54" s="842"/>
      <c r="CW54" s="840"/>
      <c r="CX54" s="841"/>
      <c r="CY54" s="841"/>
      <c r="CZ54" s="841"/>
      <c r="DA54" s="842"/>
      <c r="DB54" s="840"/>
      <c r="DC54" s="841"/>
      <c r="DD54" s="841"/>
      <c r="DE54" s="841"/>
      <c r="DF54" s="842"/>
      <c r="DG54" s="840"/>
      <c r="DH54" s="841"/>
      <c r="DI54" s="841"/>
      <c r="DJ54" s="841"/>
      <c r="DK54" s="842"/>
      <c r="DL54" s="840"/>
      <c r="DM54" s="841"/>
      <c r="DN54" s="841"/>
      <c r="DO54" s="841"/>
      <c r="DP54" s="842"/>
      <c r="DQ54" s="840"/>
      <c r="DR54" s="841"/>
      <c r="DS54" s="841"/>
      <c r="DT54" s="841"/>
      <c r="DU54" s="842"/>
      <c r="DV54" s="837"/>
      <c r="DW54" s="838"/>
      <c r="DX54" s="838"/>
      <c r="DY54" s="838"/>
      <c r="DZ54" s="843"/>
      <c r="EA54" s="225"/>
    </row>
    <row r="55" spans="1:131" ht="26.25" customHeight="1" x14ac:dyDescent="0.2">
      <c r="A55" s="233">
        <v>28</v>
      </c>
      <c r="B55" s="844"/>
      <c r="C55" s="845"/>
      <c r="D55" s="845"/>
      <c r="E55" s="845"/>
      <c r="F55" s="845"/>
      <c r="G55" s="845"/>
      <c r="H55" s="845"/>
      <c r="I55" s="845"/>
      <c r="J55" s="845"/>
      <c r="K55" s="845"/>
      <c r="L55" s="845"/>
      <c r="M55" s="845"/>
      <c r="N55" s="845"/>
      <c r="O55" s="845"/>
      <c r="P55" s="846"/>
      <c r="Q55" s="899"/>
      <c r="R55" s="900"/>
      <c r="S55" s="900"/>
      <c r="T55" s="900"/>
      <c r="U55" s="900"/>
      <c r="V55" s="900"/>
      <c r="W55" s="900"/>
      <c r="X55" s="900"/>
      <c r="Y55" s="900"/>
      <c r="Z55" s="900"/>
      <c r="AA55" s="900"/>
      <c r="AB55" s="900"/>
      <c r="AC55" s="900"/>
      <c r="AD55" s="900"/>
      <c r="AE55" s="901"/>
      <c r="AF55" s="850"/>
      <c r="AG55" s="851"/>
      <c r="AH55" s="851"/>
      <c r="AI55" s="851"/>
      <c r="AJ55" s="852"/>
      <c r="AK55" s="903"/>
      <c r="AL55" s="900"/>
      <c r="AM55" s="900"/>
      <c r="AN55" s="900"/>
      <c r="AO55" s="900"/>
      <c r="AP55" s="900"/>
      <c r="AQ55" s="900"/>
      <c r="AR55" s="900"/>
      <c r="AS55" s="900"/>
      <c r="AT55" s="900"/>
      <c r="AU55" s="900"/>
      <c r="AV55" s="900"/>
      <c r="AW55" s="900"/>
      <c r="AX55" s="900"/>
      <c r="AY55" s="900"/>
      <c r="AZ55" s="902"/>
      <c r="BA55" s="902"/>
      <c r="BB55" s="902"/>
      <c r="BC55" s="902"/>
      <c r="BD55" s="902"/>
      <c r="BE55" s="896"/>
      <c r="BF55" s="896"/>
      <c r="BG55" s="896"/>
      <c r="BH55" s="896"/>
      <c r="BI55" s="897"/>
      <c r="BJ55" s="227"/>
      <c r="BK55" s="227"/>
      <c r="BL55" s="227"/>
      <c r="BM55" s="227"/>
      <c r="BN55" s="227"/>
      <c r="BO55" s="236"/>
      <c r="BP55" s="236"/>
      <c r="BQ55" s="233">
        <v>49</v>
      </c>
      <c r="BR55" s="234"/>
      <c r="BS55" s="837"/>
      <c r="BT55" s="838"/>
      <c r="BU55" s="838"/>
      <c r="BV55" s="838"/>
      <c r="BW55" s="838"/>
      <c r="BX55" s="838"/>
      <c r="BY55" s="838"/>
      <c r="BZ55" s="838"/>
      <c r="CA55" s="838"/>
      <c r="CB55" s="838"/>
      <c r="CC55" s="838"/>
      <c r="CD55" s="838"/>
      <c r="CE55" s="838"/>
      <c r="CF55" s="838"/>
      <c r="CG55" s="839"/>
      <c r="CH55" s="840"/>
      <c r="CI55" s="841"/>
      <c r="CJ55" s="841"/>
      <c r="CK55" s="841"/>
      <c r="CL55" s="842"/>
      <c r="CM55" s="840"/>
      <c r="CN55" s="841"/>
      <c r="CO55" s="841"/>
      <c r="CP55" s="841"/>
      <c r="CQ55" s="842"/>
      <c r="CR55" s="840"/>
      <c r="CS55" s="841"/>
      <c r="CT55" s="841"/>
      <c r="CU55" s="841"/>
      <c r="CV55" s="842"/>
      <c r="CW55" s="840"/>
      <c r="CX55" s="841"/>
      <c r="CY55" s="841"/>
      <c r="CZ55" s="841"/>
      <c r="DA55" s="842"/>
      <c r="DB55" s="840"/>
      <c r="DC55" s="841"/>
      <c r="DD55" s="841"/>
      <c r="DE55" s="841"/>
      <c r="DF55" s="842"/>
      <c r="DG55" s="840"/>
      <c r="DH55" s="841"/>
      <c r="DI55" s="841"/>
      <c r="DJ55" s="841"/>
      <c r="DK55" s="842"/>
      <c r="DL55" s="840"/>
      <c r="DM55" s="841"/>
      <c r="DN55" s="841"/>
      <c r="DO55" s="841"/>
      <c r="DP55" s="842"/>
      <c r="DQ55" s="840"/>
      <c r="DR55" s="841"/>
      <c r="DS55" s="841"/>
      <c r="DT55" s="841"/>
      <c r="DU55" s="842"/>
      <c r="DV55" s="837"/>
      <c r="DW55" s="838"/>
      <c r="DX55" s="838"/>
      <c r="DY55" s="838"/>
      <c r="DZ55" s="843"/>
      <c r="EA55" s="225"/>
    </row>
    <row r="56" spans="1:131" ht="26.25" customHeight="1" x14ac:dyDescent="0.2">
      <c r="A56" s="233">
        <v>29</v>
      </c>
      <c r="B56" s="844"/>
      <c r="C56" s="845"/>
      <c r="D56" s="845"/>
      <c r="E56" s="845"/>
      <c r="F56" s="845"/>
      <c r="G56" s="845"/>
      <c r="H56" s="845"/>
      <c r="I56" s="845"/>
      <c r="J56" s="845"/>
      <c r="K56" s="845"/>
      <c r="L56" s="845"/>
      <c r="M56" s="845"/>
      <c r="N56" s="845"/>
      <c r="O56" s="845"/>
      <c r="P56" s="846"/>
      <c r="Q56" s="899"/>
      <c r="R56" s="900"/>
      <c r="S56" s="900"/>
      <c r="T56" s="900"/>
      <c r="U56" s="900"/>
      <c r="V56" s="900"/>
      <c r="W56" s="900"/>
      <c r="X56" s="900"/>
      <c r="Y56" s="900"/>
      <c r="Z56" s="900"/>
      <c r="AA56" s="900"/>
      <c r="AB56" s="900"/>
      <c r="AC56" s="900"/>
      <c r="AD56" s="900"/>
      <c r="AE56" s="901"/>
      <c r="AF56" s="850"/>
      <c r="AG56" s="851"/>
      <c r="AH56" s="851"/>
      <c r="AI56" s="851"/>
      <c r="AJ56" s="852"/>
      <c r="AK56" s="903"/>
      <c r="AL56" s="900"/>
      <c r="AM56" s="900"/>
      <c r="AN56" s="900"/>
      <c r="AO56" s="900"/>
      <c r="AP56" s="900"/>
      <c r="AQ56" s="900"/>
      <c r="AR56" s="900"/>
      <c r="AS56" s="900"/>
      <c r="AT56" s="900"/>
      <c r="AU56" s="900"/>
      <c r="AV56" s="900"/>
      <c r="AW56" s="900"/>
      <c r="AX56" s="900"/>
      <c r="AY56" s="900"/>
      <c r="AZ56" s="902"/>
      <c r="BA56" s="902"/>
      <c r="BB56" s="902"/>
      <c r="BC56" s="902"/>
      <c r="BD56" s="902"/>
      <c r="BE56" s="896"/>
      <c r="BF56" s="896"/>
      <c r="BG56" s="896"/>
      <c r="BH56" s="896"/>
      <c r="BI56" s="897"/>
      <c r="BJ56" s="227"/>
      <c r="BK56" s="227"/>
      <c r="BL56" s="227"/>
      <c r="BM56" s="227"/>
      <c r="BN56" s="227"/>
      <c r="BO56" s="236"/>
      <c r="BP56" s="236"/>
      <c r="BQ56" s="233">
        <v>50</v>
      </c>
      <c r="BR56" s="234"/>
      <c r="BS56" s="837"/>
      <c r="BT56" s="838"/>
      <c r="BU56" s="838"/>
      <c r="BV56" s="838"/>
      <c r="BW56" s="838"/>
      <c r="BX56" s="838"/>
      <c r="BY56" s="838"/>
      <c r="BZ56" s="838"/>
      <c r="CA56" s="838"/>
      <c r="CB56" s="838"/>
      <c r="CC56" s="838"/>
      <c r="CD56" s="838"/>
      <c r="CE56" s="838"/>
      <c r="CF56" s="838"/>
      <c r="CG56" s="839"/>
      <c r="CH56" s="840"/>
      <c r="CI56" s="841"/>
      <c r="CJ56" s="841"/>
      <c r="CK56" s="841"/>
      <c r="CL56" s="842"/>
      <c r="CM56" s="840"/>
      <c r="CN56" s="841"/>
      <c r="CO56" s="841"/>
      <c r="CP56" s="841"/>
      <c r="CQ56" s="842"/>
      <c r="CR56" s="840"/>
      <c r="CS56" s="841"/>
      <c r="CT56" s="841"/>
      <c r="CU56" s="841"/>
      <c r="CV56" s="842"/>
      <c r="CW56" s="840"/>
      <c r="CX56" s="841"/>
      <c r="CY56" s="841"/>
      <c r="CZ56" s="841"/>
      <c r="DA56" s="842"/>
      <c r="DB56" s="840"/>
      <c r="DC56" s="841"/>
      <c r="DD56" s="841"/>
      <c r="DE56" s="841"/>
      <c r="DF56" s="842"/>
      <c r="DG56" s="840"/>
      <c r="DH56" s="841"/>
      <c r="DI56" s="841"/>
      <c r="DJ56" s="841"/>
      <c r="DK56" s="842"/>
      <c r="DL56" s="840"/>
      <c r="DM56" s="841"/>
      <c r="DN56" s="841"/>
      <c r="DO56" s="841"/>
      <c r="DP56" s="842"/>
      <c r="DQ56" s="840"/>
      <c r="DR56" s="841"/>
      <c r="DS56" s="841"/>
      <c r="DT56" s="841"/>
      <c r="DU56" s="842"/>
      <c r="DV56" s="837"/>
      <c r="DW56" s="838"/>
      <c r="DX56" s="838"/>
      <c r="DY56" s="838"/>
      <c r="DZ56" s="843"/>
      <c r="EA56" s="225"/>
    </row>
    <row r="57" spans="1:131" ht="26.25" customHeight="1" x14ac:dyDescent="0.2">
      <c r="A57" s="233">
        <v>30</v>
      </c>
      <c r="B57" s="844"/>
      <c r="C57" s="845"/>
      <c r="D57" s="845"/>
      <c r="E57" s="845"/>
      <c r="F57" s="845"/>
      <c r="G57" s="845"/>
      <c r="H57" s="845"/>
      <c r="I57" s="845"/>
      <c r="J57" s="845"/>
      <c r="K57" s="845"/>
      <c r="L57" s="845"/>
      <c r="M57" s="845"/>
      <c r="N57" s="845"/>
      <c r="O57" s="845"/>
      <c r="P57" s="846"/>
      <c r="Q57" s="899"/>
      <c r="R57" s="900"/>
      <c r="S57" s="900"/>
      <c r="T57" s="900"/>
      <c r="U57" s="900"/>
      <c r="V57" s="900"/>
      <c r="W57" s="900"/>
      <c r="X57" s="900"/>
      <c r="Y57" s="900"/>
      <c r="Z57" s="900"/>
      <c r="AA57" s="900"/>
      <c r="AB57" s="900"/>
      <c r="AC57" s="900"/>
      <c r="AD57" s="900"/>
      <c r="AE57" s="901"/>
      <c r="AF57" s="850"/>
      <c r="AG57" s="851"/>
      <c r="AH57" s="851"/>
      <c r="AI57" s="851"/>
      <c r="AJ57" s="852"/>
      <c r="AK57" s="903"/>
      <c r="AL57" s="900"/>
      <c r="AM57" s="900"/>
      <c r="AN57" s="900"/>
      <c r="AO57" s="900"/>
      <c r="AP57" s="900"/>
      <c r="AQ57" s="900"/>
      <c r="AR57" s="900"/>
      <c r="AS57" s="900"/>
      <c r="AT57" s="900"/>
      <c r="AU57" s="900"/>
      <c r="AV57" s="900"/>
      <c r="AW57" s="900"/>
      <c r="AX57" s="900"/>
      <c r="AY57" s="900"/>
      <c r="AZ57" s="902"/>
      <c r="BA57" s="902"/>
      <c r="BB57" s="902"/>
      <c r="BC57" s="902"/>
      <c r="BD57" s="902"/>
      <c r="BE57" s="896"/>
      <c r="BF57" s="896"/>
      <c r="BG57" s="896"/>
      <c r="BH57" s="896"/>
      <c r="BI57" s="897"/>
      <c r="BJ57" s="227"/>
      <c r="BK57" s="227"/>
      <c r="BL57" s="227"/>
      <c r="BM57" s="227"/>
      <c r="BN57" s="227"/>
      <c r="BO57" s="236"/>
      <c r="BP57" s="236"/>
      <c r="BQ57" s="233">
        <v>51</v>
      </c>
      <c r="BR57" s="234"/>
      <c r="BS57" s="837"/>
      <c r="BT57" s="838"/>
      <c r="BU57" s="838"/>
      <c r="BV57" s="838"/>
      <c r="BW57" s="838"/>
      <c r="BX57" s="838"/>
      <c r="BY57" s="838"/>
      <c r="BZ57" s="838"/>
      <c r="CA57" s="838"/>
      <c r="CB57" s="838"/>
      <c r="CC57" s="838"/>
      <c r="CD57" s="838"/>
      <c r="CE57" s="838"/>
      <c r="CF57" s="838"/>
      <c r="CG57" s="839"/>
      <c r="CH57" s="840"/>
      <c r="CI57" s="841"/>
      <c r="CJ57" s="841"/>
      <c r="CK57" s="841"/>
      <c r="CL57" s="842"/>
      <c r="CM57" s="840"/>
      <c r="CN57" s="841"/>
      <c r="CO57" s="841"/>
      <c r="CP57" s="841"/>
      <c r="CQ57" s="842"/>
      <c r="CR57" s="840"/>
      <c r="CS57" s="841"/>
      <c r="CT57" s="841"/>
      <c r="CU57" s="841"/>
      <c r="CV57" s="842"/>
      <c r="CW57" s="840"/>
      <c r="CX57" s="841"/>
      <c r="CY57" s="841"/>
      <c r="CZ57" s="841"/>
      <c r="DA57" s="842"/>
      <c r="DB57" s="840"/>
      <c r="DC57" s="841"/>
      <c r="DD57" s="841"/>
      <c r="DE57" s="841"/>
      <c r="DF57" s="842"/>
      <c r="DG57" s="840"/>
      <c r="DH57" s="841"/>
      <c r="DI57" s="841"/>
      <c r="DJ57" s="841"/>
      <c r="DK57" s="842"/>
      <c r="DL57" s="840"/>
      <c r="DM57" s="841"/>
      <c r="DN57" s="841"/>
      <c r="DO57" s="841"/>
      <c r="DP57" s="842"/>
      <c r="DQ57" s="840"/>
      <c r="DR57" s="841"/>
      <c r="DS57" s="841"/>
      <c r="DT57" s="841"/>
      <c r="DU57" s="842"/>
      <c r="DV57" s="837"/>
      <c r="DW57" s="838"/>
      <c r="DX57" s="838"/>
      <c r="DY57" s="838"/>
      <c r="DZ57" s="843"/>
      <c r="EA57" s="225"/>
    </row>
    <row r="58" spans="1:131" ht="26.25" customHeight="1" x14ac:dyDescent="0.2">
      <c r="A58" s="233">
        <v>31</v>
      </c>
      <c r="B58" s="844"/>
      <c r="C58" s="845"/>
      <c r="D58" s="845"/>
      <c r="E58" s="845"/>
      <c r="F58" s="845"/>
      <c r="G58" s="845"/>
      <c r="H58" s="845"/>
      <c r="I58" s="845"/>
      <c r="J58" s="845"/>
      <c r="K58" s="845"/>
      <c r="L58" s="845"/>
      <c r="M58" s="845"/>
      <c r="N58" s="845"/>
      <c r="O58" s="845"/>
      <c r="P58" s="846"/>
      <c r="Q58" s="899"/>
      <c r="R58" s="900"/>
      <c r="S58" s="900"/>
      <c r="T58" s="900"/>
      <c r="U58" s="900"/>
      <c r="V58" s="900"/>
      <c r="W58" s="900"/>
      <c r="X58" s="900"/>
      <c r="Y58" s="900"/>
      <c r="Z58" s="900"/>
      <c r="AA58" s="900"/>
      <c r="AB58" s="900"/>
      <c r="AC58" s="900"/>
      <c r="AD58" s="900"/>
      <c r="AE58" s="901"/>
      <c r="AF58" s="850"/>
      <c r="AG58" s="851"/>
      <c r="AH58" s="851"/>
      <c r="AI58" s="851"/>
      <c r="AJ58" s="852"/>
      <c r="AK58" s="903"/>
      <c r="AL58" s="900"/>
      <c r="AM58" s="900"/>
      <c r="AN58" s="900"/>
      <c r="AO58" s="900"/>
      <c r="AP58" s="900"/>
      <c r="AQ58" s="900"/>
      <c r="AR58" s="900"/>
      <c r="AS58" s="900"/>
      <c r="AT58" s="900"/>
      <c r="AU58" s="900"/>
      <c r="AV58" s="900"/>
      <c r="AW58" s="900"/>
      <c r="AX58" s="900"/>
      <c r="AY58" s="900"/>
      <c r="AZ58" s="902"/>
      <c r="BA58" s="902"/>
      <c r="BB58" s="902"/>
      <c r="BC58" s="902"/>
      <c r="BD58" s="902"/>
      <c r="BE58" s="896"/>
      <c r="BF58" s="896"/>
      <c r="BG58" s="896"/>
      <c r="BH58" s="896"/>
      <c r="BI58" s="897"/>
      <c r="BJ58" s="227"/>
      <c r="BK58" s="227"/>
      <c r="BL58" s="227"/>
      <c r="BM58" s="227"/>
      <c r="BN58" s="227"/>
      <c r="BO58" s="236"/>
      <c r="BP58" s="236"/>
      <c r="BQ58" s="233">
        <v>52</v>
      </c>
      <c r="BR58" s="234"/>
      <c r="BS58" s="837"/>
      <c r="BT58" s="838"/>
      <c r="BU58" s="838"/>
      <c r="BV58" s="838"/>
      <c r="BW58" s="838"/>
      <c r="BX58" s="838"/>
      <c r="BY58" s="838"/>
      <c r="BZ58" s="838"/>
      <c r="CA58" s="838"/>
      <c r="CB58" s="838"/>
      <c r="CC58" s="838"/>
      <c r="CD58" s="838"/>
      <c r="CE58" s="838"/>
      <c r="CF58" s="838"/>
      <c r="CG58" s="839"/>
      <c r="CH58" s="840"/>
      <c r="CI58" s="841"/>
      <c r="CJ58" s="841"/>
      <c r="CK58" s="841"/>
      <c r="CL58" s="842"/>
      <c r="CM58" s="840"/>
      <c r="CN58" s="841"/>
      <c r="CO58" s="841"/>
      <c r="CP58" s="841"/>
      <c r="CQ58" s="842"/>
      <c r="CR58" s="840"/>
      <c r="CS58" s="841"/>
      <c r="CT58" s="841"/>
      <c r="CU58" s="841"/>
      <c r="CV58" s="842"/>
      <c r="CW58" s="840"/>
      <c r="CX58" s="841"/>
      <c r="CY58" s="841"/>
      <c r="CZ58" s="841"/>
      <c r="DA58" s="842"/>
      <c r="DB58" s="840"/>
      <c r="DC58" s="841"/>
      <c r="DD58" s="841"/>
      <c r="DE58" s="841"/>
      <c r="DF58" s="842"/>
      <c r="DG58" s="840"/>
      <c r="DH58" s="841"/>
      <c r="DI58" s="841"/>
      <c r="DJ58" s="841"/>
      <c r="DK58" s="842"/>
      <c r="DL58" s="840"/>
      <c r="DM58" s="841"/>
      <c r="DN58" s="841"/>
      <c r="DO58" s="841"/>
      <c r="DP58" s="842"/>
      <c r="DQ58" s="840"/>
      <c r="DR58" s="841"/>
      <c r="DS58" s="841"/>
      <c r="DT58" s="841"/>
      <c r="DU58" s="842"/>
      <c r="DV58" s="837"/>
      <c r="DW58" s="838"/>
      <c r="DX58" s="838"/>
      <c r="DY58" s="838"/>
      <c r="DZ58" s="843"/>
      <c r="EA58" s="225"/>
    </row>
    <row r="59" spans="1:131" ht="26.25" customHeight="1" x14ac:dyDescent="0.2">
      <c r="A59" s="233">
        <v>32</v>
      </c>
      <c r="B59" s="844"/>
      <c r="C59" s="845"/>
      <c r="D59" s="845"/>
      <c r="E59" s="845"/>
      <c r="F59" s="845"/>
      <c r="G59" s="845"/>
      <c r="H59" s="845"/>
      <c r="I59" s="845"/>
      <c r="J59" s="845"/>
      <c r="K59" s="845"/>
      <c r="L59" s="845"/>
      <c r="M59" s="845"/>
      <c r="N59" s="845"/>
      <c r="O59" s="845"/>
      <c r="P59" s="846"/>
      <c r="Q59" s="899"/>
      <c r="R59" s="900"/>
      <c r="S59" s="900"/>
      <c r="T59" s="900"/>
      <c r="U59" s="900"/>
      <c r="V59" s="900"/>
      <c r="W59" s="900"/>
      <c r="X59" s="900"/>
      <c r="Y59" s="900"/>
      <c r="Z59" s="900"/>
      <c r="AA59" s="900"/>
      <c r="AB59" s="900"/>
      <c r="AC59" s="900"/>
      <c r="AD59" s="900"/>
      <c r="AE59" s="901"/>
      <c r="AF59" s="850"/>
      <c r="AG59" s="851"/>
      <c r="AH59" s="851"/>
      <c r="AI59" s="851"/>
      <c r="AJ59" s="852"/>
      <c r="AK59" s="903"/>
      <c r="AL59" s="900"/>
      <c r="AM59" s="900"/>
      <c r="AN59" s="900"/>
      <c r="AO59" s="900"/>
      <c r="AP59" s="900"/>
      <c r="AQ59" s="900"/>
      <c r="AR59" s="900"/>
      <c r="AS59" s="900"/>
      <c r="AT59" s="900"/>
      <c r="AU59" s="900"/>
      <c r="AV59" s="900"/>
      <c r="AW59" s="900"/>
      <c r="AX59" s="900"/>
      <c r="AY59" s="900"/>
      <c r="AZ59" s="902"/>
      <c r="BA59" s="902"/>
      <c r="BB59" s="902"/>
      <c r="BC59" s="902"/>
      <c r="BD59" s="902"/>
      <c r="BE59" s="896"/>
      <c r="BF59" s="896"/>
      <c r="BG59" s="896"/>
      <c r="BH59" s="896"/>
      <c r="BI59" s="897"/>
      <c r="BJ59" s="227"/>
      <c r="BK59" s="227"/>
      <c r="BL59" s="227"/>
      <c r="BM59" s="227"/>
      <c r="BN59" s="227"/>
      <c r="BO59" s="236"/>
      <c r="BP59" s="236"/>
      <c r="BQ59" s="233">
        <v>53</v>
      </c>
      <c r="BR59" s="234"/>
      <c r="BS59" s="837"/>
      <c r="BT59" s="838"/>
      <c r="BU59" s="838"/>
      <c r="BV59" s="838"/>
      <c r="BW59" s="838"/>
      <c r="BX59" s="838"/>
      <c r="BY59" s="838"/>
      <c r="BZ59" s="838"/>
      <c r="CA59" s="838"/>
      <c r="CB59" s="838"/>
      <c r="CC59" s="838"/>
      <c r="CD59" s="838"/>
      <c r="CE59" s="838"/>
      <c r="CF59" s="838"/>
      <c r="CG59" s="839"/>
      <c r="CH59" s="840"/>
      <c r="CI59" s="841"/>
      <c r="CJ59" s="841"/>
      <c r="CK59" s="841"/>
      <c r="CL59" s="842"/>
      <c r="CM59" s="840"/>
      <c r="CN59" s="841"/>
      <c r="CO59" s="841"/>
      <c r="CP59" s="841"/>
      <c r="CQ59" s="842"/>
      <c r="CR59" s="840"/>
      <c r="CS59" s="841"/>
      <c r="CT59" s="841"/>
      <c r="CU59" s="841"/>
      <c r="CV59" s="842"/>
      <c r="CW59" s="840"/>
      <c r="CX59" s="841"/>
      <c r="CY59" s="841"/>
      <c r="CZ59" s="841"/>
      <c r="DA59" s="842"/>
      <c r="DB59" s="840"/>
      <c r="DC59" s="841"/>
      <c r="DD59" s="841"/>
      <c r="DE59" s="841"/>
      <c r="DF59" s="842"/>
      <c r="DG59" s="840"/>
      <c r="DH59" s="841"/>
      <c r="DI59" s="841"/>
      <c r="DJ59" s="841"/>
      <c r="DK59" s="842"/>
      <c r="DL59" s="840"/>
      <c r="DM59" s="841"/>
      <c r="DN59" s="841"/>
      <c r="DO59" s="841"/>
      <c r="DP59" s="842"/>
      <c r="DQ59" s="840"/>
      <c r="DR59" s="841"/>
      <c r="DS59" s="841"/>
      <c r="DT59" s="841"/>
      <c r="DU59" s="842"/>
      <c r="DV59" s="837"/>
      <c r="DW59" s="838"/>
      <c r="DX59" s="838"/>
      <c r="DY59" s="838"/>
      <c r="DZ59" s="843"/>
      <c r="EA59" s="225"/>
    </row>
    <row r="60" spans="1:131" ht="26.25" customHeight="1" x14ac:dyDescent="0.2">
      <c r="A60" s="233">
        <v>33</v>
      </c>
      <c r="B60" s="844"/>
      <c r="C60" s="845"/>
      <c r="D60" s="845"/>
      <c r="E60" s="845"/>
      <c r="F60" s="845"/>
      <c r="G60" s="845"/>
      <c r="H60" s="845"/>
      <c r="I60" s="845"/>
      <c r="J60" s="845"/>
      <c r="K60" s="845"/>
      <c r="L60" s="845"/>
      <c r="M60" s="845"/>
      <c r="N60" s="845"/>
      <c r="O60" s="845"/>
      <c r="P60" s="846"/>
      <c r="Q60" s="899"/>
      <c r="R60" s="900"/>
      <c r="S60" s="900"/>
      <c r="T60" s="900"/>
      <c r="U60" s="900"/>
      <c r="V60" s="900"/>
      <c r="W60" s="900"/>
      <c r="X60" s="900"/>
      <c r="Y60" s="900"/>
      <c r="Z60" s="900"/>
      <c r="AA60" s="900"/>
      <c r="AB60" s="900"/>
      <c r="AC60" s="900"/>
      <c r="AD60" s="900"/>
      <c r="AE60" s="901"/>
      <c r="AF60" s="850"/>
      <c r="AG60" s="851"/>
      <c r="AH60" s="851"/>
      <c r="AI60" s="851"/>
      <c r="AJ60" s="852"/>
      <c r="AK60" s="903"/>
      <c r="AL60" s="900"/>
      <c r="AM60" s="900"/>
      <c r="AN60" s="900"/>
      <c r="AO60" s="900"/>
      <c r="AP60" s="900"/>
      <c r="AQ60" s="900"/>
      <c r="AR60" s="900"/>
      <c r="AS60" s="900"/>
      <c r="AT60" s="900"/>
      <c r="AU60" s="900"/>
      <c r="AV60" s="900"/>
      <c r="AW60" s="900"/>
      <c r="AX60" s="900"/>
      <c r="AY60" s="900"/>
      <c r="AZ60" s="902"/>
      <c r="BA60" s="902"/>
      <c r="BB60" s="902"/>
      <c r="BC60" s="902"/>
      <c r="BD60" s="902"/>
      <c r="BE60" s="896"/>
      <c r="BF60" s="896"/>
      <c r="BG60" s="896"/>
      <c r="BH60" s="896"/>
      <c r="BI60" s="897"/>
      <c r="BJ60" s="227"/>
      <c r="BK60" s="227"/>
      <c r="BL60" s="227"/>
      <c r="BM60" s="227"/>
      <c r="BN60" s="227"/>
      <c r="BO60" s="236"/>
      <c r="BP60" s="236"/>
      <c r="BQ60" s="233">
        <v>54</v>
      </c>
      <c r="BR60" s="234"/>
      <c r="BS60" s="837"/>
      <c r="BT60" s="838"/>
      <c r="BU60" s="838"/>
      <c r="BV60" s="838"/>
      <c r="BW60" s="838"/>
      <c r="BX60" s="838"/>
      <c r="BY60" s="838"/>
      <c r="BZ60" s="838"/>
      <c r="CA60" s="838"/>
      <c r="CB60" s="838"/>
      <c r="CC60" s="838"/>
      <c r="CD60" s="838"/>
      <c r="CE60" s="838"/>
      <c r="CF60" s="838"/>
      <c r="CG60" s="839"/>
      <c r="CH60" s="840"/>
      <c r="CI60" s="841"/>
      <c r="CJ60" s="841"/>
      <c r="CK60" s="841"/>
      <c r="CL60" s="842"/>
      <c r="CM60" s="840"/>
      <c r="CN60" s="841"/>
      <c r="CO60" s="841"/>
      <c r="CP60" s="841"/>
      <c r="CQ60" s="842"/>
      <c r="CR60" s="840"/>
      <c r="CS60" s="841"/>
      <c r="CT60" s="841"/>
      <c r="CU60" s="841"/>
      <c r="CV60" s="842"/>
      <c r="CW60" s="840"/>
      <c r="CX60" s="841"/>
      <c r="CY60" s="841"/>
      <c r="CZ60" s="841"/>
      <c r="DA60" s="842"/>
      <c r="DB60" s="840"/>
      <c r="DC60" s="841"/>
      <c r="DD60" s="841"/>
      <c r="DE60" s="841"/>
      <c r="DF60" s="842"/>
      <c r="DG60" s="840"/>
      <c r="DH60" s="841"/>
      <c r="DI60" s="841"/>
      <c r="DJ60" s="841"/>
      <c r="DK60" s="842"/>
      <c r="DL60" s="840"/>
      <c r="DM60" s="841"/>
      <c r="DN60" s="841"/>
      <c r="DO60" s="841"/>
      <c r="DP60" s="842"/>
      <c r="DQ60" s="840"/>
      <c r="DR60" s="841"/>
      <c r="DS60" s="841"/>
      <c r="DT60" s="841"/>
      <c r="DU60" s="842"/>
      <c r="DV60" s="837"/>
      <c r="DW60" s="838"/>
      <c r="DX60" s="838"/>
      <c r="DY60" s="838"/>
      <c r="DZ60" s="843"/>
      <c r="EA60" s="225"/>
    </row>
    <row r="61" spans="1:131" ht="26.25" customHeight="1" thickBot="1" x14ac:dyDescent="0.25">
      <c r="A61" s="233">
        <v>34</v>
      </c>
      <c r="B61" s="844"/>
      <c r="C61" s="845"/>
      <c r="D61" s="845"/>
      <c r="E61" s="845"/>
      <c r="F61" s="845"/>
      <c r="G61" s="845"/>
      <c r="H61" s="845"/>
      <c r="I61" s="845"/>
      <c r="J61" s="845"/>
      <c r="K61" s="845"/>
      <c r="L61" s="845"/>
      <c r="M61" s="845"/>
      <c r="N61" s="845"/>
      <c r="O61" s="845"/>
      <c r="P61" s="846"/>
      <c r="Q61" s="899"/>
      <c r="R61" s="900"/>
      <c r="S61" s="900"/>
      <c r="T61" s="900"/>
      <c r="U61" s="900"/>
      <c r="V61" s="900"/>
      <c r="W61" s="900"/>
      <c r="X61" s="900"/>
      <c r="Y61" s="900"/>
      <c r="Z61" s="900"/>
      <c r="AA61" s="900"/>
      <c r="AB61" s="900"/>
      <c r="AC61" s="900"/>
      <c r="AD61" s="900"/>
      <c r="AE61" s="901"/>
      <c r="AF61" s="850"/>
      <c r="AG61" s="851"/>
      <c r="AH61" s="851"/>
      <c r="AI61" s="851"/>
      <c r="AJ61" s="852"/>
      <c r="AK61" s="903"/>
      <c r="AL61" s="900"/>
      <c r="AM61" s="900"/>
      <c r="AN61" s="900"/>
      <c r="AO61" s="900"/>
      <c r="AP61" s="900"/>
      <c r="AQ61" s="900"/>
      <c r="AR61" s="900"/>
      <c r="AS61" s="900"/>
      <c r="AT61" s="900"/>
      <c r="AU61" s="900"/>
      <c r="AV61" s="900"/>
      <c r="AW61" s="900"/>
      <c r="AX61" s="900"/>
      <c r="AY61" s="900"/>
      <c r="AZ61" s="902"/>
      <c r="BA61" s="902"/>
      <c r="BB61" s="902"/>
      <c r="BC61" s="902"/>
      <c r="BD61" s="902"/>
      <c r="BE61" s="896"/>
      <c r="BF61" s="896"/>
      <c r="BG61" s="896"/>
      <c r="BH61" s="896"/>
      <c r="BI61" s="897"/>
      <c r="BJ61" s="227"/>
      <c r="BK61" s="227"/>
      <c r="BL61" s="227"/>
      <c r="BM61" s="227"/>
      <c r="BN61" s="227"/>
      <c r="BO61" s="236"/>
      <c r="BP61" s="236"/>
      <c r="BQ61" s="233">
        <v>55</v>
      </c>
      <c r="BR61" s="234"/>
      <c r="BS61" s="837"/>
      <c r="BT61" s="838"/>
      <c r="BU61" s="838"/>
      <c r="BV61" s="838"/>
      <c r="BW61" s="838"/>
      <c r="BX61" s="838"/>
      <c r="BY61" s="838"/>
      <c r="BZ61" s="838"/>
      <c r="CA61" s="838"/>
      <c r="CB61" s="838"/>
      <c r="CC61" s="838"/>
      <c r="CD61" s="838"/>
      <c r="CE61" s="838"/>
      <c r="CF61" s="838"/>
      <c r="CG61" s="839"/>
      <c r="CH61" s="840"/>
      <c r="CI61" s="841"/>
      <c r="CJ61" s="841"/>
      <c r="CK61" s="841"/>
      <c r="CL61" s="842"/>
      <c r="CM61" s="840"/>
      <c r="CN61" s="841"/>
      <c r="CO61" s="841"/>
      <c r="CP61" s="841"/>
      <c r="CQ61" s="842"/>
      <c r="CR61" s="840"/>
      <c r="CS61" s="841"/>
      <c r="CT61" s="841"/>
      <c r="CU61" s="841"/>
      <c r="CV61" s="842"/>
      <c r="CW61" s="840"/>
      <c r="CX61" s="841"/>
      <c r="CY61" s="841"/>
      <c r="CZ61" s="841"/>
      <c r="DA61" s="842"/>
      <c r="DB61" s="840"/>
      <c r="DC61" s="841"/>
      <c r="DD61" s="841"/>
      <c r="DE61" s="841"/>
      <c r="DF61" s="842"/>
      <c r="DG61" s="840"/>
      <c r="DH61" s="841"/>
      <c r="DI61" s="841"/>
      <c r="DJ61" s="841"/>
      <c r="DK61" s="842"/>
      <c r="DL61" s="840"/>
      <c r="DM61" s="841"/>
      <c r="DN61" s="841"/>
      <c r="DO61" s="841"/>
      <c r="DP61" s="842"/>
      <c r="DQ61" s="840"/>
      <c r="DR61" s="841"/>
      <c r="DS61" s="841"/>
      <c r="DT61" s="841"/>
      <c r="DU61" s="842"/>
      <c r="DV61" s="837"/>
      <c r="DW61" s="838"/>
      <c r="DX61" s="838"/>
      <c r="DY61" s="838"/>
      <c r="DZ61" s="843"/>
      <c r="EA61" s="225"/>
    </row>
    <row r="62" spans="1:131" ht="26.25" customHeight="1" x14ac:dyDescent="0.2">
      <c r="A62" s="233">
        <v>35</v>
      </c>
      <c r="B62" s="844"/>
      <c r="C62" s="845"/>
      <c r="D62" s="845"/>
      <c r="E62" s="845"/>
      <c r="F62" s="845"/>
      <c r="G62" s="845"/>
      <c r="H62" s="845"/>
      <c r="I62" s="845"/>
      <c r="J62" s="845"/>
      <c r="K62" s="845"/>
      <c r="L62" s="845"/>
      <c r="M62" s="845"/>
      <c r="N62" s="845"/>
      <c r="O62" s="845"/>
      <c r="P62" s="846"/>
      <c r="Q62" s="899"/>
      <c r="R62" s="900"/>
      <c r="S62" s="900"/>
      <c r="T62" s="900"/>
      <c r="U62" s="900"/>
      <c r="V62" s="900"/>
      <c r="W62" s="900"/>
      <c r="X62" s="900"/>
      <c r="Y62" s="900"/>
      <c r="Z62" s="900"/>
      <c r="AA62" s="900"/>
      <c r="AB62" s="900"/>
      <c r="AC62" s="900"/>
      <c r="AD62" s="900"/>
      <c r="AE62" s="901"/>
      <c r="AF62" s="850"/>
      <c r="AG62" s="851"/>
      <c r="AH62" s="851"/>
      <c r="AI62" s="851"/>
      <c r="AJ62" s="852"/>
      <c r="AK62" s="903"/>
      <c r="AL62" s="900"/>
      <c r="AM62" s="900"/>
      <c r="AN62" s="900"/>
      <c r="AO62" s="900"/>
      <c r="AP62" s="900"/>
      <c r="AQ62" s="900"/>
      <c r="AR62" s="900"/>
      <c r="AS62" s="900"/>
      <c r="AT62" s="900"/>
      <c r="AU62" s="900"/>
      <c r="AV62" s="900"/>
      <c r="AW62" s="900"/>
      <c r="AX62" s="900"/>
      <c r="AY62" s="900"/>
      <c r="AZ62" s="902"/>
      <c r="BA62" s="902"/>
      <c r="BB62" s="902"/>
      <c r="BC62" s="902"/>
      <c r="BD62" s="902"/>
      <c r="BE62" s="896"/>
      <c r="BF62" s="896"/>
      <c r="BG62" s="896"/>
      <c r="BH62" s="896"/>
      <c r="BI62" s="897"/>
      <c r="BJ62" s="911" t="s">
        <v>405</v>
      </c>
      <c r="BK62" s="870"/>
      <c r="BL62" s="870"/>
      <c r="BM62" s="870"/>
      <c r="BN62" s="871"/>
      <c r="BO62" s="236"/>
      <c r="BP62" s="236"/>
      <c r="BQ62" s="233">
        <v>56</v>
      </c>
      <c r="BR62" s="234"/>
      <c r="BS62" s="837"/>
      <c r="BT62" s="838"/>
      <c r="BU62" s="838"/>
      <c r="BV62" s="838"/>
      <c r="BW62" s="838"/>
      <c r="BX62" s="838"/>
      <c r="BY62" s="838"/>
      <c r="BZ62" s="838"/>
      <c r="CA62" s="838"/>
      <c r="CB62" s="838"/>
      <c r="CC62" s="838"/>
      <c r="CD62" s="838"/>
      <c r="CE62" s="838"/>
      <c r="CF62" s="838"/>
      <c r="CG62" s="839"/>
      <c r="CH62" s="840"/>
      <c r="CI62" s="841"/>
      <c r="CJ62" s="841"/>
      <c r="CK62" s="841"/>
      <c r="CL62" s="842"/>
      <c r="CM62" s="840"/>
      <c r="CN62" s="841"/>
      <c r="CO62" s="841"/>
      <c r="CP62" s="841"/>
      <c r="CQ62" s="842"/>
      <c r="CR62" s="840"/>
      <c r="CS62" s="841"/>
      <c r="CT62" s="841"/>
      <c r="CU62" s="841"/>
      <c r="CV62" s="842"/>
      <c r="CW62" s="840"/>
      <c r="CX62" s="841"/>
      <c r="CY62" s="841"/>
      <c r="CZ62" s="841"/>
      <c r="DA62" s="842"/>
      <c r="DB62" s="840"/>
      <c r="DC62" s="841"/>
      <c r="DD62" s="841"/>
      <c r="DE62" s="841"/>
      <c r="DF62" s="842"/>
      <c r="DG62" s="840"/>
      <c r="DH62" s="841"/>
      <c r="DI62" s="841"/>
      <c r="DJ62" s="841"/>
      <c r="DK62" s="842"/>
      <c r="DL62" s="840"/>
      <c r="DM62" s="841"/>
      <c r="DN62" s="841"/>
      <c r="DO62" s="841"/>
      <c r="DP62" s="842"/>
      <c r="DQ62" s="840"/>
      <c r="DR62" s="841"/>
      <c r="DS62" s="841"/>
      <c r="DT62" s="841"/>
      <c r="DU62" s="842"/>
      <c r="DV62" s="837"/>
      <c r="DW62" s="838"/>
      <c r="DX62" s="838"/>
      <c r="DY62" s="838"/>
      <c r="DZ62" s="843"/>
      <c r="EA62" s="225"/>
    </row>
    <row r="63" spans="1:131" ht="26.25" customHeight="1" thickBot="1" x14ac:dyDescent="0.25">
      <c r="A63" s="235" t="s">
        <v>388</v>
      </c>
      <c r="B63" s="853" t="s">
        <v>406</v>
      </c>
      <c r="C63" s="854"/>
      <c r="D63" s="854"/>
      <c r="E63" s="854"/>
      <c r="F63" s="854"/>
      <c r="G63" s="854"/>
      <c r="H63" s="854"/>
      <c r="I63" s="854"/>
      <c r="J63" s="854"/>
      <c r="K63" s="854"/>
      <c r="L63" s="854"/>
      <c r="M63" s="854"/>
      <c r="N63" s="854"/>
      <c r="O63" s="854"/>
      <c r="P63" s="855"/>
      <c r="Q63" s="904"/>
      <c r="R63" s="905"/>
      <c r="S63" s="905"/>
      <c r="T63" s="905"/>
      <c r="U63" s="905"/>
      <c r="V63" s="905"/>
      <c r="W63" s="905"/>
      <c r="X63" s="905"/>
      <c r="Y63" s="905"/>
      <c r="Z63" s="905"/>
      <c r="AA63" s="905"/>
      <c r="AB63" s="905"/>
      <c r="AC63" s="905"/>
      <c r="AD63" s="905"/>
      <c r="AE63" s="906"/>
      <c r="AF63" s="907">
        <v>1033</v>
      </c>
      <c r="AG63" s="908"/>
      <c r="AH63" s="908"/>
      <c r="AI63" s="908"/>
      <c r="AJ63" s="909"/>
      <c r="AK63" s="910"/>
      <c r="AL63" s="905"/>
      <c r="AM63" s="905"/>
      <c r="AN63" s="905"/>
      <c r="AO63" s="905"/>
      <c r="AP63" s="908">
        <v>16750</v>
      </c>
      <c r="AQ63" s="908"/>
      <c r="AR63" s="908"/>
      <c r="AS63" s="908"/>
      <c r="AT63" s="908"/>
      <c r="AU63" s="908">
        <v>8325</v>
      </c>
      <c r="AV63" s="908"/>
      <c r="AW63" s="908"/>
      <c r="AX63" s="908"/>
      <c r="AY63" s="908"/>
      <c r="AZ63" s="912"/>
      <c r="BA63" s="912"/>
      <c r="BB63" s="912"/>
      <c r="BC63" s="912"/>
      <c r="BD63" s="912"/>
      <c r="BE63" s="913"/>
      <c r="BF63" s="913"/>
      <c r="BG63" s="913"/>
      <c r="BH63" s="913"/>
      <c r="BI63" s="914"/>
      <c r="BJ63" s="915" t="s">
        <v>407</v>
      </c>
      <c r="BK63" s="916"/>
      <c r="BL63" s="916"/>
      <c r="BM63" s="916"/>
      <c r="BN63" s="917"/>
      <c r="BO63" s="236"/>
      <c r="BP63" s="236"/>
      <c r="BQ63" s="233">
        <v>57</v>
      </c>
      <c r="BR63" s="234"/>
      <c r="BS63" s="837"/>
      <c r="BT63" s="838"/>
      <c r="BU63" s="838"/>
      <c r="BV63" s="838"/>
      <c r="BW63" s="838"/>
      <c r="BX63" s="838"/>
      <c r="BY63" s="838"/>
      <c r="BZ63" s="838"/>
      <c r="CA63" s="838"/>
      <c r="CB63" s="838"/>
      <c r="CC63" s="838"/>
      <c r="CD63" s="838"/>
      <c r="CE63" s="838"/>
      <c r="CF63" s="838"/>
      <c r="CG63" s="839"/>
      <c r="CH63" s="840"/>
      <c r="CI63" s="841"/>
      <c r="CJ63" s="841"/>
      <c r="CK63" s="841"/>
      <c r="CL63" s="842"/>
      <c r="CM63" s="840"/>
      <c r="CN63" s="841"/>
      <c r="CO63" s="841"/>
      <c r="CP63" s="841"/>
      <c r="CQ63" s="842"/>
      <c r="CR63" s="840"/>
      <c r="CS63" s="841"/>
      <c r="CT63" s="841"/>
      <c r="CU63" s="841"/>
      <c r="CV63" s="842"/>
      <c r="CW63" s="840"/>
      <c r="CX63" s="841"/>
      <c r="CY63" s="841"/>
      <c r="CZ63" s="841"/>
      <c r="DA63" s="842"/>
      <c r="DB63" s="840"/>
      <c r="DC63" s="841"/>
      <c r="DD63" s="841"/>
      <c r="DE63" s="841"/>
      <c r="DF63" s="842"/>
      <c r="DG63" s="840"/>
      <c r="DH63" s="841"/>
      <c r="DI63" s="841"/>
      <c r="DJ63" s="841"/>
      <c r="DK63" s="842"/>
      <c r="DL63" s="840"/>
      <c r="DM63" s="841"/>
      <c r="DN63" s="841"/>
      <c r="DO63" s="841"/>
      <c r="DP63" s="842"/>
      <c r="DQ63" s="840"/>
      <c r="DR63" s="841"/>
      <c r="DS63" s="841"/>
      <c r="DT63" s="841"/>
      <c r="DU63" s="842"/>
      <c r="DV63" s="837"/>
      <c r="DW63" s="838"/>
      <c r="DX63" s="838"/>
      <c r="DY63" s="838"/>
      <c r="DZ63" s="843"/>
      <c r="EA63" s="225"/>
    </row>
    <row r="64" spans="1:131" ht="26.25" customHeight="1" x14ac:dyDescent="0.2">
      <c r="A64" s="236"/>
      <c r="B64" s="236"/>
      <c r="C64" s="236"/>
      <c r="D64" s="236"/>
      <c r="E64" s="236"/>
      <c r="F64" s="236"/>
      <c r="G64" s="236"/>
      <c r="H64" s="236"/>
      <c r="I64" s="236"/>
      <c r="J64" s="236"/>
      <c r="K64" s="236"/>
      <c r="L64" s="236"/>
      <c r="M64" s="236"/>
      <c r="N64" s="236"/>
      <c r="O64" s="236"/>
      <c r="P64" s="236"/>
      <c r="Q64" s="236"/>
      <c r="R64" s="236"/>
      <c r="S64" s="236"/>
      <c r="T64" s="236"/>
      <c r="U64" s="236"/>
      <c r="V64" s="236"/>
      <c r="W64" s="236"/>
      <c r="X64" s="236"/>
      <c r="Y64" s="236"/>
      <c r="Z64" s="236"/>
      <c r="AA64" s="236"/>
      <c r="AB64" s="236"/>
      <c r="AC64" s="236"/>
      <c r="AD64" s="236"/>
      <c r="AE64" s="236"/>
      <c r="AF64" s="236"/>
      <c r="AG64" s="236"/>
      <c r="AH64" s="236"/>
      <c r="AI64" s="236"/>
      <c r="AJ64" s="236"/>
      <c r="AK64" s="236"/>
      <c r="AL64" s="236"/>
      <c r="AM64" s="236"/>
      <c r="AN64" s="236"/>
      <c r="AO64" s="236"/>
      <c r="AP64" s="236"/>
      <c r="AQ64" s="236"/>
      <c r="AR64" s="236"/>
      <c r="AS64" s="236"/>
      <c r="AT64" s="236"/>
      <c r="AU64" s="236"/>
      <c r="AV64" s="236"/>
      <c r="AW64" s="236"/>
      <c r="AX64" s="236"/>
      <c r="AY64" s="236"/>
      <c r="AZ64" s="236"/>
      <c r="BA64" s="236"/>
      <c r="BB64" s="236"/>
      <c r="BC64" s="236"/>
      <c r="BD64" s="236"/>
      <c r="BE64" s="236"/>
      <c r="BF64" s="236"/>
      <c r="BG64" s="236"/>
      <c r="BH64" s="236"/>
      <c r="BI64" s="236"/>
      <c r="BJ64" s="236"/>
      <c r="BK64" s="236"/>
      <c r="BL64" s="236"/>
      <c r="BM64" s="236"/>
      <c r="BN64" s="236"/>
      <c r="BO64" s="236"/>
      <c r="BP64" s="236"/>
      <c r="BQ64" s="233">
        <v>58</v>
      </c>
      <c r="BR64" s="234"/>
      <c r="BS64" s="837"/>
      <c r="BT64" s="838"/>
      <c r="BU64" s="838"/>
      <c r="BV64" s="838"/>
      <c r="BW64" s="838"/>
      <c r="BX64" s="838"/>
      <c r="BY64" s="838"/>
      <c r="BZ64" s="838"/>
      <c r="CA64" s="838"/>
      <c r="CB64" s="838"/>
      <c r="CC64" s="838"/>
      <c r="CD64" s="838"/>
      <c r="CE64" s="838"/>
      <c r="CF64" s="838"/>
      <c r="CG64" s="839"/>
      <c r="CH64" s="840"/>
      <c r="CI64" s="841"/>
      <c r="CJ64" s="841"/>
      <c r="CK64" s="841"/>
      <c r="CL64" s="842"/>
      <c r="CM64" s="840"/>
      <c r="CN64" s="841"/>
      <c r="CO64" s="841"/>
      <c r="CP64" s="841"/>
      <c r="CQ64" s="842"/>
      <c r="CR64" s="840"/>
      <c r="CS64" s="841"/>
      <c r="CT64" s="841"/>
      <c r="CU64" s="841"/>
      <c r="CV64" s="842"/>
      <c r="CW64" s="840"/>
      <c r="CX64" s="841"/>
      <c r="CY64" s="841"/>
      <c r="CZ64" s="841"/>
      <c r="DA64" s="842"/>
      <c r="DB64" s="840"/>
      <c r="DC64" s="841"/>
      <c r="DD64" s="841"/>
      <c r="DE64" s="841"/>
      <c r="DF64" s="842"/>
      <c r="DG64" s="840"/>
      <c r="DH64" s="841"/>
      <c r="DI64" s="841"/>
      <c r="DJ64" s="841"/>
      <c r="DK64" s="842"/>
      <c r="DL64" s="840"/>
      <c r="DM64" s="841"/>
      <c r="DN64" s="841"/>
      <c r="DO64" s="841"/>
      <c r="DP64" s="842"/>
      <c r="DQ64" s="840"/>
      <c r="DR64" s="841"/>
      <c r="DS64" s="841"/>
      <c r="DT64" s="841"/>
      <c r="DU64" s="842"/>
      <c r="DV64" s="837"/>
      <c r="DW64" s="838"/>
      <c r="DX64" s="838"/>
      <c r="DY64" s="838"/>
      <c r="DZ64" s="843"/>
      <c r="EA64" s="225"/>
    </row>
    <row r="65" spans="1:131" ht="26.25" customHeight="1" thickBot="1" x14ac:dyDescent="0.25">
      <c r="A65" s="227" t="s">
        <v>408</v>
      </c>
      <c r="B65" s="227"/>
      <c r="C65" s="227"/>
      <c r="D65" s="227"/>
      <c r="E65" s="227"/>
      <c r="F65" s="227"/>
      <c r="G65" s="227"/>
      <c r="H65" s="227"/>
      <c r="I65" s="227"/>
      <c r="J65" s="227"/>
      <c r="K65" s="227"/>
      <c r="L65" s="227"/>
      <c r="M65" s="227"/>
      <c r="N65" s="227"/>
      <c r="O65" s="227"/>
      <c r="P65" s="227"/>
      <c r="Q65" s="227"/>
      <c r="R65" s="227"/>
      <c r="S65" s="227"/>
      <c r="T65" s="227"/>
      <c r="U65" s="227"/>
      <c r="V65" s="227"/>
      <c r="W65" s="227"/>
      <c r="X65" s="227"/>
      <c r="Y65" s="227"/>
      <c r="Z65" s="227"/>
      <c r="AA65" s="227"/>
      <c r="AB65" s="227"/>
      <c r="AC65" s="227"/>
      <c r="AD65" s="227"/>
      <c r="AE65" s="227"/>
      <c r="AF65" s="227"/>
      <c r="AG65" s="227"/>
      <c r="AH65" s="227"/>
      <c r="AI65" s="227"/>
      <c r="AJ65" s="227"/>
      <c r="AK65" s="227"/>
      <c r="AL65" s="227"/>
      <c r="AM65" s="227"/>
      <c r="AN65" s="227"/>
      <c r="AO65" s="227"/>
      <c r="AP65" s="227"/>
      <c r="AQ65" s="227"/>
      <c r="AR65" s="227"/>
      <c r="AS65" s="227"/>
      <c r="AT65" s="227"/>
      <c r="AU65" s="227"/>
      <c r="AV65" s="227"/>
      <c r="AW65" s="227"/>
      <c r="AX65" s="227"/>
      <c r="AY65" s="227"/>
      <c r="AZ65" s="227"/>
      <c r="BA65" s="227"/>
      <c r="BB65" s="227"/>
      <c r="BC65" s="227"/>
      <c r="BD65" s="227"/>
      <c r="BE65" s="236"/>
      <c r="BF65" s="236"/>
      <c r="BG65" s="236"/>
      <c r="BH65" s="236"/>
      <c r="BI65" s="236"/>
      <c r="BJ65" s="236"/>
      <c r="BK65" s="236"/>
      <c r="BL65" s="236"/>
      <c r="BM65" s="236"/>
      <c r="BN65" s="236"/>
      <c r="BO65" s="236"/>
      <c r="BP65" s="236"/>
      <c r="BQ65" s="233">
        <v>59</v>
      </c>
      <c r="BR65" s="234"/>
      <c r="BS65" s="837"/>
      <c r="BT65" s="838"/>
      <c r="BU65" s="838"/>
      <c r="BV65" s="838"/>
      <c r="BW65" s="838"/>
      <c r="BX65" s="838"/>
      <c r="BY65" s="838"/>
      <c r="BZ65" s="838"/>
      <c r="CA65" s="838"/>
      <c r="CB65" s="838"/>
      <c r="CC65" s="838"/>
      <c r="CD65" s="838"/>
      <c r="CE65" s="838"/>
      <c r="CF65" s="838"/>
      <c r="CG65" s="839"/>
      <c r="CH65" s="840"/>
      <c r="CI65" s="841"/>
      <c r="CJ65" s="841"/>
      <c r="CK65" s="841"/>
      <c r="CL65" s="842"/>
      <c r="CM65" s="840"/>
      <c r="CN65" s="841"/>
      <c r="CO65" s="841"/>
      <c r="CP65" s="841"/>
      <c r="CQ65" s="842"/>
      <c r="CR65" s="840"/>
      <c r="CS65" s="841"/>
      <c r="CT65" s="841"/>
      <c r="CU65" s="841"/>
      <c r="CV65" s="842"/>
      <c r="CW65" s="840"/>
      <c r="CX65" s="841"/>
      <c r="CY65" s="841"/>
      <c r="CZ65" s="841"/>
      <c r="DA65" s="842"/>
      <c r="DB65" s="840"/>
      <c r="DC65" s="841"/>
      <c r="DD65" s="841"/>
      <c r="DE65" s="841"/>
      <c r="DF65" s="842"/>
      <c r="DG65" s="840"/>
      <c r="DH65" s="841"/>
      <c r="DI65" s="841"/>
      <c r="DJ65" s="841"/>
      <c r="DK65" s="842"/>
      <c r="DL65" s="840"/>
      <c r="DM65" s="841"/>
      <c r="DN65" s="841"/>
      <c r="DO65" s="841"/>
      <c r="DP65" s="842"/>
      <c r="DQ65" s="840"/>
      <c r="DR65" s="841"/>
      <c r="DS65" s="841"/>
      <c r="DT65" s="841"/>
      <c r="DU65" s="842"/>
      <c r="DV65" s="837"/>
      <c r="DW65" s="838"/>
      <c r="DX65" s="838"/>
      <c r="DY65" s="838"/>
      <c r="DZ65" s="843"/>
      <c r="EA65" s="225"/>
    </row>
    <row r="66" spans="1:131" ht="26.25" customHeight="1" x14ac:dyDescent="0.2">
      <c r="A66" s="791" t="s">
        <v>409</v>
      </c>
      <c r="B66" s="792"/>
      <c r="C66" s="792"/>
      <c r="D66" s="792"/>
      <c r="E66" s="792"/>
      <c r="F66" s="792"/>
      <c r="G66" s="792"/>
      <c r="H66" s="792"/>
      <c r="I66" s="792"/>
      <c r="J66" s="792"/>
      <c r="K66" s="792"/>
      <c r="L66" s="792"/>
      <c r="M66" s="792"/>
      <c r="N66" s="792"/>
      <c r="O66" s="792"/>
      <c r="P66" s="793"/>
      <c r="Q66" s="797" t="s">
        <v>392</v>
      </c>
      <c r="R66" s="798"/>
      <c r="S66" s="798"/>
      <c r="T66" s="798"/>
      <c r="U66" s="799"/>
      <c r="V66" s="797" t="s">
        <v>410</v>
      </c>
      <c r="W66" s="798"/>
      <c r="X66" s="798"/>
      <c r="Y66" s="798"/>
      <c r="Z66" s="799"/>
      <c r="AA66" s="797" t="s">
        <v>411</v>
      </c>
      <c r="AB66" s="798"/>
      <c r="AC66" s="798"/>
      <c r="AD66" s="798"/>
      <c r="AE66" s="799"/>
      <c r="AF66" s="918" t="s">
        <v>412</v>
      </c>
      <c r="AG66" s="879"/>
      <c r="AH66" s="879"/>
      <c r="AI66" s="879"/>
      <c r="AJ66" s="919"/>
      <c r="AK66" s="797" t="s">
        <v>396</v>
      </c>
      <c r="AL66" s="792"/>
      <c r="AM66" s="792"/>
      <c r="AN66" s="792"/>
      <c r="AO66" s="793"/>
      <c r="AP66" s="797" t="s">
        <v>413</v>
      </c>
      <c r="AQ66" s="798"/>
      <c r="AR66" s="798"/>
      <c r="AS66" s="798"/>
      <c r="AT66" s="799"/>
      <c r="AU66" s="797" t="s">
        <v>414</v>
      </c>
      <c r="AV66" s="798"/>
      <c r="AW66" s="798"/>
      <c r="AX66" s="798"/>
      <c r="AY66" s="799"/>
      <c r="AZ66" s="797" t="s">
        <v>375</v>
      </c>
      <c r="BA66" s="798"/>
      <c r="BB66" s="798"/>
      <c r="BC66" s="798"/>
      <c r="BD66" s="804"/>
      <c r="BE66" s="236"/>
      <c r="BF66" s="236"/>
      <c r="BG66" s="236"/>
      <c r="BH66" s="236"/>
      <c r="BI66" s="236"/>
      <c r="BJ66" s="236"/>
      <c r="BK66" s="236"/>
      <c r="BL66" s="236"/>
      <c r="BM66" s="236"/>
      <c r="BN66" s="236"/>
      <c r="BO66" s="236"/>
      <c r="BP66" s="236"/>
      <c r="BQ66" s="233">
        <v>60</v>
      </c>
      <c r="BR66" s="238"/>
      <c r="BS66" s="923"/>
      <c r="BT66" s="924"/>
      <c r="BU66" s="924"/>
      <c r="BV66" s="924"/>
      <c r="BW66" s="924"/>
      <c r="BX66" s="924"/>
      <c r="BY66" s="924"/>
      <c r="BZ66" s="924"/>
      <c r="CA66" s="924"/>
      <c r="CB66" s="924"/>
      <c r="CC66" s="924"/>
      <c r="CD66" s="924"/>
      <c r="CE66" s="924"/>
      <c r="CF66" s="924"/>
      <c r="CG66" s="929"/>
      <c r="CH66" s="926"/>
      <c r="CI66" s="927"/>
      <c r="CJ66" s="927"/>
      <c r="CK66" s="927"/>
      <c r="CL66" s="928"/>
      <c r="CM66" s="926"/>
      <c r="CN66" s="927"/>
      <c r="CO66" s="927"/>
      <c r="CP66" s="927"/>
      <c r="CQ66" s="928"/>
      <c r="CR66" s="926"/>
      <c r="CS66" s="927"/>
      <c r="CT66" s="927"/>
      <c r="CU66" s="927"/>
      <c r="CV66" s="928"/>
      <c r="CW66" s="926"/>
      <c r="CX66" s="927"/>
      <c r="CY66" s="927"/>
      <c r="CZ66" s="927"/>
      <c r="DA66" s="928"/>
      <c r="DB66" s="926"/>
      <c r="DC66" s="927"/>
      <c r="DD66" s="927"/>
      <c r="DE66" s="927"/>
      <c r="DF66" s="928"/>
      <c r="DG66" s="926"/>
      <c r="DH66" s="927"/>
      <c r="DI66" s="927"/>
      <c r="DJ66" s="927"/>
      <c r="DK66" s="928"/>
      <c r="DL66" s="926"/>
      <c r="DM66" s="927"/>
      <c r="DN66" s="927"/>
      <c r="DO66" s="927"/>
      <c r="DP66" s="928"/>
      <c r="DQ66" s="926"/>
      <c r="DR66" s="927"/>
      <c r="DS66" s="927"/>
      <c r="DT66" s="927"/>
      <c r="DU66" s="928"/>
      <c r="DV66" s="923"/>
      <c r="DW66" s="924"/>
      <c r="DX66" s="924"/>
      <c r="DY66" s="924"/>
      <c r="DZ66" s="925"/>
      <c r="EA66" s="225"/>
    </row>
    <row r="67" spans="1:131" ht="26.25" customHeight="1" thickBot="1" x14ac:dyDescent="0.25">
      <c r="A67" s="794"/>
      <c r="B67" s="795"/>
      <c r="C67" s="795"/>
      <c r="D67" s="795"/>
      <c r="E67" s="795"/>
      <c r="F67" s="795"/>
      <c r="G67" s="795"/>
      <c r="H67" s="795"/>
      <c r="I67" s="795"/>
      <c r="J67" s="795"/>
      <c r="K67" s="795"/>
      <c r="L67" s="795"/>
      <c r="M67" s="795"/>
      <c r="N67" s="795"/>
      <c r="O67" s="795"/>
      <c r="P67" s="796"/>
      <c r="Q67" s="800"/>
      <c r="R67" s="801"/>
      <c r="S67" s="801"/>
      <c r="T67" s="801"/>
      <c r="U67" s="802"/>
      <c r="V67" s="800"/>
      <c r="W67" s="801"/>
      <c r="X67" s="801"/>
      <c r="Y67" s="801"/>
      <c r="Z67" s="802"/>
      <c r="AA67" s="800"/>
      <c r="AB67" s="801"/>
      <c r="AC67" s="801"/>
      <c r="AD67" s="801"/>
      <c r="AE67" s="802"/>
      <c r="AF67" s="920"/>
      <c r="AG67" s="882"/>
      <c r="AH67" s="882"/>
      <c r="AI67" s="882"/>
      <c r="AJ67" s="921"/>
      <c r="AK67" s="922"/>
      <c r="AL67" s="795"/>
      <c r="AM67" s="795"/>
      <c r="AN67" s="795"/>
      <c r="AO67" s="796"/>
      <c r="AP67" s="800"/>
      <c r="AQ67" s="801"/>
      <c r="AR67" s="801"/>
      <c r="AS67" s="801"/>
      <c r="AT67" s="802"/>
      <c r="AU67" s="800"/>
      <c r="AV67" s="801"/>
      <c r="AW67" s="801"/>
      <c r="AX67" s="801"/>
      <c r="AY67" s="802"/>
      <c r="AZ67" s="800"/>
      <c r="BA67" s="801"/>
      <c r="BB67" s="801"/>
      <c r="BC67" s="801"/>
      <c r="BD67" s="806"/>
      <c r="BE67" s="236"/>
      <c r="BF67" s="236"/>
      <c r="BG67" s="236"/>
      <c r="BH67" s="236"/>
      <c r="BI67" s="236"/>
      <c r="BJ67" s="236"/>
      <c r="BK67" s="236"/>
      <c r="BL67" s="236"/>
      <c r="BM67" s="236"/>
      <c r="BN67" s="236"/>
      <c r="BO67" s="236"/>
      <c r="BP67" s="236"/>
      <c r="BQ67" s="233">
        <v>61</v>
      </c>
      <c r="BR67" s="238"/>
      <c r="BS67" s="923"/>
      <c r="BT67" s="924"/>
      <c r="BU67" s="924"/>
      <c r="BV67" s="924"/>
      <c r="BW67" s="924"/>
      <c r="BX67" s="924"/>
      <c r="BY67" s="924"/>
      <c r="BZ67" s="924"/>
      <c r="CA67" s="924"/>
      <c r="CB67" s="924"/>
      <c r="CC67" s="924"/>
      <c r="CD67" s="924"/>
      <c r="CE67" s="924"/>
      <c r="CF67" s="924"/>
      <c r="CG67" s="929"/>
      <c r="CH67" s="926"/>
      <c r="CI67" s="927"/>
      <c r="CJ67" s="927"/>
      <c r="CK67" s="927"/>
      <c r="CL67" s="928"/>
      <c r="CM67" s="926"/>
      <c r="CN67" s="927"/>
      <c r="CO67" s="927"/>
      <c r="CP67" s="927"/>
      <c r="CQ67" s="928"/>
      <c r="CR67" s="926"/>
      <c r="CS67" s="927"/>
      <c r="CT67" s="927"/>
      <c r="CU67" s="927"/>
      <c r="CV67" s="928"/>
      <c r="CW67" s="926"/>
      <c r="CX67" s="927"/>
      <c r="CY67" s="927"/>
      <c r="CZ67" s="927"/>
      <c r="DA67" s="928"/>
      <c r="DB67" s="926"/>
      <c r="DC67" s="927"/>
      <c r="DD67" s="927"/>
      <c r="DE67" s="927"/>
      <c r="DF67" s="928"/>
      <c r="DG67" s="926"/>
      <c r="DH67" s="927"/>
      <c r="DI67" s="927"/>
      <c r="DJ67" s="927"/>
      <c r="DK67" s="928"/>
      <c r="DL67" s="926"/>
      <c r="DM67" s="927"/>
      <c r="DN67" s="927"/>
      <c r="DO67" s="927"/>
      <c r="DP67" s="928"/>
      <c r="DQ67" s="926"/>
      <c r="DR67" s="927"/>
      <c r="DS67" s="927"/>
      <c r="DT67" s="927"/>
      <c r="DU67" s="928"/>
      <c r="DV67" s="923"/>
      <c r="DW67" s="924"/>
      <c r="DX67" s="924"/>
      <c r="DY67" s="924"/>
      <c r="DZ67" s="925"/>
      <c r="EA67" s="225"/>
    </row>
    <row r="68" spans="1:131" ht="26.25" customHeight="1" thickTop="1" x14ac:dyDescent="0.2">
      <c r="A68" s="231">
        <v>1</v>
      </c>
      <c r="B68" s="933" t="s">
        <v>566</v>
      </c>
      <c r="C68" s="934"/>
      <c r="D68" s="934"/>
      <c r="E68" s="934"/>
      <c r="F68" s="934"/>
      <c r="G68" s="934"/>
      <c r="H68" s="934"/>
      <c r="I68" s="934"/>
      <c r="J68" s="934"/>
      <c r="K68" s="934"/>
      <c r="L68" s="934"/>
      <c r="M68" s="934"/>
      <c r="N68" s="934"/>
      <c r="O68" s="934"/>
      <c r="P68" s="935"/>
      <c r="Q68" s="936">
        <v>2851</v>
      </c>
      <c r="R68" s="930"/>
      <c r="S68" s="930"/>
      <c r="T68" s="930"/>
      <c r="U68" s="930"/>
      <c r="V68" s="930">
        <v>2766</v>
      </c>
      <c r="W68" s="930"/>
      <c r="X68" s="930"/>
      <c r="Y68" s="930"/>
      <c r="Z68" s="930"/>
      <c r="AA68" s="930">
        <v>79</v>
      </c>
      <c r="AB68" s="930"/>
      <c r="AC68" s="930"/>
      <c r="AD68" s="930"/>
      <c r="AE68" s="930"/>
      <c r="AF68" s="930">
        <v>85</v>
      </c>
      <c r="AG68" s="930"/>
      <c r="AH68" s="930"/>
      <c r="AI68" s="930"/>
      <c r="AJ68" s="930"/>
      <c r="AK68" s="930">
        <v>308</v>
      </c>
      <c r="AL68" s="930"/>
      <c r="AM68" s="930"/>
      <c r="AN68" s="930"/>
      <c r="AO68" s="930"/>
      <c r="AP68" s="930">
        <v>4424</v>
      </c>
      <c r="AQ68" s="930"/>
      <c r="AR68" s="930"/>
      <c r="AS68" s="930"/>
      <c r="AT68" s="930"/>
      <c r="AU68" s="930">
        <v>1661</v>
      </c>
      <c r="AV68" s="930"/>
      <c r="AW68" s="930"/>
      <c r="AX68" s="930"/>
      <c r="AY68" s="930"/>
      <c r="AZ68" s="931"/>
      <c r="BA68" s="931"/>
      <c r="BB68" s="931"/>
      <c r="BC68" s="931"/>
      <c r="BD68" s="932"/>
      <c r="BE68" s="236"/>
      <c r="BF68" s="236"/>
      <c r="BG68" s="236"/>
      <c r="BH68" s="236"/>
      <c r="BI68" s="236"/>
      <c r="BJ68" s="236"/>
      <c r="BK68" s="236"/>
      <c r="BL68" s="236"/>
      <c r="BM68" s="236"/>
      <c r="BN68" s="236"/>
      <c r="BO68" s="236"/>
      <c r="BP68" s="236"/>
      <c r="BQ68" s="233">
        <v>62</v>
      </c>
      <c r="BR68" s="238"/>
      <c r="BS68" s="923"/>
      <c r="BT68" s="924"/>
      <c r="BU68" s="924"/>
      <c r="BV68" s="924"/>
      <c r="BW68" s="924"/>
      <c r="BX68" s="924"/>
      <c r="BY68" s="924"/>
      <c r="BZ68" s="924"/>
      <c r="CA68" s="924"/>
      <c r="CB68" s="924"/>
      <c r="CC68" s="924"/>
      <c r="CD68" s="924"/>
      <c r="CE68" s="924"/>
      <c r="CF68" s="924"/>
      <c r="CG68" s="929"/>
      <c r="CH68" s="926"/>
      <c r="CI68" s="927"/>
      <c r="CJ68" s="927"/>
      <c r="CK68" s="927"/>
      <c r="CL68" s="928"/>
      <c r="CM68" s="926"/>
      <c r="CN68" s="927"/>
      <c r="CO68" s="927"/>
      <c r="CP68" s="927"/>
      <c r="CQ68" s="928"/>
      <c r="CR68" s="926"/>
      <c r="CS68" s="927"/>
      <c r="CT68" s="927"/>
      <c r="CU68" s="927"/>
      <c r="CV68" s="928"/>
      <c r="CW68" s="926"/>
      <c r="CX68" s="927"/>
      <c r="CY68" s="927"/>
      <c r="CZ68" s="927"/>
      <c r="DA68" s="928"/>
      <c r="DB68" s="926"/>
      <c r="DC68" s="927"/>
      <c r="DD68" s="927"/>
      <c r="DE68" s="927"/>
      <c r="DF68" s="928"/>
      <c r="DG68" s="926"/>
      <c r="DH68" s="927"/>
      <c r="DI68" s="927"/>
      <c r="DJ68" s="927"/>
      <c r="DK68" s="928"/>
      <c r="DL68" s="926"/>
      <c r="DM68" s="927"/>
      <c r="DN68" s="927"/>
      <c r="DO68" s="927"/>
      <c r="DP68" s="928"/>
      <c r="DQ68" s="926"/>
      <c r="DR68" s="927"/>
      <c r="DS68" s="927"/>
      <c r="DT68" s="927"/>
      <c r="DU68" s="928"/>
      <c r="DV68" s="923"/>
      <c r="DW68" s="924"/>
      <c r="DX68" s="924"/>
      <c r="DY68" s="924"/>
      <c r="DZ68" s="925"/>
      <c r="EA68" s="225"/>
    </row>
    <row r="69" spans="1:131" ht="26.25" customHeight="1" x14ac:dyDescent="0.2">
      <c r="A69" s="233">
        <v>2</v>
      </c>
      <c r="B69" s="937" t="s">
        <v>567</v>
      </c>
      <c r="C69" s="938"/>
      <c r="D69" s="938"/>
      <c r="E69" s="938"/>
      <c r="F69" s="938"/>
      <c r="G69" s="938"/>
      <c r="H69" s="938"/>
      <c r="I69" s="938"/>
      <c r="J69" s="938"/>
      <c r="K69" s="938"/>
      <c r="L69" s="938"/>
      <c r="M69" s="938"/>
      <c r="N69" s="938"/>
      <c r="O69" s="938"/>
      <c r="P69" s="939"/>
      <c r="Q69" s="940">
        <v>6</v>
      </c>
      <c r="R69" s="894"/>
      <c r="S69" s="894"/>
      <c r="T69" s="894"/>
      <c r="U69" s="894"/>
      <c r="V69" s="894">
        <v>5</v>
      </c>
      <c r="W69" s="894"/>
      <c r="X69" s="894"/>
      <c r="Y69" s="894"/>
      <c r="Z69" s="894"/>
      <c r="AA69" s="894">
        <v>0</v>
      </c>
      <c r="AB69" s="894"/>
      <c r="AC69" s="894"/>
      <c r="AD69" s="894"/>
      <c r="AE69" s="894"/>
      <c r="AF69" s="894">
        <v>0</v>
      </c>
      <c r="AG69" s="894"/>
      <c r="AH69" s="894"/>
      <c r="AI69" s="894"/>
      <c r="AJ69" s="894"/>
      <c r="AK69" s="894" t="s">
        <v>579</v>
      </c>
      <c r="AL69" s="894"/>
      <c r="AM69" s="894"/>
      <c r="AN69" s="894"/>
      <c r="AO69" s="894"/>
      <c r="AP69" s="894" t="s">
        <v>571</v>
      </c>
      <c r="AQ69" s="894"/>
      <c r="AR69" s="894"/>
      <c r="AS69" s="894"/>
      <c r="AT69" s="894"/>
      <c r="AU69" s="894" t="s">
        <v>571</v>
      </c>
      <c r="AV69" s="894"/>
      <c r="AW69" s="894"/>
      <c r="AX69" s="894"/>
      <c r="AY69" s="894"/>
      <c r="AZ69" s="896"/>
      <c r="BA69" s="896"/>
      <c r="BB69" s="896"/>
      <c r="BC69" s="896"/>
      <c r="BD69" s="897"/>
      <c r="BE69" s="236"/>
      <c r="BF69" s="236"/>
      <c r="BG69" s="236"/>
      <c r="BH69" s="236"/>
      <c r="BI69" s="236"/>
      <c r="BJ69" s="236"/>
      <c r="BK69" s="236"/>
      <c r="BL69" s="236"/>
      <c r="BM69" s="236"/>
      <c r="BN69" s="236"/>
      <c r="BO69" s="236"/>
      <c r="BP69" s="236"/>
      <c r="BQ69" s="233">
        <v>63</v>
      </c>
      <c r="BR69" s="238"/>
      <c r="BS69" s="923"/>
      <c r="BT69" s="924"/>
      <c r="BU69" s="924"/>
      <c r="BV69" s="924"/>
      <c r="BW69" s="924"/>
      <c r="BX69" s="924"/>
      <c r="BY69" s="924"/>
      <c r="BZ69" s="924"/>
      <c r="CA69" s="924"/>
      <c r="CB69" s="924"/>
      <c r="CC69" s="924"/>
      <c r="CD69" s="924"/>
      <c r="CE69" s="924"/>
      <c r="CF69" s="924"/>
      <c r="CG69" s="929"/>
      <c r="CH69" s="926"/>
      <c r="CI69" s="927"/>
      <c r="CJ69" s="927"/>
      <c r="CK69" s="927"/>
      <c r="CL69" s="928"/>
      <c r="CM69" s="926"/>
      <c r="CN69" s="927"/>
      <c r="CO69" s="927"/>
      <c r="CP69" s="927"/>
      <c r="CQ69" s="928"/>
      <c r="CR69" s="926"/>
      <c r="CS69" s="927"/>
      <c r="CT69" s="927"/>
      <c r="CU69" s="927"/>
      <c r="CV69" s="928"/>
      <c r="CW69" s="926"/>
      <c r="CX69" s="927"/>
      <c r="CY69" s="927"/>
      <c r="CZ69" s="927"/>
      <c r="DA69" s="928"/>
      <c r="DB69" s="926"/>
      <c r="DC69" s="927"/>
      <c r="DD69" s="927"/>
      <c r="DE69" s="927"/>
      <c r="DF69" s="928"/>
      <c r="DG69" s="926"/>
      <c r="DH69" s="927"/>
      <c r="DI69" s="927"/>
      <c r="DJ69" s="927"/>
      <c r="DK69" s="928"/>
      <c r="DL69" s="926"/>
      <c r="DM69" s="927"/>
      <c r="DN69" s="927"/>
      <c r="DO69" s="927"/>
      <c r="DP69" s="928"/>
      <c r="DQ69" s="926"/>
      <c r="DR69" s="927"/>
      <c r="DS69" s="927"/>
      <c r="DT69" s="927"/>
      <c r="DU69" s="928"/>
      <c r="DV69" s="923"/>
      <c r="DW69" s="924"/>
      <c r="DX69" s="924"/>
      <c r="DY69" s="924"/>
      <c r="DZ69" s="925"/>
      <c r="EA69" s="225"/>
    </row>
    <row r="70" spans="1:131" ht="26.25" customHeight="1" x14ac:dyDescent="0.2">
      <c r="A70" s="233">
        <v>3</v>
      </c>
      <c r="B70" s="937" t="s">
        <v>568</v>
      </c>
      <c r="C70" s="938"/>
      <c r="D70" s="938"/>
      <c r="E70" s="938"/>
      <c r="F70" s="938"/>
      <c r="G70" s="938"/>
      <c r="H70" s="938"/>
      <c r="I70" s="938"/>
      <c r="J70" s="938"/>
      <c r="K70" s="938"/>
      <c r="L70" s="938"/>
      <c r="M70" s="938"/>
      <c r="N70" s="938"/>
      <c r="O70" s="938"/>
      <c r="P70" s="939"/>
      <c r="Q70" s="940">
        <v>4336</v>
      </c>
      <c r="R70" s="894"/>
      <c r="S70" s="894"/>
      <c r="T70" s="894"/>
      <c r="U70" s="894"/>
      <c r="V70" s="894">
        <v>3735</v>
      </c>
      <c r="W70" s="894"/>
      <c r="X70" s="894"/>
      <c r="Y70" s="894"/>
      <c r="Z70" s="894"/>
      <c r="AA70" s="894">
        <v>602</v>
      </c>
      <c r="AB70" s="894"/>
      <c r="AC70" s="894"/>
      <c r="AD70" s="894"/>
      <c r="AE70" s="894"/>
      <c r="AF70" s="894">
        <v>602</v>
      </c>
      <c r="AG70" s="894"/>
      <c r="AH70" s="894"/>
      <c r="AI70" s="894"/>
      <c r="AJ70" s="894"/>
      <c r="AK70" s="894" t="s">
        <v>571</v>
      </c>
      <c r="AL70" s="894"/>
      <c r="AM70" s="894"/>
      <c r="AN70" s="894"/>
      <c r="AO70" s="894"/>
      <c r="AP70" s="894" t="s">
        <v>571</v>
      </c>
      <c r="AQ70" s="894"/>
      <c r="AR70" s="894"/>
      <c r="AS70" s="894"/>
      <c r="AT70" s="894"/>
      <c r="AU70" s="894" t="s">
        <v>571</v>
      </c>
      <c r="AV70" s="894"/>
      <c r="AW70" s="894"/>
      <c r="AX70" s="894"/>
      <c r="AY70" s="894"/>
      <c r="AZ70" s="896"/>
      <c r="BA70" s="896"/>
      <c r="BB70" s="896"/>
      <c r="BC70" s="896"/>
      <c r="BD70" s="897"/>
      <c r="BE70" s="236"/>
      <c r="BF70" s="236"/>
      <c r="BG70" s="236"/>
      <c r="BH70" s="236"/>
      <c r="BI70" s="236"/>
      <c r="BJ70" s="236"/>
      <c r="BK70" s="236"/>
      <c r="BL70" s="236"/>
      <c r="BM70" s="236"/>
      <c r="BN70" s="236"/>
      <c r="BO70" s="236"/>
      <c r="BP70" s="236"/>
      <c r="BQ70" s="233">
        <v>64</v>
      </c>
      <c r="BR70" s="238"/>
      <c r="BS70" s="923"/>
      <c r="BT70" s="924"/>
      <c r="BU70" s="924"/>
      <c r="BV70" s="924"/>
      <c r="BW70" s="924"/>
      <c r="BX70" s="924"/>
      <c r="BY70" s="924"/>
      <c r="BZ70" s="924"/>
      <c r="CA70" s="924"/>
      <c r="CB70" s="924"/>
      <c r="CC70" s="924"/>
      <c r="CD70" s="924"/>
      <c r="CE70" s="924"/>
      <c r="CF70" s="924"/>
      <c r="CG70" s="929"/>
      <c r="CH70" s="926"/>
      <c r="CI70" s="927"/>
      <c r="CJ70" s="927"/>
      <c r="CK70" s="927"/>
      <c r="CL70" s="928"/>
      <c r="CM70" s="926"/>
      <c r="CN70" s="927"/>
      <c r="CO70" s="927"/>
      <c r="CP70" s="927"/>
      <c r="CQ70" s="928"/>
      <c r="CR70" s="926"/>
      <c r="CS70" s="927"/>
      <c r="CT70" s="927"/>
      <c r="CU70" s="927"/>
      <c r="CV70" s="928"/>
      <c r="CW70" s="926"/>
      <c r="CX70" s="927"/>
      <c r="CY70" s="927"/>
      <c r="CZ70" s="927"/>
      <c r="DA70" s="928"/>
      <c r="DB70" s="926"/>
      <c r="DC70" s="927"/>
      <c r="DD70" s="927"/>
      <c r="DE70" s="927"/>
      <c r="DF70" s="928"/>
      <c r="DG70" s="926"/>
      <c r="DH70" s="927"/>
      <c r="DI70" s="927"/>
      <c r="DJ70" s="927"/>
      <c r="DK70" s="928"/>
      <c r="DL70" s="926"/>
      <c r="DM70" s="927"/>
      <c r="DN70" s="927"/>
      <c r="DO70" s="927"/>
      <c r="DP70" s="928"/>
      <c r="DQ70" s="926"/>
      <c r="DR70" s="927"/>
      <c r="DS70" s="927"/>
      <c r="DT70" s="927"/>
      <c r="DU70" s="928"/>
      <c r="DV70" s="923"/>
      <c r="DW70" s="924"/>
      <c r="DX70" s="924"/>
      <c r="DY70" s="924"/>
      <c r="DZ70" s="925"/>
      <c r="EA70" s="225"/>
    </row>
    <row r="71" spans="1:131" ht="26.25" customHeight="1" x14ac:dyDescent="0.2">
      <c r="A71" s="233">
        <v>4</v>
      </c>
      <c r="B71" s="937" t="s">
        <v>569</v>
      </c>
      <c r="C71" s="938"/>
      <c r="D71" s="938"/>
      <c r="E71" s="938"/>
      <c r="F71" s="938"/>
      <c r="G71" s="938"/>
      <c r="H71" s="938"/>
      <c r="I71" s="938"/>
      <c r="J71" s="938"/>
      <c r="K71" s="938"/>
      <c r="L71" s="938"/>
      <c r="M71" s="938"/>
      <c r="N71" s="938"/>
      <c r="O71" s="938"/>
      <c r="P71" s="939"/>
      <c r="Q71" s="940">
        <v>1008372</v>
      </c>
      <c r="R71" s="894"/>
      <c r="S71" s="894"/>
      <c r="T71" s="894"/>
      <c r="U71" s="894"/>
      <c r="V71" s="894">
        <v>987256</v>
      </c>
      <c r="W71" s="894"/>
      <c r="X71" s="894"/>
      <c r="Y71" s="894"/>
      <c r="Z71" s="894"/>
      <c r="AA71" s="894">
        <v>21116</v>
      </c>
      <c r="AB71" s="894"/>
      <c r="AC71" s="894"/>
      <c r="AD71" s="894"/>
      <c r="AE71" s="894"/>
      <c r="AF71" s="894">
        <v>21116</v>
      </c>
      <c r="AG71" s="894"/>
      <c r="AH71" s="894"/>
      <c r="AI71" s="894"/>
      <c r="AJ71" s="894"/>
      <c r="AK71" s="894">
        <v>4210</v>
      </c>
      <c r="AL71" s="894"/>
      <c r="AM71" s="894"/>
      <c r="AN71" s="894"/>
      <c r="AO71" s="894"/>
      <c r="AP71" s="894" t="s">
        <v>571</v>
      </c>
      <c r="AQ71" s="894"/>
      <c r="AR71" s="894"/>
      <c r="AS71" s="894"/>
      <c r="AT71" s="894"/>
      <c r="AU71" s="894" t="s">
        <v>571</v>
      </c>
      <c r="AV71" s="894"/>
      <c r="AW71" s="894"/>
      <c r="AX71" s="894"/>
      <c r="AY71" s="894"/>
      <c r="AZ71" s="896"/>
      <c r="BA71" s="896"/>
      <c r="BB71" s="896"/>
      <c r="BC71" s="896"/>
      <c r="BD71" s="897"/>
      <c r="BE71" s="236"/>
      <c r="BF71" s="236"/>
      <c r="BG71" s="236"/>
      <c r="BH71" s="236"/>
      <c r="BI71" s="236"/>
      <c r="BJ71" s="236"/>
      <c r="BK71" s="236"/>
      <c r="BL71" s="236"/>
      <c r="BM71" s="236"/>
      <c r="BN71" s="236"/>
      <c r="BO71" s="236"/>
      <c r="BP71" s="236"/>
      <c r="BQ71" s="233">
        <v>65</v>
      </c>
      <c r="BR71" s="238"/>
      <c r="BS71" s="923"/>
      <c r="BT71" s="924"/>
      <c r="BU71" s="924"/>
      <c r="BV71" s="924"/>
      <c r="BW71" s="924"/>
      <c r="BX71" s="924"/>
      <c r="BY71" s="924"/>
      <c r="BZ71" s="924"/>
      <c r="CA71" s="924"/>
      <c r="CB71" s="924"/>
      <c r="CC71" s="924"/>
      <c r="CD71" s="924"/>
      <c r="CE71" s="924"/>
      <c r="CF71" s="924"/>
      <c r="CG71" s="929"/>
      <c r="CH71" s="926"/>
      <c r="CI71" s="927"/>
      <c r="CJ71" s="927"/>
      <c r="CK71" s="927"/>
      <c r="CL71" s="928"/>
      <c r="CM71" s="926"/>
      <c r="CN71" s="927"/>
      <c r="CO71" s="927"/>
      <c r="CP71" s="927"/>
      <c r="CQ71" s="928"/>
      <c r="CR71" s="926"/>
      <c r="CS71" s="927"/>
      <c r="CT71" s="927"/>
      <c r="CU71" s="927"/>
      <c r="CV71" s="928"/>
      <c r="CW71" s="926"/>
      <c r="CX71" s="927"/>
      <c r="CY71" s="927"/>
      <c r="CZ71" s="927"/>
      <c r="DA71" s="928"/>
      <c r="DB71" s="926"/>
      <c r="DC71" s="927"/>
      <c r="DD71" s="927"/>
      <c r="DE71" s="927"/>
      <c r="DF71" s="928"/>
      <c r="DG71" s="926"/>
      <c r="DH71" s="927"/>
      <c r="DI71" s="927"/>
      <c r="DJ71" s="927"/>
      <c r="DK71" s="928"/>
      <c r="DL71" s="926"/>
      <c r="DM71" s="927"/>
      <c r="DN71" s="927"/>
      <c r="DO71" s="927"/>
      <c r="DP71" s="928"/>
      <c r="DQ71" s="926"/>
      <c r="DR71" s="927"/>
      <c r="DS71" s="927"/>
      <c r="DT71" s="927"/>
      <c r="DU71" s="928"/>
      <c r="DV71" s="923"/>
      <c r="DW71" s="924"/>
      <c r="DX71" s="924"/>
      <c r="DY71" s="924"/>
      <c r="DZ71" s="925"/>
      <c r="EA71" s="225"/>
    </row>
    <row r="72" spans="1:131" ht="26.25" customHeight="1" x14ac:dyDescent="0.2">
      <c r="A72" s="233">
        <v>5</v>
      </c>
      <c r="B72" s="937" t="s">
        <v>570</v>
      </c>
      <c r="C72" s="938"/>
      <c r="D72" s="938"/>
      <c r="E72" s="938"/>
      <c r="F72" s="938"/>
      <c r="G72" s="938"/>
      <c r="H72" s="938"/>
      <c r="I72" s="938"/>
      <c r="J72" s="938"/>
      <c r="K72" s="938"/>
      <c r="L72" s="938"/>
      <c r="M72" s="938"/>
      <c r="N72" s="938"/>
      <c r="O72" s="938"/>
      <c r="P72" s="939"/>
      <c r="Q72" s="940">
        <v>3318</v>
      </c>
      <c r="R72" s="894"/>
      <c r="S72" s="894"/>
      <c r="T72" s="894"/>
      <c r="U72" s="894"/>
      <c r="V72" s="894">
        <v>3213</v>
      </c>
      <c r="W72" s="894"/>
      <c r="X72" s="894"/>
      <c r="Y72" s="894"/>
      <c r="Z72" s="894"/>
      <c r="AA72" s="894">
        <v>106</v>
      </c>
      <c r="AB72" s="894"/>
      <c r="AC72" s="894"/>
      <c r="AD72" s="894"/>
      <c r="AE72" s="894"/>
      <c r="AF72" s="894">
        <v>106</v>
      </c>
      <c r="AG72" s="894"/>
      <c r="AH72" s="894"/>
      <c r="AI72" s="894"/>
      <c r="AJ72" s="894"/>
      <c r="AK72" s="894" t="s">
        <v>571</v>
      </c>
      <c r="AL72" s="894"/>
      <c r="AM72" s="894"/>
      <c r="AN72" s="894"/>
      <c r="AO72" s="894"/>
      <c r="AP72" s="894" t="s">
        <v>571</v>
      </c>
      <c r="AQ72" s="894"/>
      <c r="AR72" s="894"/>
      <c r="AS72" s="894"/>
      <c r="AT72" s="894"/>
      <c r="AU72" s="894" t="s">
        <v>571</v>
      </c>
      <c r="AV72" s="894"/>
      <c r="AW72" s="894"/>
      <c r="AX72" s="894"/>
      <c r="AY72" s="894"/>
      <c r="AZ72" s="896"/>
      <c r="BA72" s="896"/>
      <c r="BB72" s="896"/>
      <c r="BC72" s="896"/>
      <c r="BD72" s="897"/>
      <c r="BE72" s="236"/>
      <c r="BF72" s="236"/>
      <c r="BG72" s="236"/>
      <c r="BH72" s="236"/>
      <c r="BI72" s="236"/>
      <c r="BJ72" s="236"/>
      <c r="BK72" s="236"/>
      <c r="BL72" s="236"/>
      <c r="BM72" s="236"/>
      <c r="BN72" s="236"/>
      <c r="BO72" s="236"/>
      <c r="BP72" s="236"/>
      <c r="BQ72" s="233">
        <v>66</v>
      </c>
      <c r="BR72" s="238"/>
      <c r="BS72" s="923"/>
      <c r="BT72" s="924"/>
      <c r="BU72" s="924"/>
      <c r="BV72" s="924"/>
      <c r="BW72" s="924"/>
      <c r="BX72" s="924"/>
      <c r="BY72" s="924"/>
      <c r="BZ72" s="924"/>
      <c r="CA72" s="924"/>
      <c r="CB72" s="924"/>
      <c r="CC72" s="924"/>
      <c r="CD72" s="924"/>
      <c r="CE72" s="924"/>
      <c r="CF72" s="924"/>
      <c r="CG72" s="929"/>
      <c r="CH72" s="926"/>
      <c r="CI72" s="927"/>
      <c r="CJ72" s="927"/>
      <c r="CK72" s="927"/>
      <c r="CL72" s="928"/>
      <c r="CM72" s="926"/>
      <c r="CN72" s="927"/>
      <c r="CO72" s="927"/>
      <c r="CP72" s="927"/>
      <c r="CQ72" s="928"/>
      <c r="CR72" s="926"/>
      <c r="CS72" s="927"/>
      <c r="CT72" s="927"/>
      <c r="CU72" s="927"/>
      <c r="CV72" s="928"/>
      <c r="CW72" s="926"/>
      <c r="CX72" s="927"/>
      <c r="CY72" s="927"/>
      <c r="CZ72" s="927"/>
      <c r="DA72" s="928"/>
      <c r="DB72" s="926"/>
      <c r="DC72" s="927"/>
      <c r="DD72" s="927"/>
      <c r="DE72" s="927"/>
      <c r="DF72" s="928"/>
      <c r="DG72" s="926"/>
      <c r="DH72" s="927"/>
      <c r="DI72" s="927"/>
      <c r="DJ72" s="927"/>
      <c r="DK72" s="928"/>
      <c r="DL72" s="926"/>
      <c r="DM72" s="927"/>
      <c r="DN72" s="927"/>
      <c r="DO72" s="927"/>
      <c r="DP72" s="928"/>
      <c r="DQ72" s="926"/>
      <c r="DR72" s="927"/>
      <c r="DS72" s="927"/>
      <c r="DT72" s="927"/>
      <c r="DU72" s="928"/>
      <c r="DV72" s="923"/>
      <c r="DW72" s="924"/>
      <c r="DX72" s="924"/>
      <c r="DY72" s="924"/>
      <c r="DZ72" s="925"/>
      <c r="EA72" s="225"/>
    </row>
    <row r="73" spans="1:131" ht="26.25" customHeight="1" x14ac:dyDescent="0.2">
      <c r="A73" s="233">
        <v>6</v>
      </c>
      <c r="B73" s="937"/>
      <c r="C73" s="938"/>
      <c r="D73" s="938"/>
      <c r="E73" s="938"/>
      <c r="F73" s="938"/>
      <c r="G73" s="938"/>
      <c r="H73" s="938"/>
      <c r="I73" s="938"/>
      <c r="J73" s="938"/>
      <c r="K73" s="938"/>
      <c r="L73" s="938"/>
      <c r="M73" s="938"/>
      <c r="N73" s="938"/>
      <c r="O73" s="938"/>
      <c r="P73" s="939"/>
      <c r="Q73" s="940"/>
      <c r="R73" s="894"/>
      <c r="S73" s="894"/>
      <c r="T73" s="894"/>
      <c r="U73" s="894"/>
      <c r="V73" s="894"/>
      <c r="W73" s="894"/>
      <c r="X73" s="894"/>
      <c r="Y73" s="894"/>
      <c r="Z73" s="894"/>
      <c r="AA73" s="894"/>
      <c r="AB73" s="894"/>
      <c r="AC73" s="894"/>
      <c r="AD73" s="894"/>
      <c r="AE73" s="894"/>
      <c r="AF73" s="894"/>
      <c r="AG73" s="894"/>
      <c r="AH73" s="894"/>
      <c r="AI73" s="894"/>
      <c r="AJ73" s="894"/>
      <c r="AK73" s="894"/>
      <c r="AL73" s="894"/>
      <c r="AM73" s="894"/>
      <c r="AN73" s="894"/>
      <c r="AO73" s="894"/>
      <c r="AP73" s="894"/>
      <c r="AQ73" s="894"/>
      <c r="AR73" s="894"/>
      <c r="AS73" s="894"/>
      <c r="AT73" s="894"/>
      <c r="AU73" s="894"/>
      <c r="AV73" s="894"/>
      <c r="AW73" s="894"/>
      <c r="AX73" s="894"/>
      <c r="AY73" s="894"/>
      <c r="AZ73" s="896"/>
      <c r="BA73" s="896"/>
      <c r="BB73" s="896"/>
      <c r="BC73" s="896"/>
      <c r="BD73" s="897"/>
      <c r="BE73" s="236"/>
      <c r="BF73" s="236"/>
      <c r="BG73" s="236"/>
      <c r="BH73" s="236"/>
      <c r="BI73" s="236"/>
      <c r="BJ73" s="236"/>
      <c r="BK73" s="236"/>
      <c r="BL73" s="236"/>
      <c r="BM73" s="236"/>
      <c r="BN73" s="236"/>
      <c r="BO73" s="236"/>
      <c r="BP73" s="236"/>
      <c r="BQ73" s="233">
        <v>67</v>
      </c>
      <c r="BR73" s="238"/>
      <c r="BS73" s="923"/>
      <c r="BT73" s="924"/>
      <c r="BU73" s="924"/>
      <c r="BV73" s="924"/>
      <c r="BW73" s="924"/>
      <c r="BX73" s="924"/>
      <c r="BY73" s="924"/>
      <c r="BZ73" s="924"/>
      <c r="CA73" s="924"/>
      <c r="CB73" s="924"/>
      <c r="CC73" s="924"/>
      <c r="CD73" s="924"/>
      <c r="CE73" s="924"/>
      <c r="CF73" s="924"/>
      <c r="CG73" s="929"/>
      <c r="CH73" s="926"/>
      <c r="CI73" s="927"/>
      <c r="CJ73" s="927"/>
      <c r="CK73" s="927"/>
      <c r="CL73" s="928"/>
      <c r="CM73" s="926"/>
      <c r="CN73" s="927"/>
      <c r="CO73" s="927"/>
      <c r="CP73" s="927"/>
      <c r="CQ73" s="928"/>
      <c r="CR73" s="926"/>
      <c r="CS73" s="927"/>
      <c r="CT73" s="927"/>
      <c r="CU73" s="927"/>
      <c r="CV73" s="928"/>
      <c r="CW73" s="926"/>
      <c r="CX73" s="927"/>
      <c r="CY73" s="927"/>
      <c r="CZ73" s="927"/>
      <c r="DA73" s="928"/>
      <c r="DB73" s="926"/>
      <c r="DC73" s="927"/>
      <c r="DD73" s="927"/>
      <c r="DE73" s="927"/>
      <c r="DF73" s="928"/>
      <c r="DG73" s="926"/>
      <c r="DH73" s="927"/>
      <c r="DI73" s="927"/>
      <c r="DJ73" s="927"/>
      <c r="DK73" s="928"/>
      <c r="DL73" s="926"/>
      <c r="DM73" s="927"/>
      <c r="DN73" s="927"/>
      <c r="DO73" s="927"/>
      <c r="DP73" s="928"/>
      <c r="DQ73" s="926"/>
      <c r="DR73" s="927"/>
      <c r="DS73" s="927"/>
      <c r="DT73" s="927"/>
      <c r="DU73" s="928"/>
      <c r="DV73" s="923"/>
      <c r="DW73" s="924"/>
      <c r="DX73" s="924"/>
      <c r="DY73" s="924"/>
      <c r="DZ73" s="925"/>
      <c r="EA73" s="225"/>
    </row>
    <row r="74" spans="1:131" ht="26.25" customHeight="1" x14ac:dyDescent="0.2">
      <c r="A74" s="233">
        <v>7</v>
      </c>
      <c r="B74" s="937"/>
      <c r="C74" s="938"/>
      <c r="D74" s="938"/>
      <c r="E74" s="938"/>
      <c r="F74" s="938"/>
      <c r="G74" s="938"/>
      <c r="H74" s="938"/>
      <c r="I74" s="938"/>
      <c r="J74" s="938"/>
      <c r="K74" s="938"/>
      <c r="L74" s="938"/>
      <c r="M74" s="938"/>
      <c r="N74" s="938"/>
      <c r="O74" s="938"/>
      <c r="P74" s="939"/>
      <c r="Q74" s="940"/>
      <c r="R74" s="894"/>
      <c r="S74" s="894"/>
      <c r="T74" s="894"/>
      <c r="U74" s="894"/>
      <c r="V74" s="894"/>
      <c r="W74" s="894"/>
      <c r="X74" s="894"/>
      <c r="Y74" s="894"/>
      <c r="Z74" s="894"/>
      <c r="AA74" s="894"/>
      <c r="AB74" s="894"/>
      <c r="AC74" s="894"/>
      <c r="AD74" s="894"/>
      <c r="AE74" s="894"/>
      <c r="AF74" s="894"/>
      <c r="AG74" s="894"/>
      <c r="AH74" s="894"/>
      <c r="AI74" s="894"/>
      <c r="AJ74" s="894"/>
      <c r="AK74" s="894"/>
      <c r="AL74" s="894"/>
      <c r="AM74" s="894"/>
      <c r="AN74" s="894"/>
      <c r="AO74" s="894"/>
      <c r="AP74" s="894"/>
      <c r="AQ74" s="894"/>
      <c r="AR74" s="894"/>
      <c r="AS74" s="894"/>
      <c r="AT74" s="894"/>
      <c r="AU74" s="894"/>
      <c r="AV74" s="894"/>
      <c r="AW74" s="894"/>
      <c r="AX74" s="894"/>
      <c r="AY74" s="894"/>
      <c r="AZ74" s="896"/>
      <c r="BA74" s="896"/>
      <c r="BB74" s="896"/>
      <c r="BC74" s="896"/>
      <c r="BD74" s="897"/>
      <c r="BE74" s="236"/>
      <c r="BF74" s="236"/>
      <c r="BG74" s="236"/>
      <c r="BH74" s="236"/>
      <c r="BI74" s="236"/>
      <c r="BJ74" s="236"/>
      <c r="BK74" s="236"/>
      <c r="BL74" s="236"/>
      <c r="BM74" s="236"/>
      <c r="BN74" s="236"/>
      <c r="BO74" s="236"/>
      <c r="BP74" s="236"/>
      <c r="BQ74" s="233">
        <v>68</v>
      </c>
      <c r="BR74" s="238"/>
      <c r="BS74" s="923"/>
      <c r="BT74" s="924"/>
      <c r="BU74" s="924"/>
      <c r="BV74" s="924"/>
      <c r="BW74" s="924"/>
      <c r="BX74" s="924"/>
      <c r="BY74" s="924"/>
      <c r="BZ74" s="924"/>
      <c r="CA74" s="924"/>
      <c r="CB74" s="924"/>
      <c r="CC74" s="924"/>
      <c r="CD74" s="924"/>
      <c r="CE74" s="924"/>
      <c r="CF74" s="924"/>
      <c r="CG74" s="929"/>
      <c r="CH74" s="926"/>
      <c r="CI74" s="927"/>
      <c r="CJ74" s="927"/>
      <c r="CK74" s="927"/>
      <c r="CL74" s="928"/>
      <c r="CM74" s="926"/>
      <c r="CN74" s="927"/>
      <c r="CO74" s="927"/>
      <c r="CP74" s="927"/>
      <c r="CQ74" s="928"/>
      <c r="CR74" s="926"/>
      <c r="CS74" s="927"/>
      <c r="CT74" s="927"/>
      <c r="CU74" s="927"/>
      <c r="CV74" s="928"/>
      <c r="CW74" s="926"/>
      <c r="CX74" s="927"/>
      <c r="CY74" s="927"/>
      <c r="CZ74" s="927"/>
      <c r="DA74" s="928"/>
      <c r="DB74" s="926"/>
      <c r="DC74" s="927"/>
      <c r="DD74" s="927"/>
      <c r="DE74" s="927"/>
      <c r="DF74" s="928"/>
      <c r="DG74" s="926"/>
      <c r="DH74" s="927"/>
      <c r="DI74" s="927"/>
      <c r="DJ74" s="927"/>
      <c r="DK74" s="928"/>
      <c r="DL74" s="926"/>
      <c r="DM74" s="927"/>
      <c r="DN74" s="927"/>
      <c r="DO74" s="927"/>
      <c r="DP74" s="928"/>
      <c r="DQ74" s="926"/>
      <c r="DR74" s="927"/>
      <c r="DS74" s="927"/>
      <c r="DT74" s="927"/>
      <c r="DU74" s="928"/>
      <c r="DV74" s="923"/>
      <c r="DW74" s="924"/>
      <c r="DX74" s="924"/>
      <c r="DY74" s="924"/>
      <c r="DZ74" s="925"/>
      <c r="EA74" s="225"/>
    </row>
    <row r="75" spans="1:131" ht="26.25" customHeight="1" x14ac:dyDescent="0.2">
      <c r="A75" s="233">
        <v>8</v>
      </c>
      <c r="B75" s="937"/>
      <c r="C75" s="938"/>
      <c r="D75" s="938"/>
      <c r="E75" s="938"/>
      <c r="F75" s="938"/>
      <c r="G75" s="938"/>
      <c r="H75" s="938"/>
      <c r="I75" s="938"/>
      <c r="J75" s="938"/>
      <c r="K75" s="938"/>
      <c r="L75" s="938"/>
      <c r="M75" s="938"/>
      <c r="N75" s="938"/>
      <c r="O75" s="938"/>
      <c r="P75" s="939"/>
      <c r="Q75" s="941"/>
      <c r="R75" s="942"/>
      <c r="S75" s="942"/>
      <c r="T75" s="942"/>
      <c r="U75" s="898"/>
      <c r="V75" s="943"/>
      <c r="W75" s="942"/>
      <c r="X75" s="942"/>
      <c r="Y75" s="942"/>
      <c r="Z75" s="898"/>
      <c r="AA75" s="943"/>
      <c r="AB75" s="942"/>
      <c r="AC75" s="942"/>
      <c r="AD75" s="942"/>
      <c r="AE75" s="898"/>
      <c r="AF75" s="943"/>
      <c r="AG75" s="942"/>
      <c r="AH75" s="942"/>
      <c r="AI75" s="942"/>
      <c r="AJ75" s="898"/>
      <c r="AK75" s="943"/>
      <c r="AL75" s="942"/>
      <c r="AM75" s="942"/>
      <c r="AN75" s="942"/>
      <c r="AO75" s="898"/>
      <c r="AP75" s="943"/>
      <c r="AQ75" s="942"/>
      <c r="AR75" s="942"/>
      <c r="AS75" s="942"/>
      <c r="AT75" s="898"/>
      <c r="AU75" s="943"/>
      <c r="AV75" s="942"/>
      <c r="AW75" s="942"/>
      <c r="AX75" s="942"/>
      <c r="AY75" s="898"/>
      <c r="AZ75" s="896"/>
      <c r="BA75" s="896"/>
      <c r="BB75" s="896"/>
      <c r="BC75" s="896"/>
      <c r="BD75" s="897"/>
      <c r="BE75" s="236"/>
      <c r="BF75" s="236"/>
      <c r="BG75" s="236"/>
      <c r="BH75" s="236"/>
      <c r="BI75" s="236"/>
      <c r="BJ75" s="236"/>
      <c r="BK75" s="236"/>
      <c r="BL75" s="236"/>
      <c r="BM75" s="236"/>
      <c r="BN75" s="236"/>
      <c r="BO75" s="236"/>
      <c r="BP75" s="236"/>
      <c r="BQ75" s="233">
        <v>69</v>
      </c>
      <c r="BR75" s="238"/>
      <c r="BS75" s="923"/>
      <c r="BT75" s="924"/>
      <c r="BU75" s="924"/>
      <c r="BV75" s="924"/>
      <c r="BW75" s="924"/>
      <c r="BX75" s="924"/>
      <c r="BY75" s="924"/>
      <c r="BZ75" s="924"/>
      <c r="CA75" s="924"/>
      <c r="CB75" s="924"/>
      <c r="CC75" s="924"/>
      <c r="CD75" s="924"/>
      <c r="CE75" s="924"/>
      <c r="CF75" s="924"/>
      <c r="CG75" s="929"/>
      <c r="CH75" s="926"/>
      <c r="CI75" s="927"/>
      <c r="CJ75" s="927"/>
      <c r="CK75" s="927"/>
      <c r="CL75" s="928"/>
      <c r="CM75" s="926"/>
      <c r="CN75" s="927"/>
      <c r="CO75" s="927"/>
      <c r="CP75" s="927"/>
      <c r="CQ75" s="928"/>
      <c r="CR75" s="926"/>
      <c r="CS75" s="927"/>
      <c r="CT75" s="927"/>
      <c r="CU75" s="927"/>
      <c r="CV75" s="928"/>
      <c r="CW75" s="926"/>
      <c r="CX75" s="927"/>
      <c r="CY75" s="927"/>
      <c r="CZ75" s="927"/>
      <c r="DA75" s="928"/>
      <c r="DB75" s="926"/>
      <c r="DC75" s="927"/>
      <c r="DD75" s="927"/>
      <c r="DE75" s="927"/>
      <c r="DF75" s="928"/>
      <c r="DG75" s="926"/>
      <c r="DH75" s="927"/>
      <c r="DI75" s="927"/>
      <c r="DJ75" s="927"/>
      <c r="DK75" s="928"/>
      <c r="DL75" s="926"/>
      <c r="DM75" s="927"/>
      <c r="DN75" s="927"/>
      <c r="DO75" s="927"/>
      <c r="DP75" s="928"/>
      <c r="DQ75" s="926"/>
      <c r="DR75" s="927"/>
      <c r="DS75" s="927"/>
      <c r="DT75" s="927"/>
      <c r="DU75" s="928"/>
      <c r="DV75" s="923"/>
      <c r="DW75" s="924"/>
      <c r="DX75" s="924"/>
      <c r="DY75" s="924"/>
      <c r="DZ75" s="925"/>
      <c r="EA75" s="225"/>
    </row>
    <row r="76" spans="1:131" ht="26.25" customHeight="1" x14ac:dyDescent="0.2">
      <c r="A76" s="233">
        <v>9</v>
      </c>
      <c r="B76" s="937"/>
      <c r="C76" s="938"/>
      <c r="D76" s="938"/>
      <c r="E76" s="938"/>
      <c r="F76" s="938"/>
      <c r="G76" s="938"/>
      <c r="H76" s="938"/>
      <c r="I76" s="938"/>
      <c r="J76" s="938"/>
      <c r="K76" s="938"/>
      <c r="L76" s="938"/>
      <c r="M76" s="938"/>
      <c r="N76" s="938"/>
      <c r="O76" s="938"/>
      <c r="P76" s="939"/>
      <c r="Q76" s="941"/>
      <c r="R76" s="942"/>
      <c r="S76" s="942"/>
      <c r="T76" s="942"/>
      <c r="U76" s="898"/>
      <c r="V76" s="943"/>
      <c r="W76" s="942"/>
      <c r="X76" s="942"/>
      <c r="Y76" s="942"/>
      <c r="Z76" s="898"/>
      <c r="AA76" s="943"/>
      <c r="AB76" s="942"/>
      <c r="AC76" s="942"/>
      <c r="AD76" s="942"/>
      <c r="AE76" s="898"/>
      <c r="AF76" s="943"/>
      <c r="AG76" s="942"/>
      <c r="AH76" s="942"/>
      <c r="AI76" s="942"/>
      <c r="AJ76" s="898"/>
      <c r="AK76" s="943"/>
      <c r="AL76" s="942"/>
      <c r="AM76" s="942"/>
      <c r="AN76" s="942"/>
      <c r="AO76" s="898"/>
      <c r="AP76" s="943"/>
      <c r="AQ76" s="942"/>
      <c r="AR76" s="942"/>
      <c r="AS76" s="942"/>
      <c r="AT76" s="898"/>
      <c r="AU76" s="943"/>
      <c r="AV76" s="942"/>
      <c r="AW76" s="942"/>
      <c r="AX76" s="942"/>
      <c r="AY76" s="898"/>
      <c r="AZ76" s="896"/>
      <c r="BA76" s="896"/>
      <c r="BB76" s="896"/>
      <c r="BC76" s="896"/>
      <c r="BD76" s="897"/>
      <c r="BE76" s="236"/>
      <c r="BF76" s="236"/>
      <c r="BG76" s="236"/>
      <c r="BH76" s="236"/>
      <c r="BI76" s="236"/>
      <c r="BJ76" s="236"/>
      <c r="BK76" s="236"/>
      <c r="BL76" s="236"/>
      <c r="BM76" s="236"/>
      <c r="BN76" s="236"/>
      <c r="BO76" s="236"/>
      <c r="BP76" s="236"/>
      <c r="BQ76" s="233">
        <v>70</v>
      </c>
      <c r="BR76" s="238"/>
      <c r="BS76" s="923"/>
      <c r="BT76" s="924"/>
      <c r="BU76" s="924"/>
      <c r="BV76" s="924"/>
      <c r="BW76" s="924"/>
      <c r="BX76" s="924"/>
      <c r="BY76" s="924"/>
      <c r="BZ76" s="924"/>
      <c r="CA76" s="924"/>
      <c r="CB76" s="924"/>
      <c r="CC76" s="924"/>
      <c r="CD76" s="924"/>
      <c r="CE76" s="924"/>
      <c r="CF76" s="924"/>
      <c r="CG76" s="929"/>
      <c r="CH76" s="926"/>
      <c r="CI76" s="927"/>
      <c r="CJ76" s="927"/>
      <c r="CK76" s="927"/>
      <c r="CL76" s="928"/>
      <c r="CM76" s="926"/>
      <c r="CN76" s="927"/>
      <c r="CO76" s="927"/>
      <c r="CP76" s="927"/>
      <c r="CQ76" s="928"/>
      <c r="CR76" s="926"/>
      <c r="CS76" s="927"/>
      <c r="CT76" s="927"/>
      <c r="CU76" s="927"/>
      <c r="CV76" s="928"/>
      <c r="CW76" s="926"/>
      <c r="CX76" s="927"/>
      <c r="CY76" s="927"/>
      <c r="CZ76" s="927"/>
      <c r="DA76" s="928"/>
      <c r="DB76" s="926"/>
      <c r="DC76" s="927"/>
      <c r="DD76" s="927"/>
      <c r="DE76" s="927"/>
      <c r="DF76" s="928"/>
      <c r="DG76" s="926"/>
      <c r="DH76" s="927"/>
      <c r="DI76" s="927"/>
      <c r="DJ76" s="927"/>
      <c r="DK76" s="928"/>
      <c r="DL76" s="926"/>
      <c r="DM76" s="927"/>
      <c r="DN76" s="927"/>
      <c r="DO76" s="927"/>
      <c r="DP76" s="928"/>
      <c r="DQ76" s="926"/>
      <c r="DR76" s="927"/>
      <c r="DS76" s="927"/>
      <c r="DT76" s="927"/>
      <c r="DU76" s="928"/>
      <c r="DV76" s="923"/>
      <c r="DW76" s="924"/>
      <c r="DX76" s="924"/>
      <c r="DY76" s="924"/>
      <c r="DZ76" s="925"/>
      <c r="EA76" s="225"/>
    </row>
    <row r="77" spans="1:131" ht="26.25" customHeight="1" x14ac:dyDescent="0.2">
      <c r="A77" s="233">
        <v>10</v>
      </c>
      <c r="B77" s="937"/>
      <c r="C77" s="938"/>
      <c r="D77" s="938"/>
      <c r="E77" s="938"/>
      <c r="F77" s="938"/>
      <c r="G77" s="938"/>
      <c r="H77" s="938"/>
      <c r="I77" s="938"/>
      <c r="J77" s="938"/>
      <c r="K77" s="938"/>
      <c r="L77" s="938"/>
      <c r="M77" s="938"/>
      <c r="N77" s="938"/>
      <c r="O77" s="938"/>
      <c r="P77" s="939"/>
      <c r="Q77" s="941"/>
      <c r="R77" s="942"/>
      <c r="S77" s="942"/>
      <c r="T77" s="942"/>
      <c r="U77" s="898"/>
      <c r="V77" s="943"/>
      <c r="W77" s="942"/>
      <c r="X77" s="942"/>
      <c r="Y77" s="942"/>
      <c r="Z77" s="898"/>
      <c r="AA77" s="943"/>
      <c r="AB77" s="942"/>
      <c r="AC77" s="942"/>
      <c r="AD77" s="942"/>
      <c r="AE77" s="898"/>
      <c r="AF77" s="943"/>
      <c r="AG77" s="942"/>
      <c r="AH77" s="942"/>
      <c r="AI77" s="942"/>
      <c r="AJ77" s="898"/>
      <c r="AK77" s="943"/>
      <c r="AL77" s="942"/>
      <c r="AM77" s="942"/>
      <c r="AN77" s="942"/>
      <c r="AO77" s="898"/>
      <c r="AP77" s="943"/>
      <c r="AQ77" s="942"/>
      <c r="AR77" s="942"/>
      <c r="AS77" s="942"/>
      <c r="AT77" s="898"/>
      <c r="AU77" s="943"/>
      <c r="AV77" s="942"/>
      <c r="AW77" s="942"/>
      <c r="AX77" s="942"/>
      <c r="AY77" s="898"/>
      <c r="AZ77" s="896"/>
      <c r="BA77" s="896"/>
      <c r="BB77" s="896"/>
      <c r="BC77" s="896"/>
      <c r="BD77" s="897"/>
      <c r="BE77" s="236"/>
      <c r="BF77" s="236"/>
      <c r="BG77" s="236"/>
      <c r="BH77" s="236"/>
      <c r="BI77" s="236"/>
      <c r="BJ77" s="236"/>
      <c r="BK77" s="236"/>
      <c r="BL77" s="236"/>
      <c r="BM77" s="236"/>
      <c r="BN77" s="236"/>
      <c r="BO77" s="236"/>
      <c r="BP77" s="236"/>
      <c r="BQ77" s="233">
        <v>71</v>
      </c>
      <c r="BR77" s="238"/>
      <c r="BS77" s="923"/>
      <c r="BT77" s="924"/>
      <c r="BU77" s="924"/>
      <c r="BV77" s="924"/>
      <c r="BW77" s="924"/>
      <c r="BX77" s="924"/>
      <c r="BY77" s="924"/>
      <c r="BZ77" s="924"/>
      <c r="CA77" s="924"/>
      <c r="CB77" s="924"/>
      <c r="CC77" s="924"/>
      <c r="CD77" s="924"/>
      <c r="CE77" s="924"/>
      <c r="CF77" s="924"/>
      <c r="CG77" s="929"/>
      <c r="CH77" s="926"/>
      <c r="CI77" s="927"/>
      <c r="CJ77" s="927"/>
      <c r="CK77" s="927"/>
      <c r="CL77" s="928"/>
      <c r="CM77" s="926"/>
      <c r="CN77" s="927"/>
      <c r="CO77" s="927"/>
      <c r="CP77" s="927"/>
      <c r="CQ77" s="928"/>
      <c r="CR77" s="926"/>
      <c r="CS77" s="927"/>
      <c r="CT77" s="927"/>
      <c r="CU77" s="927"/>
      <c r="CV77" s="928"/>
      <c r="CW77" s="926"/>
      <c r="CX77" s="927"/>
      <c r="CY77" s="927"/>
      <c r="CZ77" s="927"/>
      <c r="DA77" s="928"/>
      <c r="DB77" s="926"/>
      <c r="DC77" s="927"/>
      <c r="DD77" s="927"/>
      <c r="DE77" s="927"/>
      <c r="DF77" s="928"/>
      <c r="DG77" s="926"/>
      <c r="DH77" s="927"/>
      <c r="DI77" s="927"/>
      <c r="DJ77" s="927"/>
      <c r="DK77" s="928"/>
      <c r="DL77" s="926"/>
      <c r="DM77" s="927"/>
      <c r="DN77" s="927"/>
      <c r="DO77" s="927"/>
      <c r="DP77" s="928"/>
      <c r="DQ77" s="926"/>
      <c r="DR77" s="927"/>
      <c r="DS77" s="927"/>
      <c r="DT77" s="927"/>
      <c r="DU77" s="928"/>
      <c r="DV77" s="923"/>
      <c r="DW77" s="924"/>
      <c r="DX77" s="924"/>
      <c r="DY77" s="924"/>
      <c r="DZ77" s="925"/>
      <c r="EA77" s="225"/>
    </row>
    <row r="78" spans="1:131" ht="26.25" customHeight="1" x14ac:dyDescent="0.2">
      <c r="A78" s="233">
        <v>11</v>
      </c>
      <c r="B78" s="937"/>
      <c r="C78" s="938"/>
      <c r="D78" s="938"/>
      <c r="E78" s="938"/>
      <c r="F78" s="938"/>
      <c r="G78" s="938"/>
      <c r="H78" s="938"/>
      <c r="I78" s="938"/>
      <c r="J78" s="938"/>
      <c r="K78" s="938"/>
      <c r="L78" s="938"/>
      <c r="M78" s="938"/>
      <c r="N78" s="938"/>
      <c r="O78" s="938"/>
      <c r="P78" s="939"/>
      <c r="Q78" s="940"/>
      <c r="R78" s="894"/>
      <c r="S78" s="894"/>
      <c r="T78" s="894"/>
      <c r="U78" s="894"/>
      <c r="V78" s="894"/>
      <c r="W78" s="894"/>
      <c r="X78" s="894"/>
      <c r="Y78" s="894"/>
      <c r="Z78" s="894"/>
      <c r="AA78" s="894"/>
      <c r="AB78" s="894"/>
      <c r="AC78" s="894"/>
      <c r="AD78" s="894"/>
      <c r="AE78" s="894"/>
      <c r="AF78" s="894"/>
      <c r="AG78" s="894"/>
      <c r="AH78" s="894"/>
      <c r="AI78" s="894"/>
      <c r="AJ78" s="894"/>
      <c r="AK78" s="894"/>
      <c r="AL78" s="894"/>
      <c r="AM78" s="894"/>
      <c r="AN78" s="894"/>
      <c r="AO78" s="894"/>
      <c r="AP78" s="894"/>
      <c r="AQ78" s="894"/>
      <c r="AR78" s="894"/>
      <c r="AS78" s="894"/>
      <c r="AT78" s="894"/>
      <c r="AU78" s="894"/>
      <c r="AV78" s="894"/>
      <c r="AW78" s="894"/>
      <c r="AX78" s="894"/>
      <c r="AY78" s="894"/>
      <c r="AZ78" s="896"/>
      <c r="BA78" s="896"/>
      <c r="BB78" s="896"/>
      <c r="BC78" s="896"/>
      <c r="BD78" s="897"/>
      <c r="BE78" s="236"/>
      <c r="BF78" s="236"/>
      <c r="BG78" s="236"/>
      <c r="BH78" s="236"/>
      <c r="BI78" s="236"/>
      <c r="BJ78" s="225"/>
      <c r="BK78" s="225"/>
      <c r="BL78" s="225"/>
      <c r="BM78" s="225"/>
      <c r="BN78" s="225"/>
      <c r="BO78" s="236"/>
      <c r="BP78" s="236"/>
      <c r="BQ78" s="233">
        <v>72</v>
      </c>
      <c r="BR78" s="238"/>
      <c r="BS78" s="923"/>
      <c r="BT78" s="924"/>
      <c r="BU78" s="924"/>
      <c r="BV78" s="924"/>
      <c r="BW78" s="924"/>
      <c r="BX78" s="924"/>
      <c r="BY78" s="924"/>
      <c r="BZ78" s="924"/>
      <c r="CA78" s="924"/>
      <c r="CB78" s="924"/>
      <c r="CC78" s="924"/>
      <c r="CD78" s="924"/>
      <c r="CE78" s="924"/>
      <c r="CF78" s="924"/>
      <c r="CG78" s="929"/>
      <c r="CH78" s="926"/>
      <c r="CI78" s="927"/>
      <c r="CJ78" s="927"/>
      <c r="CK78" s="927"/>
      <c r="CL78" s="928"/>
      <c r="CM78" s="926"/>
      <c r="CN78" s="927"/>
      <c r="CO78" s="927"/>
      <c r="CP78" s="927"/>
      <c r="CQ78" s="928"/>
      <c r="CR78" s="926"/>
      <c r="CS78" s="927"/>
      <c r="CT78" s="927"/>
      <c r="CU78" s="927"/>
      <c r="CV78" s="928"/>
      <c r="CW78" s="926"/>
      <c r="CX78" s="927"/>
      <c r="CY78" s="927"/>
      <c r="CZ78" s="927"/>
      <c r="DA78" s="928"/>
      <c r="DB78" s="926"/>
      <c r="DC78" s="927"/>
      <c r="DD78" s="927"/>
      <c r="DE78" s="927"/>
      <c r="DF78" s="928"/>
      <c r="DG78" s="926"/>
      <c r="DH78" s="927"/>
      <c r="DI78" s="927"/>
      <c r="DJ78" s="927"/>
      <c r="DK78" s="928"/>
      <c r="DL78" s="926"/>
      <c r="DM78" s="927"/>
      <c r="DN78" s="927"/>
      <c r="DO78" s="927"/>
      <c r="DP78" s="928"/>
      <c r="DQ78" s="926"/>
      <c r="DR78" s="927"/>
      <c r="DS78" s="927"/>
      <c r="DT78" s="927"/>
      <c r="DU78" s="928"/>
      <c r="DV78" s="923"/>
      <c r="DW78" s="924"/>
      <c r="DX78" s="924"/>
      <c r="DY78" s="924"/>
      <c r="DZ78" s="925"/>
      <c r="EA78" s="225"/>
    </row>
    <row r="79" spans="1:131" ht="26.25" customHeight="1" x14ac:dyDescent="0.2">
      <c r="A79" s="233">
        <v>12</v>
      </c>
      <c r="B79" s="937"/>
      <c r="C79" s="938"/>
      <c r="D79" s="938"/>
      <c r="E79" s="938"/>
      <c r="F79" s="938"/>
      <c r="G79" s="938"/>
      <c r="H79" s="938"/>
      <c r="I79" s="938"/>
      <c r="J79" s="938"/>
      <c r="K79" s="938"/>
      <c r="L79" s="938"/>
      <c r="M79" s="938"/>
      <c r="N79" s="938"/>
      <c r="O79" s="938"/>
      <c r="P79" s="939"/>
      <c r="Q79" s="940"/>
      <c r="R79" s="894"/>
      <c r="S79" s="894"/>
      <c r="T79" s="894"/>
      <c r="U79" s="894"/>
      <c r="V79" s="894"/>
      <c r="W79" s="894"/>
      <c r="X79" s="894"/>
      <c r="Y79" s="894"/>
      <c r="Z79" s="894"/>
      <c r="AA79" s="894"/>
      <c r="AB79" s="894"/>
      <c r="AC79" s="894"/>
      <c r="AD79" s="894"/>
      <c r="AE79" s="894"/>
      <c r="AF79" s="894"/>
      <c r="AG79" s="894"/>
      <c r="AH79" s="894"/>
      <c r="AI79" s="894"/>
      <c r="AJ79" s="894"/>
      <c r="AK79" s="894"/>
      <c r="AL79" s="894"/>
      <c r="AM79" s="894"/>
      <c r="AN79" s="894"/>
      <c r="AO79" s="894"/>
      <c r="AP79" s="894"/>
      <c r="AQ79" s="894"/>
      <c r="AR79" s="894"/>
      <c r="AS79" s="894"/>
      <c r="AT79" s="894"/>
      <c r="AU79" s="894"/>
      <c r="AV79" s="894"/>
      <c r="AW79" s="894"/>
      <c r="AX79" s="894"/>
      <c r="AY79" s="894"/>
      <c r="AZ79" s="896"/>
      <c r="BA79" s="896"/>
      <c r="BB79" s="896"/>
      <c r="BC79" s="896"/>
      <c r="BD79" s="897"/>
      <c r="BE79" s="236"/>
      <c r="BF79" s="236"/>
      <c r="BG79" s="236"/>
      <c r="BH79" s="236"/>
      <c r="BI79" s="236"/>
      <c r="BJ79" s="225"/>
      <c r="BK79" s="225"/>
      <c r="BL79" s="225"/>
      <c r="BM79" s="225"/>
      <c r="BN79" s="225"/>
      <c r="BO79" s="236"/>
      <c r="BP79" s="236"/>
      <c r="BQ79" s="233">
        <v>73</v>
      </c>
      <c r="BR79" s="238"/>
      <c r="BS79" s="923"/>
      <c r="BT79" s="924"/>
      <c r="BU79" s="924"/>
      <c r="BV79" s="924"/>
      <c r="BW79" s="924"/>
      <c r="BX79" s="924"/>
      <c r="BY79" s="924"/>
      <c r="BZ79" s="924"/>
      <c r="CA79" s="924"/>
      <c r="CB79" s="924"/>
      <c r="CC79" s="924"/>
      <c r="CD79" s="924"/>
      <c r="CE79" s="924"/>
      <c r="CF79" s="924"/>
      <c r="CG79" s="929"/>
      <c r="CH79" s="926"/>
      <c r="CI79" s="927"/>
      <c r="CJ79" s="927"/>
      <c r="CK79" s="927"/>
      <c r="CL79" s="928"/>
      <c r="CM79" s="926"/>
      <c r="CN79" s="927"/>
      <c r="CO79" s="927"/>
      <c r="CP79" s="927"/>
      <c r="CQ79" s="928"/>
      <c r="CR79" s="926"/>
      <c r="CS79" s="927"/>
      <c r="CT79" s="927"/>
      <c r="CU79" s="927"/>
      <c r="CV79" s="928"/>
      <c r="CW79" s="926"/>
      <c r="CX79" s="927"/>
      <c r="CY79" s="927"/>
      <c r="CZ79" s="927"/>
      <c r="DA79" s="928"/>
      <c r="DB79" s="926"/>
      <c r="DC79" s="927"/>
      <c r="DD79" s="927"/>
      <c r="DE79" s="927"/>
      <c r="DF79" s="928"/>
      <c r="DG79" s="926"/>
      <c r="DH79" s="927"/>
      <c r="DI79" s="927"/>
      <c r="DJ79" s="927"/>
      <c r="DK79" s="928"/>
      <c r="DL79" s="926"/>
      <c r="DM79" s="927"/>
      <c r="DN79" s="927"/>
      <c r="DO79" s="927"/>
      <c r="DP79" s="928"/>
      <c r="DQ79" s="926"/>
      <c r="DR79" s="927"/>
      <c r="DS79" s="927"/>
      <c r="DT79" s="927"/>
      <c r="DU79" s="928"/>
      <c r="DV79" s="923"/>
      <c r="DW79" s="924"/>
      <c r="DX79" s="924"/>
      <c r="DY79" s="924"/>
      <c r="DZ79" s="925"/>
      <c r="EA79" s="225"/>
    </row>
    <row r="80" spans="1:131" ht="26.25" customHeight="1" x14ac:dyDescent="0.2">
      <c r="A80" s="233">
        <v>13</v>
      </c>
      <c r="B80" s="937"/>
      <c r="C80" s="938"/>
      <c r="D80" s="938"/>
      <c r="E80" s="938"/>
      <c r="F80" s="938"/>
      <c r="G80" s="938"/>
      <c r="H80" s="938"/>
      <c r="I80" s="938"/>
      <c r="J80" s="938"/>
      <c r="K80" s="938"/>
      <c r="L80" s="938"/>
      <c r="M80" s="938"/>
      <c r="N80" s="938"/>
      <c r="O80" s="938"/>
      <c r="P80" s="939"/>
      <c r="Q80" s="940"/>
      <c r="R80" s="894"/>
      <c r="S80" s="894"/>
      <c r="T80" s="894"/>
      <c r="U80" s="894"/>
      <c r="V80" s="894"/>
      <c r="W80" s="894"/>
      <c r="X80" s="894"/>
      <c r="Y80" s="894"/>
      <c r="Z80" s="894"/>
      <c r="AA80" s="894"/>
      <c r="AB80" s="894"/>
      <c r="AC80" s="894"/>
      <c r="AD80" s="894"/>
      <c r="AE80" s="894"/>
      <c r="AF80" s="894"/>
      <c r="AG80" s="894"/>
      <c r="AH80" s="894"/>
      <c r="AI80" s="894"/>
      <c r="AJ80" s="894"/>
      <c r="AK80" s="894"/>
      <c r="AL80" s="894"/>
      <c r="AM80" s="894"/>
      <c r="AN80" s="894"/>
      <c r="AO80" s="894"/>
      <c r="AP80" s="894"/>
      <c r="AQ80" s="894"/>
      <c r="AR80" s="894"/>
      <c r="AS80" s="894"/>
      <c r="AT80" s="894"/>
      <c r="AU80" s="894"/>
      <c r="AV80" s="894"/>
      <c r="AW80" s="894"/>
      <c r="AX80" s="894"/>
      <c r="AY80" s="894"/>
      <c r="AZ80" s="896"/>
      <c r="BA80" s="896"/>
      <c r="BB80" s="896"/>
      <c r="BC80" s="896"/>
      <c r="BD80" s="897"/>
      <c r="BE80" s="236"/>
      <c r="BF80" s="236"/>
      <c r="BG80" s="236"/>
      <c r="BH80" s="236"/>
      <c r="BI80" s="236"/>
      <c r="BJ80" s="236"/>
      <c r="BK80" s="236"/>
      <c r="BL80" s="236"/>
      <c r="BM80" s="236"/>
      <c r="BN80" s="236"/>
      <c r="BO80" s="236"/>
      <c r="BP80" s="236"/>
      <c r="BQ80" s="233">
        <v>74</v>
      </c>
      <c r="BR80" s="238"/>
      <c r="BS80" s="923"/>
      <c r="BT80" s="924"/>
      <c r="BU80" s="924"/>
      <c r="BV80" s="924"/>
      <c r="BW80" s="924"/>
      <c r="BX80" s="924"/>
      <c r="BY80" s="924"/>
      <c r="BZ80" s="924"/>
      <c r="CA80" s="924"/>
      <c r="CB80" s="924"/>
      <c r="CC80" s="924"/>
      <c r="CD80" s="924"/>
      <c r="CE80" s="924"/>
      <c r="CF80" s="924"/>
      <c r="CG80" s="929"/>
      <c r="CH80" s="926"/>
      <c r="CI80" s="927"/>
      <c r="CJ80" s="927"/>
      <c r="CK80" s="927"/>
      <c r="CL80" s="928"/>
      <c r="CM80" s="926"/>
      <c r="CN80" s="927"/>
      <c r="CO80" s="927"/>
      <c r="CP80" s="927"/>
      <c r="CQ80" s="928"/>
      <c r="CR80" s="926"/>
      <c r="CS80" s="927"/>
      <c r="CT80" s="927"/>
      <c r="CU80" s="927"/>
      <c r="CV80" s="928"/>
      <c r="CW80" s="926"/>
      <c r="CX80" s="927"/>
      <c r="CY80" s="927"/>
      <c r="CZ80" s="927"/>
      <c r="DA80" s="928"/>
      <c r="DB80" s="926"/>
      <c r="DC80" s="927"/>
      <c r="DD80" s="927"/>
      <c r="DE80" s="927"/>
      <c r="DF80" s="928"/>
      <c r="DG80" s="926"/>
      <c r="DH80" s="927"/>
      <c r="DI80" s="927"/>
      <c r="DJ80" s="927"/>
      <c r="DK80" s="928"/>
      <c r="DL80" s="926"/>
      <c r="DM80" s="927"/>
      <c r="DN80" s="927"/>
      <c r="DO80" s="927"/>
      <c r="DP80" s="928"/>
      <c r="DQ80" s="926"/>
      <c r="DR80" s="927"/>
      <c r="DS80" s="927"/>
      <c r="DT80" s="927"/>
      <c r="DU80" s="928"/>
      <c r="DV80" s="923"/>
      <c r="DW80" s="924"/>
      <c r="DX80" s="924"/>
      <c r="DY80" s="924"/>
      <c r="DZ80" s="925"/>
      <c r="EA80" s="225"/>
    </row>
    <row r="81" spans="1:131" ht="26.25" customHeight="1" x14ac:dyDescent="0.2">
      <c r="A81" s="233">
        <v>14</v>
      </c>
      <c r="B81" s="937"/>
      <c r="C81" s="938"/>
      <c r="D81" s="938"/>
      <c r="E81" s="938"/>
      <c r="F81" s="938"/>
      <c r="G81" s="938"/>
      <c r="H81" s="938"/>
      <c r="I81" s="938"/>
      <c r="J81" s="938"/>
      <c r="K81" s="938"/>
      <c r="L81" s="938"/>
      <c r="M81" s="938"/>
      <c r="N81" s="938"/>
      <c r="O81" s="938"/>
      <c r="P81" s="939"/>
      <c r="Q81" s="940"/>
      <c r="R81" s="894"/>
      <c r="S81" s="894"/>
      <c r="T81" s="894"/>
      <c r="U81" s="894"/>
      <c r="V81" s="894"/>
      <c r="W81" s="894"/>
      <c r="X81" s="894"/>
      <c r="Y81" s="894"/>
      <c r="Z81" s="894"/>
      <c r="AA81" s="894"/>
      <c r="AB81" s="894"/>
      <c r="AC81" s="894"/>
      <c r="AD81" s="894"/>
      <c r="AE81" s="894"/>
      <c r="AF81" s="894"/>
      <c r="AG81" s="894"/>
      <c r="AH81" s="894"/>
      <c r="AI81" s="894"/>
      <c r="AJ81" s="894"/>
      <c r="AK81" s="894"/>
      <c r="AL81" s="894"/>
      <c r="AM81" s="894"/>
      <c r="AN81" s="894"/>
      <c r="AO81" s="894"/>
      <c r="AP81" s="894"/>
      <c r="AQ81" s="894"/>
      <c r="AR81" s="894"/>
      <c r="AS81" s="894"/>
      <c r="AT81" s="894"/>
      <c r="AU81" s="894"/>
      <c r="AV81" s="894"/>
      <c r="AW81" s="894"/>
      <c r="AX81" s="894"/>
      <c r="AY81" s="894"/>
      <c r="AZ81" s="896"/>
      <c r="BA81" s="896"/>
      <c r="BB81" s="896"/>
      <c r="BC81" s="896"/>
      <c r="BD81" s="897"/>
      <c r="BE81" s="236"/>
      <c r="BF81" s="236"/>
      <c r="BG81" s="236"/>
      <c r="BH81" s="236"/>
      <c r="BI81" s="236"/>
      <c r="BJ81" s="236"/>
      <c r="BK81" s="236"/>
      <c r="BL81" s="236"/>
      <c r="BM81" s="236"/>
      <c r="BN81" s="236"/>
      <c r="BO81" s="236"/>
      <c r="BP81" s="236"/>
      <c r="BQ81" s="233">
        <v>75</v>
      </c>
      <c r="BR81" s="238"/>
      <c r="BS81" s="923"/>
      <c r="BT81" s="924"/>
      <c r="BU81" s="924"/>
      <c r="BV81" s="924"/>
      <c r="BW81" s="924"/>
      <c r="BX81" s="924"/>
      <c r="BY81" s="924"/>
      <c r="BZ81" s="924"/>
      <c r="CA81" s="924"/>
      <c r="CB81" s="924"/>
      <c r="CC81" s="924"/>
      <c r="CD81" s="924"/>
      <c r="CE81" s="924"/>
      <c r="CF81" s="924"/>
      <c r="CG81" s="929"/>
      <c r="CH81" s="926"/>
      <c r="CI81" s="927"/>
      <c r="CJ81" s="927"/>
      <c r="CK81" s="927"/>
      <c r="CL81" s="928"/>
      <c r="CM81" s="926"/>
      <c r="CN81" s="927"/>
      <c r="CO81" s="927"/>
      <c r="CP81" s="927"/>
      <c r="CQ81" s="928"/>
      <c r="CR81" s="926"/>
      <c r="CS81" s="927"/>
      <c r="CT81" s="927"/>
      <c r="CU81" s="927"/>
      <c r="CV81" s="928"/>
      <c r="CW81" s="926"/>
      <c r="CX81" s="927"/>
      <c r="CY81" s="927"/>
      <c r="CZ81" s="927"/>
      <c r="DA81" s="928"/>
      <c r="DB81" s="926"/>
      <c r="DC81" s="927"/>
      <c r="DD81" s="927"/>
      <c r="DE81" s="927"/>
      <c r="DF81" s="928"/>
      <c r="DG81" s="926"/>
      <c r="DH81" s="927"/>
      <c r="DI81" s="927"/>
      <c r="DJ81" s="927"/>
      <c r="DK81" s="928"/>
      <c r="DL81" s="926"/>
      <c r="DM81" s="927"/>
      <c r="DN81" s="927"/>
      <c r="DO81" s="927"/>
      <c r="DP81" s="928"/>
      <c r="DQ81" s="926"/>
      <c r="DR81" s="927"/>
      <c r="DS81" s="927"/>
      <c r="DT81" s="927"/>
      <c r="DU81" s="928"/>
      <c r="DV81" s="923"/>
      <c r="DW81" s="924"/>
      <c r="DX81" s="924"/>
      <c r="DY81" s="924"/>
      <c r="DZ81" s="925"/>
      <c r="EA81" s="225"/>
    </row>
    <row r="82" spans="1:131" ht="26.25" customHeight="1" x14ac:dyDescent="0.2">
      <c r="A82" s="233">
        <v>15</v>
      </c>
      <c r="B82" s="937"/>
      <c r="C82" s="938"/>
      <c r="D82" s="938"/>
      <c r="E82" s="938"/>
      <c r="F82" s="938"/>
      <c r="G82" s="938"/>
      <c r="H82" s="938"/>
      <c r="I82" s="938"/>
      <c r="J82" s="938"/>
      <c r="K82" s="938"/>
      <c r="L82" s="938"/>
      <c r="M82" s="938"/>
      <c r="N82" s="938"/>
      <c r="O82" s="938"/>
      <c r="P82" s="939"/>
      <c r="Q82" s="940"/>
      <c r="R82" s="894"/>
      <c r="S82" s="894"/>
      <c r="T82" s="894"/>
      <c r="U82" s="894"/>
      <c r="V82" s="894"/>
      <c r="W82" s="894"/>
      <c r="X82" s="894"/>
      <c r="Y82" s="894"/>
      <c r="Z82" s="894"/>
      <c r="AA82" s="894"/>
      <c r="AB82" s="894"/>
      <c r="AC82" s="894"/>
      <c r="AD82" s="894"/>
      <c r="AE82" s="894"/>
      <c r="AF82" s="894"/>
      <c r="AG82" s="894"/>
      <c r="AH82" s="894"/>
      <c r="AI82" s="894"/>
      <c r="AJ82" s="894"/>
      <c r="AK82" s="894"/>
      <c r="AL82" s="894"/>
      <c r="AM82" s="894"/>
      <c r="AN82" s="894"/>
      <c r="AO82" s="894"/>
      <c r="AP82" s="894"/>
      <c r="AQ82" s="894"/>
      <c r="AR82" s="894"/>
      <c r="AS82" s="894"/>
      <c r="AT82" s="894"/>
      <c r="AU82" s="894"/>
      <c r="AV82" s="894"/>
      <c r="AW82" s="894"/>
      <c r="AX82" s="894"/>
      <c r="AY82" s="894"/>
      <c r="AZ82" s="896"/>
      <c r="BA82" s="896"/>
      <c r="BB82" s="896"/>
      <c r="BC82" s="896"/>
      <c r="BD82" s="897"/>
      <c r="BE82" s="236"/>
      <c r="BF82" s="236"/>
      <c r="BG82" s="236"/>
      <c r="BH82" s="236"/>
      <c r="BI82" s="236"/>
      <c r="BJ82" s="236"/>
      <c r="BK82" s="236"/>
      <c r="BL82" s="236"/>
      <c r="BM82" s="236"/>
      <c r="BN82" s="236"/>
      <c r="BO82" s="236"/>
      <c r="BP82" s="236"/>
      <c r="BQ82" s="233">
        <v>76</v>
      </c>
      <c r="BR82" s="238"/>
      <c r="BS82" s="923"/>
      <c r="BT82" s="924"/>
      <c r="BU82" s="924"/>
      <c r="BV82" s="924"/>
      <c r="BW82" s="924"/>
      <c r="BX82" s="924"/>
      <c r="BY82" s="924"/>
      <c r="BZ82" s="924"/>
      <c r="CA82" s="924"/>
      <c r="CB82" s="924"/>
      <c r="CC82" s="924"/>
      <c r="CD82" s="924"/>
      <c r="CE82" s="924"/>
      <c r="CF82" s="924"/>
      <c r="CG82" s="929"/>
      <c r="CH82" s="926"/>
      <c r="CI82" s="927"/>
      <c r="CJ82" s="927"/>
      <c r="CK82" s="927"/>
      <c r="CL82" s="928"/>
      <c r="CM82" s="926"/>
      <c r="CN82" s="927"/>
      <c r="CO82" s="927"/>
      <c r="CP82" s="927"/>
      <c r="CQ82" s="928"/>
      <c r="CR82" s="926"/>
      <c r="CS82" s="927"/>
      <c r="CT82" s="927"/>
      <c r="CU82" s="927"/>
      <c r="CV82" s="928"/>
      <c r="CW82" s="926"/>
      <c r="CX82" s="927"/>
      <c r="CY82" s="927"/>
      <c r="CZ82" s="927"/>
      <c r="DA82" s="928"/>
      <c r="DB82" s="926"/>
      <c r="DC82" s="927"/>
      <c r="DD82" s="927"/>
      <c r="DE82" s="927"/>
      <c r="DF82" s="928"/>
      <c r="DG82" s="926"/>
      <c r="DH82" s="927"/>
      <c r="DI82" s="927"/>
      <c r="DJ82" s="927"/>
      <c r="DK82" s="928"/>
      <c r="DL82" s="926"/>
      <c r="DM82" s="927"/>
      <c r="DN82" s="927"/>
      <c r="DO82" s="927"/>
      <c r="DP82" s="928"/>
      <c r="DQ82" s="926"/>
      <c r="DR82" s="927"/>
      <c r="DS82" s="927"/>
      <c r="DT82" s="927"/>
      <c r="DU82" s="928"/>
      <c r="DV82" s="923"/>
      <c r="DW82" s="924"/>
      <c r="DX82" s="924"/>
      <c r="DY82" s="924"/>
      <c r="DZ82" s="925"/>
      <c r="EA82" s="225"/>
    </row>
    <row r="83" spans="1:131" ht="26.25" customHeight="1" x14ac:dyDescent="0.2">
      <c r="A83" s="233">
        <v>16</v>
      </c>
      <c r="B83" s="937"/>
      <c r="C83" s="938"/>
      <c r="D83" s="938"/>
      <c r="E83" s="938"/>
      <c r="F83" s="938"/>
      <c r="G83" s="938"/>
      <c r="H83" s="938"/>
      <c r="I83" s="938"/>
      <c r="J83" s="938"/>
      <c r="K83" s="938"/>
      <c r="L83" s="938"/>
      <c r="M83" s="938"/>
      <c r="N83" s="938"/>
      <c r="O83" s="938"/>
      <c r="P83" s="939"/>
      <c r="Q83" s="940"/>
      <c r="R83" s="894"/>
      <c r="S83" s="894"/>
      <c r="T83" s="894"/>
      <c r="U83" s="894"/>
      <c r="V83" s="894"/>
      <c r="W83" s="894"/>
      <c r="X83" s="894"/>
      <c r="Y83" s="894"/>
      <c r="Z83" s="894"/>
      <c r="AA83" s="894"/>
      <c r="AB83" s="894"/>
      <c r="AC83" s="894"/>
      <c r="AD83" s="894"/>
      <c r="AE83" s="894"/>
      <c r="AF83" s="894"/>
      <c r="AG83" s="894"/>
      <c r="AH83" s="894"/>
      <c r="AI83" s="894"/>
      <c r="AJ83" s="894"/>
      <c r="AK83" s="894"/>
      <c r="AL83" s="894"/>
      <c r="AM83" s="894"/>
      <c r="AN83" s="894"/>
      <c r="AO83" s="894"/>
      <c r="AP83" s="894"/>
      <c r="AQ83" s="894"/>
      <c r="AR83" s="894"/>
      <c r="AS83" s="894"/>
      <c r="AT83" s="894"/>
      <c r="AU83" s="894"/>
      <c r="AV83" s="894"/>
      <c r="AW83" s="894"/>
      <c r="AX83" s="894"/>
      <c r="AY83" s="894"/>
      <c r="AZ83" s="896"/>
      <c r="BA83" s="896"/>
      <c r="BB83" s="896"/>
      <c r="BC83" s="896"/>
      <c r="BD83" s="897"/>
      <c r="BE83" s="236"/>
      <c r="BF83" s="236"/>
      <c r="BG83" s="236"/>
      <c r="BH83" s="236"/>
      <c r="BI83" s="236"/>
      <c r="BJ83" s="236"/>
      <c r="BK83" s="236"/>
      <c r="BL83" s="236"/>
      <c r="BM83" s="236"/>
      <c r="BN83" s="236"/>
      <c r="BO83" s="236"/>
      <c r="BP83" s="236"/>
      <c r="BQ83" s="233">
        <v>77</v>
      </c>
      <c r="BR83" s="238"/>
      <c r="BS83" s="923"/>
      <c r="BT83" s="924"/>
      <c r="BU83" s="924"/>
      <c r="BV83" s="924"/>
      <c r="BW83" s="924"/>
      <c r="BX83" s="924"/>
      <c r="BY83" s="924"/>
      <c r="BZ83" s="924"/>
      <c r="CA83" s="924"/>
      <c r="CB83" s="924"/>
      <c r="CC83" s="924"/>
      <c r="CD83" s="924"/>
      <c r="CE83" s="924"/>
      <c r="CF83" s="924"/>
      <c r="CG83" s="929"/>
      <c r="CH83" s="926"/>
      <c r="CI83" s="927"/>
      <c r="CJ83" s="927"/>
      <c r="CK83" s="927"/>
      <c r="CL83" s="928"/>
      <c r="CM83" s="926"/>
      <c r="CN83" s="927"/>
      <c r="CO83" s="927"/>
      <c r="CP83" s="927"/>
      <c r="CQ83" s="928"/>
      <c r="CR83" s="926"/>
      <c r="CS83" s="927"/>
      <c r="CT83" s="927"/>
      <c r="CU83" s="927"/>
      <c r="CV83" s="928"/>
      <c r="CW83" s="926"/>
      <c r="CX83" s="927"/>
      <c r="CY83" s="927"/>
      <c r="CZ83" s="927"/>
      <c r="DA83" s="928"/>
      <c r="DB83" s="926"/>
      <c r="DC83" s="927"/>
      <c r="DD83" s="927"/>
      <c r="DE83" s="927"/>
      <c r="DF83" s="928"/>
      <c r="DG83" s="926"/>
      <c r="DH83" s="927"/>
      <c r="DI83" s="927"/>
      <c r="DJ83" s="927"/>
      <c r="DK83" s="928"/>
      <c r="DL83" s="926"/>
      <c r="DM83" s="927"/>
      <c r="DN83" s="927"/>
      <c r="DO83" s="927"/>
      <c r="DP83" s="928"/>
      <c r="DQ83" s="926"/>
      <c r="DR83" s="927"/>
      <c r="DS83" s="927"/>
      <c r="DT83" s="927"/>
      <c r="DU83" s="928"/>
      <c r="DV83" s="923"/>
      <c r="DW83" s="924"/>
      <c r="DX83" s="924"/>
      <c r="DY83" s="924"/>
      <c r="DZ83" s="925"/>
      <c r="EA83" s="225"/>
    </row>
    <row r="84" spans="1:131" ht="26.25" customHeight="1" x14ac:dyDescent="0.2">
      <c r="A84" s="233">
        <v>17</v>
      </c>
      <c r="B84" s="937"/>
      <c r="C84" s="938"/>
      <c r="D84" s="938"/>
      <c r="E84" s="938"/>
      <c r="F84" s="938"/>
      <c r="G84" s="938"/>
      <c r="H84" s="938"/>
      <c r="I84" s="938"/>
      <c r="J84" s="938"/>
      <c r="K84" s="938"/>
      <c r="L84" s="938"/>
      <c r="M84" s="938"/>
      <c r="N84" s="938"/>
      <c r="O84" s="938"/>
      <c r="P84" s="939"/>
      <c r="Q84" s="940"/>
      <c r="R84" s="894"/>
      <c r="S84" s="894"/>
      <c r="T84" s="894"/>
      <c r="U84" s="894"/>
      <c r="V84" s="894"/>
      <c r="W84" s="894"/>
      <c r="X84" s="894"/>
      <c r="Y84" s="894"/>
      <c r="Z84" s="894"/>
      <c r="AA84" s="894"/>
      <c r="AB84" s="894"/>
      <c r="AC84" s="894"/>
      <c r="AD84" s="894"/>
      <c r="AE84" s="894"/>
      <c r="AF84" s="894"/>
      <c r="AG84" s="894"/>
      <c r="AH84" s="894"/>
      <c r="AI84" s="894"/>
      <c r="AJ84" s="894"/>
      <c r="AK84" s="894"/>
      <c r="AL84" s="894"/>
      <c r="AM84" s="894"/>
      <c r="AN84" s="894"/>
      <c r="AO84" s="894"/>
      <c r="AP84" s="894"/>
      <c r="AQ84" s="894"/>
      <c r="AR84" s="894"/>
      <c r="AS84" s="894"/>
      <c r="AT84" s="894"/>
      <c r="AU84" s="894"/>
      <c r="AV84" s="894"/>
      <c r="AW84" s="894"/>
      <c r="AX84" s="894"/>
      <c r="AY84" s="894"/>
      <c r="AZ84" s="896"/>
      <c r="BA84" s="896"/>
      <c r="BB84" s="896"/>
      <c r="BC84" s="896"/>
      <c r="BD84" s="897"/>
      <c r="BE84" s="236"/>
      <c r="BF84" s="236"/>
      <c r="BG84" s="236"/>
      <c r="BH84" s="236"/>
      <c r="BI84" s="236"/>
      <c r="BJ84" s="236"/>
      <c r="BK84" s="236"/>
      <c r="BL84" s="236"/>
      <c r="BM84" s="236"/>
      <c r="BN84" s="236"/>
      <c r="BO84" s="236"/>
      <c r="BP84" s="236"/>
      <c r="BQ84" s="233">
        <v>78</v>
      </c>
      <c r="BR84" s="238"/>
      <c r="BS84" s="923"/>
      <c r="BT84" s="924"/>
      <c r="BU84" s="924"/>
      <c r="BV84" s="924"/>
      <c r="BW84" s="924"/>
      <c r="BX84" s="924"/>
      <c r="BY84" s="924"/>
      <c r="BZ84" s="924"/>
      <c r="CA84" s="924"/>
      <c r="CB84" s="924"/>
      <c r="CC84" s="924"/>
      <c r="CD84" s="924"/>
      <c r="CE84" s="924"/>
      <c r="CF84" s="924"/>
      <c r="CG84" s="929"/>
      <c r="CH84" s="926"/>
      <c r="CI84" s="927"/>
      <c r="CJ84" s="927"/>
      <c r="CK84" s="927"/>
      <c r="CL84" s="928"/>
      <c r="CM84" s="926"/>
      <c r="CN84" s="927"/>
      <c r="CO84" s="927"/>
      <c r="CP84" s="927"/>
      <c r="CQ84" s="928"/>
      <c r="CR84" s="926"/>
      <c r="CS84" s="927"/>
      <c r="CT84" s="927"/>
      <c r="CU84" s="927"/>
      <c r="CV84" s="928"/>
      <c r="CW84" s="926"/>
      <c r="CX84" s="927"/>
      <c r="CY84" s="927"/>
      <c r="CZ84" s="927"/>
      <c r="DA84" s="928"/>
      <c r="DB84" s="926"/>
      <c r="DC84" s="927"/>
      <c r="DD84" s="927"/>
      <c r="DE84" s="927"/>
      <c r="DF84" s="928"/>
      <c r="DG84" s="926"/>
      <c r="DH84" s="927"/>
      <c r="DI84" s="927"/>
      <c r="DJ84" s="927"/>
      <c r="DK84" s="928"/>
      <c r="DL84" s="926"/>
      <c r="DM84" s="927"/>
      <c r="DN84" s="927"/>
      <c r="DO84" s="927"/>
      <c r="DP84" s="928"/>
      <c r="DQ84" s="926"/>
      <c r="DR84" s="927"/>
      <c r="DS84" s="927"/>
      <c r="DT84" s="927"/>
      <c r="DU84" s="928"/>
      <c r="DV84" s="923"/>
      <c r="DW84" s="924"/>
      <c r="DX84" s="924"/>
      <c r="DY84" s="924"/>
      <c r="DZ84" s="925"/>
      <c r="EA84" s="225"/>
    </row>
    <row r="85" spans="1:131" ht="26.25" customHeight="1" x14ac:dyDescent="0.2">
      <c r="A85" s="233">
        <v>18</v>
      </c>
      <c r="B85" s="937"/>
      <c r="C85" s="938"/>
      <c r="D85" s="938"/>
      <c r="E85" s="938"/>
      <c r="F85" s="938"/>
      <c r="G85" s="938"/>
      <c r="H85" s="938"/>
      <c r="I85" s="938"/>
      <c r="J85" s="938"/>
      <c r="K85" s="938"/>
      <c r="L85" s="938"/>
      <c r="M85" s="938"/>
      <c r="N85" s="938"/>
      <c r="O85" s="938"/>
      <c r="P85" s="939"/>
      <c r="Q85" s="940"/>
      <c r="R85" s="894"/>
      <c r="S85" s="894"/>
      <c r="T85" s="894"/>
      <c r="U85" s="894"/>
      <c r="V85" s="894"/>
      <c r="W85" s="894"/>
      <c r="X85" s="894"/>
      <c r="Y85" s="894"/>
      <c r="Z85" s="894"/>
      <c r="AA85" s="894"/>
      <c r="AB85" s="894"/>
      <c r="AC85" s="894"/>
      <c r="AD85" s="894"/>
      <c r="AE85" s="894"/>
      <c r="AF85" s="894"/>
      <c r="AG85" s="894"/>
      <c r="AH85" s="894"/>
      <c r="AI85" s="894"/>
      <c r="AJ85" s="894"/>
      <c r="AK85" s="894"/>
      <c r="AL85" s="894"/>
      <c r="AM85" s="894"/>
      <c r="AN85" s="894"/>
      <c r="AO85" s="894"/>
      <c r="AP85" s="894"/>
      <c r="AQ85" s="894"/>
      <c r="AR85" s="894"/>
      <c r="AS85" s="894"/>
      <c r="AT85" s="894"/>
      <c r="AU85" s="894"/>
      <c r="AV85" s="894"/>
      <c r="AW85" s="894"/>
      <c r="AX85" s="894"/>
      <c r="AY85" s="894"/>
      <c r="AZ85" s="896"/>
      <c r="BA85" s="896"/>
      <c r="BB85" s="896"/>
      <c r="BC85" s="896"/>
      <c r="BD85" s="897"/>
      <c r="BE85" s="236"/>
      <c r="BF85" s="236"/>
      <c r="BG85" s="236"/>
      <c r="BH85" s="236"/>
      <c r="BI85" s="236"/>
      <c r="BJ85" s="236"/>
      <c r="BK85" s="236"/>
      <c r="BL85" s="236"/>
      <c r="BM85" s="236"/>
      <c r="BN85" s="236"/>
      <c r="BO85" s="236"/>
      <c r="BP85" s="236"/>
      <c r="BQ85" s="233">
        <v>79</v>
      </c>
      <c r="BR85" s="238"/>
      <c r="BS85" s="923"/>
      <c r="BT85" s="924"/>
      <c r="BU85" s="924"/>
      <c r="BV85" s="924"/>
      <c r="BW85" s="924"/>
      <c r="BX85" s="924"/>
      <c r="BY85" s="924"/>
      <c r="BZ85" s="924"/>
      <c r="CA85" s="924"/>
      <c r="CB85" s="924"/>
      <c r="CC85" s="924"/>
      <c r="CD85" s="924"/>
      <c r="CE85" s="924"/>
      <c r="CF85" s="924"/>
      <c r="CG85" s="929"/>
      <c r="CH85" s="926"/>
      <c r="CI85" s="927"/>
      <c r="CJ85" s="927"/>
      <c r="CK85" s="927"/>
      <c r="CL85" s="928"/>
      <c r="CM85" s="926"/>
      <c r="CN85" s="927"/>
      <c r="CO85" s="927"/>
      <c r="CP85" s="927"/>
      <c r="CQ85" s="928"/>
      <c r="CR85" s="926"/>
      <c r="CS85" s="927"/>
      <c r="CT85" s="927"/>
      <c r="CU85" s="927"/>
      <c r="CV85" s="928"/>
      <c r="CW85" s="926"/>
      <c r="CX85" s="927"/>
      <c r="CY85" s="927"/>
      <c r="CZ85" s="927"/>
      <c r="DA85" s="928"/>
      <c r="DB85" s="926"/>
      <c r="DC85" s="927"/>
      <c r="DD85" s="927"/>
      <c r="DE85" s="927"/>
      <c r="DF85" s="928"/>
      <c r="DG85" s="926"/>
      <c r="DH85" s="927"/>
      <c r="DI85" s="927"/>
      <c r="DJ85" s="927"/>
      <c r="DK85" s="928"/>
      <c r="DL85" s="926"/>
      <c r="DM85" s="927"/>
      <c r="DN85" s="927"/>
      <c r="DO85" s="927"/>
      <c r="DP85" s="928"/>
      <c r="DQ85" s="926"/>
      <c r="DR85" s="927"/>
      <c r="DS85" s="927"/>
      <c r="DT85" s="927"/>
      <c r="DU85" s="928"/>
      <c r="DV85" s="923"/>
      <c r="DW85" s="924"/>
      <c r="DX85" s="924"/>
      <c r="DY85" s="924"/>
      <c r="DZ85" s="925"/>
      <c r="EA85" s="225"/>
    </row>
    <row r="86" spans="1:131" ht="26.25" customHeight="1" x14ac:dyDescent="0.2">
      <c r="A86" s="233">
        <v>19</v>
      </c>
      <c r="B86" s="937"/>
      <c r="C86" s="938"/>
      <c r="D86" s="938"/>
      <c r="E86" s="938"/>
      <c r="F86" s="938"/>
      <c r="G86" s="938"/>
      <c r="H86" s="938"/>
      <c r="I86" s="938"/>
      <c r="J86" s="938"/>
      <c r="K86" s="938"/>
      <c r="L86" s="938"/>
      <c r="M86" s="938"/>
      <c r="N86" s="938"/>
      <c r="O86" s="938"/>
      <c r="P86" s="939"/>
      <c r="Q86" s="940"/>
      <c r="R86" s="894"/>
      <c r="S86" s="894"/>
      <c r="T86" s="894"/>
      <c r="U86" s="894"/>
      <c r="V86" s="894"/>
      <c r="W86" s="894"/>
      <c r="X86" s="894"/>
      <c r="Y86" s="894"/>
      <c r="Z86" s="894"/>
      <c r="AA86" s="894"/>
      <c r="AB86" s="894"/>
      <c r="AC86" s="894"/>
      <c r="AD86" s="894"/>
      <c r="AE86" s="894"/>
      <c r="AF86" s="894"/>
      <c r="AG86" s="894"/>
      <c r="AH86" s="894"/>
      <c r="AI86" s="894"/>
      <c r="AJ86" s="894"/>
      <c r="AK86" s="894"/>
      <c r="AL86" s="894"/>
      <c r="AM86" s="894"/>
      <c r="AN86" s="894"/>
      <c r="AO86" s="894"/>
      <c r="AP86" s="894"/>
      <c r="AQ86" s="894"/>
      <c r="AR86" s="894"/>
      <c r="AS86" s="894"/>
      <c r="AT86" s="894"/>
      <c r="AU86" s="894"/>
      <c r="AV86" s="894"/>
      <c r="AW86" s="894"/>
      <c r="AX86" s="894"/>
      <c r="AY86" s="894"/>
      <c r="AZ86" s="896"/>
      <c r="BA86" s="896"/>
      <c r="BB86" s="896"/>
      <c r="BC86" s="896"/>
      <c r="BD86" s="897"/>
      <c r="BE86" s="236"/>
      <c r="BF86" s="236"/>
      <c r="BG86" s="236"/>
      <c r="BH86" s="236"/>
      <c r="BI86" s="236"/>
      <c r="BJ86" s="236"/>
      <c r="BK86" s="236"/>
      <c r="BL86" s="236"/>
      <c r="BM86" s="236"/>
      <c r="BN86" s="236"/>
      <c r="BO86" s="236"/>
      <c r="BP86" s="236"/>
      <c r="BQ86" s="233">
        <v>80</v>
      </c>
      <c r="BR86" s="238"/>
      <c r="BS86" s="923"/>
      <c r="BT86" s="924"/>
      <c r="BU86" s="924"/>
      <c r="BV86" s="924"/>
      <c r="BW86" s="924"/>
      <c r="BX86" s="924"/>
      <c r="BY86" s="924"/>
      <c r="BZ86" s="924"/>
      <c r="CA86" s="924"/>
      <c r="CB86" s="924"/>
      <c r="CC86" s="924"/>
      <c r="CD86" s="924"/>
      <c r="CE86" s="924"/>
      <c r="CF86" s="924"/>
      <c r="CG86" s="929"/>
      <c r="CH86" s="926"/>
      <c r="CI86" s="927"/>
      <c r="CJ86" s="927"/>
      <c r="CK86" s="927"/>
      <c r="CL86" s="928"/>
      <c r="CM86" s="926"/>
      <c r="CN86" s="927"/>
      <c r="CO86" s="927"/>
      <c r="CP86" s="927"/>
      <c r="CQ86" s="928"/>
      <c r="CR86" s="926"/>
      <c r="CS86" s="927"/>
      <c r="CT86" s="927"/>
      <c r="CU86" s="927"/>
      <c r="CV86" s="928"/>
      <c r="CW86" s="926"/>
      <c r="CX86" s="927"/>
      <c r="CY86" s="927"/>
      <c r="CZ86" s="927"/>
      <c r="DA86" s="928"/>
      <c r="DB86" s="926"/>
      <c r="DC86" s="927"/>
      <c r="DD86" s="927"/>
      <c r="DE86" s="927"/>
      <c r="DF86" s="928"/>
      <c r="DG86" s="926"/>
      <c r="DH86" s="927"/>
      <c r="DI86" s="927"/>
      <c r="DJ86" s="927"/>
      <c r="DK86" s="928"/>
      <c r="DL86" s="926"/>
      <c r="DM86" s="927"/>
      <c r="DN86" s="927"/>
      <c r="DO86" s="927"/>
      <c r="DP86" s="928"/>
      <c r="DQ86" s="926"/>
      <c r="DR86" s="927"/>
      <c r="DS86" s="927"/>
      <c r="DT86" s="927"/>
      <c r="DU86" s="928"/>
      <c r="DV86" s="923"/>
      <c r="DW86" s="924"/>
      <c r="DX86" s="924"/>
      <c r="DY86" s="924"/>
      <c r="DZ86" s="925"/>
      <c r="EA86" s="225"/>
    </row>
    <row r="87" spans="1:131" ht="26.25" customHeight="1" x14ac:dyDescent="0.2">
      <c r="A87" s="239">
        <v>20</v>
      </c>
      <c r="B87" s="944"/>
      <c r="C87" s="945"/>
      <c r="D87" s="945"/>
      <c r="E87" s="945"/>
      <c r="F87" s="945"/>
      <c r="G87" s="945"/>
      <c r="H87" s="945"/>
      <c r="I87" s="945"/>
      <c r="J87" s="945"/>
      <c r="K87" s="945"/>
      <c r="L87" s="945"/>
      <c r="M87" s="945"/>
      <c r="N87" s="945"/>
      <c r="O87" s="945"/>
      <c r="P87" s="946"/>
      <c r="Q87" s="947"/>
      <c r="R87" s="948"/>
      <c r="S87" s="948"/>
      <c r="T87" s="948"/>
      <c r="U87" s="948"/>
      <c r="V87" s="948"/>
      <c r="W87" s="948"/>
      <c r="X87" s="948"/>
      <c r="Y87" s="948"/>
      <c r="Z87" s="948"/>
      <c r="AA87" s="948"/>
      <c r="AB87" s="948"/>
      <c r="AC87" s="948"/>
      <c r="AD87" s="948"/>
      <c r="AE87" s="948"/>
      <c r="AF87" s="948"/>
      <c r="AG87" s="948"/>
      <c r="AH87" s="948"/>
      <c r="AI87" s="948"/>
      <c r="AJ87" s="948"/>
      <c r="AK87" s="948"/>
      <c r="AL87" s="948"/>
      <c r="AM87" s="948"/>
      <c r="AN87" s="948"/>
      <c r="AO87" s="948"/>
      <c r="AP87" s="948"/>
      <c r="AQ87" s="948"/>
      <c r="AR87" s="948"/>
      <c r="AS87" s="948"/>
      <c r="AT87" s="948"/>
      <c r="AU87" s="948"/>
      <c r="AV87" s="948"/>
      <c r="AW87" s="948"/>
      <c r="AX87" s="948"/>
      <c r="AY87" s="948"/>
      <c r="AZ87" s="949"/>
      <c r="BA87" s="949"/>
      <c r="BB87" s="949"/>
      <c r="BC87" s="949"/>
      <c r="BD87" s="950"/>
      <c r="BE87" s="236"/>
      <c r="BF87" s="236"/>
      <c r="BG87" s="236"/>
      <c r="BH87" s="236"/>
      <c r="BI87" s="236"/>
      <c r="BJ87" s="236"/>
      <c r="BK87" s="236"/>
      <c r="BL87" s="236"/>
      <c r="BM87" s="236"/>
      <c r="BN87" s="236"/>
      <c r="BO87" s="236"/>
      <c r="BP87" s="236"/>
      <c r="BQ87" s="233">
        <v>81</v>
      </c>
      <c r="BR87" s="238"/>
      <c r="BS87" s="923"/>
      <c r="BT87" s="924"/>
      <c r="BU87" s="924"/>
      <c r="BV87" s="924"/>
      <c r="BW87" s="924"/>
      <c r="BX87" s="924"/>
      <c r="BY87" s="924"/>
      <c r="BZ87" s="924"/>
      <c r="CA87" s="924"/>
      <c r="CB87" s="924"/>
      <c r="CC87" s="924"/>
      <c r="CD87" s="924"/>
      <c r="CE87" s="924"/>
      <c r="CF87" s="924"/>
      <c r="CG87" s="929"/>
      <c r="CH87" s="926"/>
      <c r="CI87" s="927"/>
      <c r="CJ87" s="927"/>
      <c r="CK87" s="927"/>
      <c r="CL87" s="928"/>
      <c r="CM87" s="926"/>
      <c r="CN87" s="927"/>
      <c r="CO87" s="927"/>
      <c r="CP87" s="927"/>
      <c r="CQ87" s="928"/>
      <c r="CR87" s="926"/>
      <c r="CS87" s="927"/>
      <c r="CT87" s="927"/>
      <c r="CU87" s="927"/>
      <c r="CV87" s="928"/>
      <c r="CW87" s="926"/>
      <c r="CX87" s="927"/>
      <c r="CY87" s="927"/>
      <c r="CZ87" s="927"/>
      <c r="DA87" s="928"/>
      <c r="DB87" s="926"/>
      <c r="DC87" s="927"/>
      <c r="DD87" s="927"/>
      <c r="DE87" s="927"/>
      <c r="DF87" s="928"/>
      <c r="DG87" s="926"/>
      <c r="DH87" s="927"/>
      <c r="DI87" s="927"/>
      <c r="DJ87" s="927"/>
      <c r="DK87" s="928"/>
      <c r="DL87" s="926"/>
      <c r="DM87" s="927"/>
      <c r="DN87" s="927"/>
      <c r="DO87" s="927"/>
      <c r="DP87" s="928"/>
      <c r="DQ87" s="926"/>
      <c r="DR87" s="927"/>
      <c r="DS87" s="927"/>
      <c r="DT87" s="927"/>
      <c r="DU87" s="928"/>
      <c r="DV87" s="923"/>
      <c r="DW87" s="924"/>
      <c r="DX87" s="924"/>
      <c r="DY87" s="924"/>
      <c r="DZ87" s="925"/>
      <c r="EA87" s="225"/>
    </row>
    <row r="88" spans="1:131" ht="26.25" customHeight="1" thickBot="1" x14ac:dyDescent="0.25">
      <c r="A88" s="235" t="s">
        <v>388</v>
      </c>
      <c r="B88" s="853" t="s">
        <v>415</v>
      </c>
      <c r="C88" s="854"/>
      <c r="D88" s="854"/>
      <c r="E88" s="854"/>
      <c r="F88" s="854"/>
      <c r="G88" s="854"/>
      <c r="H88" s="854"/>
      <c r="I88" s="854"/>
      <c r="J88" s="854"/>
      <c r="K88" s="854"/>
      <c r="L88" s="854"/>
      <c r="M88" s="854"/>
      <c r="N88" s="854"/>
      <c r="O88" s="854"/>
      <c r="P88" s="855"/>
      <c r="Q88" s="904"/>
      <c r="R88" s="905"/>
      <c r="S88" s="905"/>
      <c r="T88" s="905"/>
      <c r="U88" s="905"/>
      <c r="V88" s="905"/>
      <c r="W88" s="905"/>
      <c r="X88" s="905"/>
      <c r="Y88" s="905"/>
      <c r="Z88" s="905"/>
      <c r="AA88" s="905"/>
      <c r="AB88" s="905"/>
      <c r="AC88" s="905"/>
      <c r="AD88" s="905"/>
      <c r="AE88" s="905"/>
      <c r="AF88" s="908">
        <v>21909</v>
      </c>
      <c r="AG88" s="908"/>
      <c r="AH88" s="908"/>
      <c r="AI88" s="908"/>
      <c r="AJ88" s="908"/>
      <c r="AK88" s="905"/>
      <c r="AL88" s="905"/>
      <c r="AM88" s="905"/>
      <c r="AN88" s="905"/>
      <c r="AO88" s="905"/>
      <c r="AP88" s="908">
        <v>4424</v>
      </c>
      <c r="AQ88" s="908"/>
      <c r="AR88" s="908"/>
      <c r="AS88" s="908"/>
      <c r="AT88" s="908"/>
      <c r="AU88" s="908">
        <v>1661</v>
      </c>
      <c r="AV88" s="908"/>
      <c r="AW88" s="908"/>
      <c r="AX88" s="908"/>
      <c r="AY88" s="908"/>
      <c r="AZ88" s="913"/>
      <c r="BA88" s="913"/>
      <c r="BB88" s="913"/>
      <c r="BC88" s="913"/>
      <c r="BD88" s="914"/>
      <c r="BE88" s="236"/>
      <c r="BF88" s="236"/>
      <c r="BG88" s="236"/>
      <c r="BH88" s="236"/>
      <c r="BI88" s="236"/>
      <c r="BJ88" s="236"/>
      <c r="BK88" s="236"/>
      <c r="BL88" s="236"/>
      <c r="BM88" s="236"/>
      <c r="BN88" s="236"/>
      <c r="BO88" s="236"/>
      <c r="BP88" s="236"/>
      <c r="BQ88" s="233">
        <v>82</v>
      </c>
      <c r="BR88" s="238"/>
      <c r="BS88" s="923"/>
      <c r="BT88" s="924"/>
      <c r="BU88" s="924"/>
      <c r="BV88" s="924"/>
      <c r="BW88" s="924"/>
      <c r="BX88" s="924"/>
      <c r="BY88" s="924"/>
      <c r="BZ88" s="924"/>
      <c r="CA88" s="924"/>
      <c r="CB88" s="924"/>
      <c r="CC88" s="924"/>
      <c r="CD88" s="924"/>
      <c r="CE88" s="924"/>
      <c r="CF88" s="924"/>
      <c r="CG88" s="929"/>
      <c r="CH88" s="926"/>
      <c r="CI88" s="927"/>
      <c r="CJ88" s="927"/>
      <c r="CK88" s="927"/>
      <c r="CL88" s="928"/>
      <c r="CM88" s="926"/>
      <c r="CN88" s="927"/>
      <c r="CO88" s="927"/>
      <c r="CP88" s="927"/>
      <c r="CQ88" s="928"/>
      <c r="CR88" s="926"/>
      <c r="CS88" s="927"/>
      <c r="CT88" s="927"/>
      <c r="CU88" s="927"/>
      <c r="CV88" s="928"/>
      <c r="CW88" s="926"/>
      <c r="CX88" s="927"/>
      <c r="CY88" s="927"/>
      <c r="CZ88" s="927"/>
      <c r="DA88" s="928"/>
      <c r="DB88" s="926"/>
      <c r="DC88" s="927"/>
      <c r="DD88" s="927"/>
      <c r="DE88" s="927"/>
      <c r="DF88" s="928"/>
      <c r="DG88" s="926"/>
      <c r="DH88" s="927"/>
      <c r="DI88" s="927"/>
      <c r="DJ88" s="927"/>
      <c r="DK88" s="928"/>
      <c r="DL88" s="926"/>
      <c r="DM88" s="927"/>
      <c r="DN88" s="927"/>
      <c r="DO88" s="927"/>
      <c r="DP88" s="928"/>
      <c r="DQ88" s="926"/>
      <c r="DR88" s="927"/>
      <c r="DS88" s="927"/>
      <c r="DT88" s="927"/>
      <c r="DU88" s="928"/>
      <c r="DV88" s="923"/>
      <c r="DW88" s="924"/>
      <c r="DX88" s="924"/>
      <c r="DY88" s="924"/>
      <c r="DZ88" s="925"/>
      <c r="EA88" s="225"/>
    </row>
    <row r="89" spans="1:131" ht="26.25" hidden="1" customHeight="1" x14ac:dyDescent="0.2">
      <c r="A89" s="240"/>
      <c r="B89" s="241"/>
      <c r="C89" s="241"/>
      <c r="D89" s="241"/>
      <c r="E89" s="241"/>
      <c r="F89" s="241"/>
      <c r="G89" s="241"/>
      <c r="H89" s="241"/>
      <c r="I89" s="241"/>
      <c r="J89" s="241"/>
      <c r="K89" s="241"/>
      <c r="L89" s="241"/>
      <c r="M89" s="241"/>
      <c r="N89" s="241"/>
      <c r="O89" s="241"/>
      <c r="P89" s="241"/>
      <c r="Q89" s="242"/>
      <c r="R89" s="242"/>
      <c r="S89" s="242"/>
      <c r="T89" s="242"/>
      <c r="U89" s="242"/>
      <c r="V89" s="242"/>
      <c r="W89" s="242"/>
      <c r="X89" s="242"/>
      <c r="Y89" s="242"/>
      <c r="Z89" s="242"/>
      <c r="AA89" s="242"/>
      <c r="AB89" s="242"/>
      <c r="AC89" s="242"/>
      <c r="AD89" s="242"/>
      <c r="AE89" s="242"/>
      <c r="AF89" s="242"/>
      <c r="AG89" s="242"/>
      <c r="AH89" s="242"/>
      <c r="AI89" s="242"/>
      <c r="AJ89" s="242"/>
      <c r="AK89" s="242"/>
      <c r="AL89" s="242"/>
      <c r="AM89" s="242"/>
      <c r="AN89" s="242"/>
      <c r="AO89" s="242"/>
      <c r="AP89" s="242"/>
      <c r="AQ89" s="242"/>
      <c r="AR89" s="242"/>
      <c r="AS89" s="242"/>
      <c r="AT89" s="242"/>
      <c r="AU89" s="242"/>
      <c r="AV89" s="242"/>
      <c r="AW89" s="242"/>
      <c r="AX89" s="242"/>
      <c r="AY89" s="242"/>
      <c r="AZ89" s="243"/>
      <c r="BA89" s="243"/>
      <c r="BB89" s="243"/>
      <c r="BC89" s="243"/>
      <c r="BD89" s="243"/>
      <c r="BE89" s="236"/>
      <c r="BF89" s="236"/>
      <c r="BG89" s="236"/>
      <c r="BH89" s="236"/>
      <c r="BI89" s="236"/>
      <c r="BJ89" s="236"/>
      <c r="BK89" s="236"/>
      <c r="BL89" s="236"/>
      <c r="BM89" s="236"/>
      <c r="BN89" s="236"/>
      <c r="BO89" s="236"/>
      <c r="BP89" s="236"/>
      <c r="BQ89" s="233">
        <v>83</v>
      </c>
      <c r="BR89" s="238"/>
      <c r="BS89" s="923"/>
      <c r="BT89" s="924"/>
      <c r="BU89" s="924"/>
      <c r="BV89" s="924"/>
      <c r="BW89" s="924"/>
      <c r="BX89" s="924"/>
      <c r="BY89" s="924"/>
      <c r="BZ89" s="924"/>
      <c r="CA89" s="924"/>
      <c r="CB89" s="924"/>
      <c r="CC89" s="924"/>
      <c r="CD89" s="924"/>
      <c r="CE89" s="924"/>
      <c r="CF89" s="924"/>
      <c r="CG89" s="929"/>
      <c r="CH89" s="926"/>
      <c r="CI89" s="927"/>
      <c r="CJ89" s="927"/>
      <c r="CK89" s="927"/>
      <c r="CL89" s="928"/>
      <c r="CM89" s="926"/>
      <c r="CN89" s="927"/>
      <c r="CO89" s="927"/>
      <c r="CP89" s="927"/>
      <c r="CQ89" s="928"/>
      <c r="CR89" s="926"/>
      <c r="CS89" s="927"/>
      <c r="CT89" s="927"/>
      <c r="CU89" s="927"/>
      <c r="CV89" s="928"/>
      <c r="CW89" s="926"/>
      <c r="CX89" s="927"/>
      <c r="CY89" s="927"/>
      <c r="CZ89" s="927"/>
      <c r="DA89" s="928"/>
      <c r="DB89" s="926"/>
      <c r="DC89" s="927"/>
      <c r="DD89" s="927"/>
      <c r="DE89" s="927"/>
      <c r="DF89" s="928"/>
      <c r="DG89" s="926"/>
      <c r="DH89" s="927"/>
      <c r="DI89" s="927"/>
      <c r="DJ89" s="927"/>
      <c r="DK89" s="928"/>
      <c r="DL89" s="926"/>
      <c r="DM89" s="927"/>
      <c r="DN89" s="927"/>
      <c r="DO89" s="927"/>
      <c r="DP89" s="928"/>
      <c r="DQ89" s="926"/>
      <c r="DR89" s="927"/>
      <c r="DS89" s="927"/>
      <c r="DT89" s="927"/>
      <c r="DU89" s="928"/>
      <c r="DV89" s="923"/>
      <c r="DW89" s="924"/>
      <c r="DX89" s="924"/>
      <c r="DY89" s="924"/>
      <c r="DZ89" s="925"/>
      <c r="EA89" s="225"/>
    </row>
    <row r="90" spans="1:131" ht="26.25" hidden="1" customHeight="1" x14ac:dyDescent="0.2">
      <c r="A90" s="240"/>
      <c r="B90" s="241"/>
      <c r="C90" s="241"/>
      <c r="D90" s="241"/>
      <c r="E90" s="241"/>
      <c r="F90" s="241"/>
      <c r="G90" s="241"/>
      <c r="H90" s="241"/>
      <c r="I90" s="241"/>
      <c r="J90" s="241"/>
      <c r="K90" s="241"/>
      <c r="L90" s="241"/>
      <c r="M90" s="241"/>
      <c r="N90" s="241"/>
      <c r="O90" s="241"/>
      <c r="P90" s="241"/>
      <c r="Q90" s="242"/>
      <c r="R90" s="242"/>
      <c r="S90" s="242"/>
      <c r="T90" s="242"/>
      <c r="U90" s="242"/>
      <c r="V90" s="242"/>
      <c r="W90" s="242"/>
      <c r="X90" s="242"/>
      <c r="Y90" s="242"/>
      <c r="Z90" s="242"/>
      <c r="AA90" s="242"/>
      <c r="AB90" s="242"/>
      <c r="AC90" s="242"/>
      <c r="AD90" s="242"/>
      <c r="AE90" s="242"/>
      <c r="AF90" s="242"/>
      <c r="AG90" s="242"/>
      <c r="AH90" s="242"/>
      <c r="AI90" s="242"/>
      <c r="AJ90" s="242"/>
      <c r="AK90" s="242"/>
      <c r="AL90" s="242"/>
      <c r="AM90" s="242"/>
      <c r="AN90" s="242"/>
      <c r="AO90" s="242"/>
      <c r="AP90" s="242"/>
      <c r="AQ90" s="242"/>
      <c r="AR90" s="242"/>
      <c r="AS90" s="242"/>
      <c r="AT90" s="242"/>
      <c r="AU90" s="242"/>
      <c r="AV90" s="242"/>
      <c r="AW90" s="242"/>
      <c r="AX90" s="242"/>
      <c r="AY90" s="242"/>
      <c r="AZ90" s="243"/>
      <c r="BA90" s="243"/>
      <c r="BB90" s="243"/>
      <c r="BC90" s="243"/>
      <c r="BD90" s="243"/>
      <c r="BE90" s="236"/>
      <c r="BF90" s="236"/>
      <c r="BG90" s="236"/>
      <c r="BH90" s="236"/>
      <c r="BI90" s="236"/>
      <c r="BJ90" s="236"/>
      <c r="BK90" s="236"/>
      <c r="BL90" s="236"/>
      <c r="BM90" s="236"/>
      <c r="BN90" s="236"/>
      <c r="BO90" s="236"/>
      <c r="BP90" s="236"/>
      <c r="BQ90" s="233">
        <v>84</v>
      </c>
      <c r="BR90" s="238"/>
      <c r="BS90" s="923"/>
      <c r="BT90" s="924"/>
      <c r="BU90" s="924"/>
      <c r="BV90" s="924"/>
      <c r="BW90" s="924"/>
      <c r="BX90" s="924"/>
      <c r="BY90" s="924"/>
      <c r="BZ90" s="924"/>
      <c r="CA90" s="924"/>
      <c r="CB90" s="924"/>
      <c r="CC90" s="924"/>
      <c r="CD90" s="924"/>
      <c r="CE90" s="924"/>
      <c r="CF90" s="924"/>
      <c r="CG90" s="929"/>
      <c r="CH90" s="926"/>
      <c r="CI90" s="927"/>
      <c r="CJ90" s="927"/>
      <c r="CK90" s="927"/>
      <c r="CL90" s="928"/>
      <c r="CM90" s="926"/>
      <c r="CN90" s="927"/>
      <c r="CO90" s="927"/>
      <c r="CP90" s="927"/>
      <c r="CQ90" s="928"/>
      <c r="CR90" s="926"/>
      <c r="CS90" s="927"/>
      <c r="CT90" s="927"/>
      <c r="CU90" s="927"/>
      <c r="CV90" s="928"/>
      <c r="CW90" s="926"/>
      <c r="CX90" s="927"/>
      <c r="CY90" s="927"/>
      <c r="CZ90" s="927"/>
      <c r="DA90" s="928"/>
      <c r="DB90" s="926"/>
      <c r="DC90" s="927"/>
      <c r="DD90" s="927"/>
      <c r="DE90" s="927"/>
      <c r="DF90" s="928"/>
      <c r="DG90" s="926"/>
      <c r="DH90" s="927"/>
      <c r="DI90" s="927"/>
      <c r="DJ90" s="927"/>
      <c r="DK90" s="928"/>
      <c r="DL90" s="926"/>
      <c r="DM90" s="927"/>
      <c r="DN90" s="927"/>
      <c r="DO90" s="927"/>
      <c r="DP90" s="928"/>
      <c r="DQ90" s="926"/>
      <c r="DR90" s="927"/>
      <c r="DS90" s="927"/>
      <c r="DT90" s="927"/>
      <c r="DU90" s="928"/>
      <c r="DV90" s="923"/>
      <c r="DW90" s="924"/>
      <c r="DX90" s="924"/>
      <c r="DY90" s="924"/>
      <c r="DZ90" s="925"/>
      <c r="EA90" s="225"/>
    </row>
    <row r="91" spans="1:131" ht="26.25" hidden="1" customHeight="1" x14ac:dyDescent="0.2">
      <c r="A91" s="240"/>
      <c r="B91" s="241"/>
      <c r="C91" s="241"/>
      <c r="D91" s="241"/>
      <c r="E91" s="241"/>
      <c r="F91" s="241"/>
      <c r="G91" s="241"/>
      <c r="H91" s="241"/>
      <c r="I91" s="241"/>
      <c r="J91" s="241"/>
      <c r="K91" s="241"/>
      <c r="L91" s="241"/>
      <c r="M91" s="241"/>
      <c r="N91" s="241"/>
      <c r="O91" s="241"/>
      <c r="P91" s="241"/>
      <c r="Q91" s="242"/>
      <c r="R91" s="242"/>
      <c r="S91" s="242"/>
      <c r="T91" s="242"/>
      <c r="U91" s="242"/>
      <c r="V91" s="242"/>
      <c r="W91" s="242"/>
      <c r="X91" s="242"/>
      <c r="Y91" s="242"/>
      <c r="Z91" s="242"/>
      <c r="AA91" s="242"/>
      <c r="AB91" s="242"/>
      <c r="AC91" s="242"/>
      <c r="AD91" s="242"/>
      <c r="AE91" s="242"/>
      <c r="AF91" s="242"/>
      <c r="AG91" s="242"/>
      <c r="AH91" s="242"/>
      <c r="AI91" s="242"/>
      <c r="AJ91" s="242"/>
      <c r="AK91" s="242"/>
      <c r="AL91" s="242"/>
      <c r="AM91" s="242"/>
      <c r="AN91" s="242"/>
      <c r="AO91" s="242"/>
      <c r="AP91" s="242"/>
      <c r="AQ91" s="242"/>
      <c r="AR91" s="242"/>
      <c r="AS91" s="242"/>
      <c r="AT91" s="242"/>
      <c r="AU91" s="242"/>
      <c r="AV91" s="242"/>
      <c r="AW91" s="242"/>
      <c r="AX91" s="242"/>
      <c r="AY91" s="242"/>
      <c r="AZ91" s="243"/>
      <c r="BA91" s="243"/>
      <c r="BB91" s="243"/>
      <c r="BC91" s="243"/>
      <c r="BD91" s="243"/>
      <c r="BE91" s="236"/>
      <c r="BF91" s="236"/>
      <c r="BG91" s="236"/>
      <c r="BH91" s="236"/>
      <c r="BI91" s="236"/>
      <c r="BJ91" s="236"/>
      <c r="BK91" s="236"/>
      <c r="BL91" s="236"/>
      <c r="BM91" s="236"/>
      <c r="BN91" s="236"/>
      <c r="BO91" s="236"/>
      <c r="BP91" s="236"/>
      <c r="BQ91" s="233">
        <v>85</v>
      </c>
      <c r="BR91" s="238"/>
      <c r="BS91" s="923"/>
      <c r="BT91" s="924"/>
      <c r="BU91" s="924"/>
      <c r="BV91" s="924"/>
      <c r="BW91" s="924"/>
      <c r="BX91" s="924"/>
      <c r="BY91" s="924"/>
      <c r="BZ91" s="924"/>
      <c r="CA91" s="924"/>
      <c r="CB91" s="924"/>
      <c r="CC91" s="924"/>
      <c r="CD91" s="924"/>
      <c r="CE91" s="924"/>
      <c r="CF91" s="924"/>
      <c r="CG91" s="929"/>
      <c r="CH91" s="926"/>
      <c r="CI91" s="927"/>
      <c r="CJ91" s="927"/>
      <c r="CK91" s="927"/>
      <c r="CL91" s="928"/>
      <c r="CM91" s="926"/>
      <c r="CN91" s="927"/>
      <c r="CO91" s="927"/>
      <c r="CP91" s="927"/>
      <c r="CQ91" s="928"/>
      <c r="CR91" s="926"/>
      <c r="CS91" s="927"/>
      <c r="CT91" s="927"/>
      <c r="CU91" s="927"/>
      <c r="CV91" s="928"/>
      <c r="CW91" s="926"/>
      <c r="CX91" s="927"/>
      <c r="CY91" s="927"/>
      <c r="CZ91" s="927"/>
      <c r="DA91" s="928"/>
      <c r="DB91" s="926"/>
      <c r="DC91" s="927"/>
      <c r="DD91" s="927"/>
      <c r="DE91" s="927"/>
      <c r="DF91" s="928"/>
      <c r="DG91" s="926"/>
      <c r="DH91" s="927"/>
      <c r="DI91" s="927"/>
      <c r="DJ91" s="927"/>
      <c r="DK91" s="928"/>
      <c r="DL91" s="926"/>
      <c r="DM91" s="927"/>
      <c r="DN91" s="927"/>
      <c r="DO91" s="927"/>
      <c r="DP91" s="928"/>
      <c r="DQ91" s="926"/>
      <c r="DR91" s="927"/>
      <c r="DS91" s="927"/>
      <c r="DT91" s="927"/>
      <c r="DU91" s="928"/>
      <c r="DV91" s="923"/>
      <c r="DW91" s="924"/>
      <c r="DX91" s="924"/>
      <c r="DY91" s="924"/>
      <c r="DZ91" s="925"/>
      <c r="EA91" s="225"/>
    </row>
    <row r="92" spans="1:131" ht="26.25" hidden="1" customHeight="1" x14ac:dyDescent="0.2">
      <c r="A92" s="240"/>
      <c r="B92" s="241"/>
      <c r="C92" s="241"/>
      <c r="D92" s="241"/>
      <c r="E92" s="241"/>
      <c r="F92" s="241"/>
      <c r="G92" s="241"/>
      <c r="H92" s="241"/>
      <c r="I92" s="241"/>
      <c r="J92" s="241"/>
      <c r="K92" s="241"/>
      <c r="L92" s="241"/>
      <c r="M92" s="241"/>
      <c r="N92" s="241"/>
      <c r="O92" s="241"/>
      <c r="P92" s="241"/>
      <c r="Q92" s="242"/>
      <c r="R92" s="242"/>
      <c r="S92" s="242"/>
      <c r="T92" s="242"/>
      <c r="U92" s="242"/>
      <c r="V92" s="242"/>
      <c r="W92" s="242"/>
      <c r="X92" s="242"/>
      <c r="Y92" s="242"/>
      <c r="Z92" s="242"/>
      <c r="AA92" s="242"/>
      <c r="AB92" s="242"/>
      <c r="AC92" s="242"/>
      <c r="AD92" s="242"/>
      <c r="AE92" s="242"/>
      <c r="AF92" s="242"/>
      <c r="AG92" s="242"/>
      <c r="AH92" s="242"/>
      <c r="AI92" s="242"/>
      <c r="AJ92" s="242"/>
      <c r="AK92" s="242"/>
      <c r="AL92" s="242"/>
      <c r="AM92" s="242"/>
      <c r="AN92" s="242"/>
      <c r="AO92" s="242"/>
      <c r="AP92" s="242"/>
      <c r="AQ92" s="242"/>
      <c r="AR92" s="242"/>
      <c r="AS92" s="242"/>
      <c r="AT92" s="242"/>
      <c r="AU92" s="242"/>
      <c r="AV92" s="242"/>
      <c r="AW92" s="242"/>
      <c r="AX92" s="242"/>
      <c r="AY92" s="242"/>
      <c r="AZ92" s="243"/>
      <c r="BA92" s="243"/>
      <c r="BB92" s="243"/>
      <c r="BC92" s="243"/>
      <c r="BD92" s="243"/>
      <c r="BE92" s="236"/>
      <c r="BF92" s="236"/>
      <c r="BG92" s="236"/>
      <c r="BH92" s="236"/>
      <c r="BI92" s="236"/>
      <c r="BJ92" s="236"/>
      <c r="BK92" s="236"/>
      <c r="BL92" s="236"/>
      <c r="BM92" s="236"/>
      <c r="BN92" s="236"/>
      <c r="BO92" s="236"/>
      <c r="BP92" s="236"/>
      <c r="BQ92" s="233">
        <v>86</v>
      </c>
      <c r="BR92" s="238"/>
      <c r="BS92" s="923"/>
      <c r="BT92" s="924"/>
      <c r="BU92" s="924"/>
      <c r="BV92" s="924"/>
      <c r="BW92" s="924"/>
      <c r="BX92" s="924"/>
      <c r="BY92" s="924"/>
      <c r="BZ92" s="924"/>
      <c r="CA92" s="924"/>
      <c r="CB92" s="924"/>
      <c r="CC92" s="924"/>
      <c r="CD92" s="924"/>
      <c r="CE92" s="924"/>
      <c r="CF92" s="924"/>
      <c r="CG92" s="929"/>
      <c r="CH92" s="926"/>
      <c r="CI92" s="927"/>
      <c r="CJ92" s="927"/>
      <c r="CK92" s="927"/>
      <c r="CL92" s="928"/>
      <c r="CM92" s="926"/>
      <c r="CN92" s="927"/>
      <c r="CO92" s="927"/>
      <c r="CP92" s="927"/>
      <c r="CQ92" s="928"/>
      <c r="CR92" s="926"/>
      <c r="CS92" s="927"/>
      <c r="CT92" s="927"/>
      <c r="CU92" s="927"/>
      <c r="CV92" s="928"/>
      <c r="CW92" s="926"/>
      <c r="CX92" s="927"/>
      <c r="CY92" s="927"/>
      <c r="CZ92" s="927"/>
      <c r="DA92" s="928"/>
      <c r="DB92" s="926"/>
      <c r="DC92" s="927"/>
      <c r="DD92" s="927"/>
      <c r="DE92" s="927"/>
      <c r="DF92" s="928"/>
      <c r="DG92" s="926"/>
      <c r="DH92" s="927"/>
      <c r="DI92" s="927"/>
      <c r="DJ92" s="927"/>
      <c r="DK92" s="928"/>
      <c r="DL92" s="926"/>
      <c r="DM92" s="927"/>
      <c r="DN92" s="927"/>
      <c r="DO92" s="927"/>
      <c r="DP92" s="928"/>
      <c r="DQ92" s="926"/>
      <c r="DR92" s="927"/>
      <c r="DS92" s="927"/>
      <c r="DT92" s="927"/>
      <c r="DU92" s="928"/>
      <c r="DV92" s="923"/>
      <c r="DW92" s="924"/>
      <c r="DX92" s="924"/>
      <c r="DY92" s="924"/>
      <c r="DZ92" s="925"/>
      <c r="EA92" s="225"/>
    </row>
    <row r="93" spans="1:131" ht="26.25" hidden="1" customHeight="1" x14ac:dyDescent="0.2">
      <c r="A93" s="240"/>
      <c r="B93" s="241"/>
      <c r="C93" s="241"/>
      <c r="D93" s="241"/>
      <c r="E93" s="241"/>
      <c r="F93" s="241"/>
      <c r="G93" s="241"/>
      <c r="H93" s="241"/>
      <c r="I93" s="241"/>
      <c r="J93" s="241"/>
      <c r="K93" s="241"/>
      <c r="L93" s="241"/>
      <c r="M93" s="241"/>
      <c r="N93" s="241"/>
      <c r="O93" s="241"/>
      <c r="P93" s="241"/>
      <c r="Q93" s="242"/>
      <c r="R93" s="242"/>
      <c r="S93" s="242"/>
      <c r="T93" s="242"/>
      <c r="U93" s="242"/>
      <c r="V93" s="242"/>
      <c r="W93" s="242"/>
      <c r="X93" s="242"/>
      <c r="Y93" s="242"/>
      <c r="Z93" s="242"/>
      <c r="AA93" s="242"/>
      <c r="AB93" s="242"/>
      <c r="AC93" s="242"/>
      <c r="AD93" s="242"/>
      <c r="AE93" s="242"/>
      <c r="AF93" s="242"/>
      <c r="AG93" s="242"/>
      <c r="AH93" s="242"/>
      <c r="AI93" s="242"/>
      <c r="AJ93" s="242"/>
      <c r="AK93" s="242"/>
      <c r="AL93" s="242"/>
      <c r="AM93" s="242"/>
      <c r="AN93" s="242"/>
      <c r="AO93" s="242"/>
      <c r="AP93" s="242"/>
      <c r="AQ93" s="242"/>
      <c r="AR93" s="242"/>
      <c r="AS93" s="242"/>
      <c r="AT93" s="242"/>
      <c r="AU93" s="242"/>
      <c r="AV93" s="242"/>
      <c r="AW93" s="242"/>
      <c r="AX93" s="242"/>
      <c r="AY93" s="242"/>
      <c r="AZ93" s="243"/>
      <c r="BA93" s="243"/>
      <c r="BB93" s="243"/>
      <c r="BC93" s="243"/>
      <c r="BD93" s="243"/>
      <c r="BE93" s="236"/>
      <c r="BF93" s="236"/>
      <c r="BG93" s="236"/>
      <c r="BH93" s="236"/>
      <c r="BI93" s="236"/>
      <c r="BJ93" s="236"/>
      <c r="BK93" s="236"/>
      <c r="BL93" s="236"/>
      <c r="BM93" s="236"/>
      <c r="BN93" s="236"/>
      <c r="BO93" s="236"/>
      <c r="BP93" s="236"/>
      <c r="BQ93" s="233">
        <v>87</v>
      </c>
      <c r="BR93" s="238"/>
      <c r="BS93" s="923"/>
      <c r="BT93" s="924"/>
      <c r="BU93" s="924"/>
      <c r="BV93" s="924"/>
      <c r="BW93" s="924"/>
      <c r="BX93" s="924"/>
      <c r="BY93" s="924"/>
      <c r="BZ93" s="924"/>
      <c r="CA93" s="924"/>
      <c r="CB93" s="924"/>
      <c r="CC93" s="924"/>
      <c r="CD93" s="924"/>
      <c r="CE93" s="924"/>
      <c r="CF93" s="924"/>
      <c r="CG93" s="929"/>
      <c r="CH93" s="926"/>
      <c r="CI93" s="927"/>
      <c r="CJ93" s="927"/>
      <c r="CK93" s="927"/>
      <c r="CL93" s="928"/>
      <c r="CM93" s="926"/>
      <c r="CN93" s="927"/>
      <c r="CO93" s="927"/>
      <c r="CP93" s="927"/>
      <c r="CQ93" s="928"/>
      <c r="CR93" s="926"/>
      <c r="CS93" s="927"/>
      <c r="CT93" s="927"/>
      <c r="CU93" s="927"/>
      <c r="CV93" s="928"/>
      <c r="CW93" s="926"/>
      <c r="CX93" s="927"/>
      <c r="CY93" s="927"/>
      <c r="CZ93" s="927"/>
      <c r="DA93" s="928"/>
      <c r="DB93" s="926"/>
      <c r="DC93" s="927"/>
      <c r="DD93" s="927"/>
      <c r="DE93" s="927"/>
      <c r="DF93" s="928"/>
      <c r="DG93" s="926"/>
      <c r="DH93" s="927"/>
      <c r="DI93" s="927"/>
      <c r="DJ93" s="927"/>
      <c r="DK93" s="928"/>
      <c r="DL93" s="926"/>
      <c r="DM93" s="927"/>
      <c r="DN93" s="927"/>
      <c r="DO93" s="927"/>
      <c r="DP93" s="928"/>
      <c r="DQ93" s="926"/>
      <c r="DR93" s="927"/>
      <c r="DS93" s="927"/>
      <c r="DT93" s="927"/>
      <c r="DU93" s="928"/>
      <c r="DV93" s="923"/>
      <c r="DW93" s="924"/>
      <c r="DX93" s="924"/>
      <c r="DY93" s="924"/>
      <c r="DZ93" s="925"/>
      <c r="EA93" s="225"/>
    </row>
    <row r="94" spans="1:131" ht="26.25" hidden="1" customHeight="1" x14ac:dyDescent="0.2">
      <c r="A94" s="240"/>
      <c r="B94" s="241"/>
      <c r="C94" s="241"/>
      <c r="D94" s="241"/>
      <c r="E94" s="241"/>
      <c r="F94" s="241"/>
      <c r="G94" s="241"/>
      <c r="H94" s="241"/>
      <c r="I94" s="241"/>
      <c r="J94" s="241"/>
      <c r="K94" s="241"/>
      <c r="L94" s="241"/>
      <c r="M94" s="241"/>
      <c r="N94" s="241"/>
      <c r="O94" s="241"/>
      <c r="P94" s="241"/>
      <c r="Q94" s="242"/>
      <c r="R94" s="242"/>
      <c r="S94" s="242"/>
      <c r="T94" s="242"/>
      <c r="U94" s="242"/>
      <c r="V94" s="242"/>
      <c r="W94" s="242"/>
      <c r="X94" s="242"/>
      <c r="Y94" s="242"/>
      <c r="Z94" s="242"/>
      <c r="AA94" s="242"/>
      <c r="AB94" s="242"/>
      <c r="AC94" s="242"/>
      <c r="AD94" s="242"/>
      <c r="AE94" s="242"/>
      <c r="AF94" s="242"/>
      <c r="AG94" s="242"/>
      <c r="AH94" s="242"/>
      <c r="AI94" s="242"/>
      <c r="AJ94" s="242"/>
      <c r="AK94" s="242"/>
      <c r="AL94" s="242"/>
      <c r="AM94" s="242"/>
      <c r="AN94" s="242"/>
      <c r="AO94" s="242"/>
      <c r="AP94" s="242"/>
      <c r="AQ94" s="242"/>
      <c r="AR94" s="242"/>
      <c r="AS94" s="242"/>
      <c r="AT94" s="242"/>
      <c r="AU94" s="242"/>
      <c r="AV94" s="242"/>
      <c r="AW94" s="242"/>
      <c r="AX94" s="242"/>
      <c r="AY94" s="242"/>
      <c r="AZ94" s="243"/>
      <c r="BA94" s="243"/>
      <c r="BB94" s="243"/>
      <c r="BC94" s="243"/>
      <c r="BD94" s="243"/>
      <c r="BE94" s="236"/>
      <c r="BF94" s="236"/>
      <c r="BG94" s="236"/>
      <c r="BH94" s="236"/>
      <c r="BI94" s="236"/>
      <c r="BJ94" s="236"/>
      <c r="BK94" s="236"/>
      <c r="BL94" s="236"/>
      <c r="BM94" s="236"/>
      <c r="BN94" s="236"/>
      <c r="BO94" s="236"/>
      <c r="BP94" s="236"/>
      <c r="BQ94" s="233">
        <v>88</v>
      </c>
      <c r="BR94" s="238"/>
      <c r="BS94" s="923"/>
      <c r="BT94" s="924"/>
      <c r="BU94" s="924"/>
      <c r="BV94" s="924"/>
      <c r="BW94" s="924"/>
      <c r="BX94" s="924"/>
      <c r="BY94" s="924"/>
      <c r="BZ94" s="924"/>
      <c r="CA94" s="924"/>
      <c r="CB94" s="924"/>
      <c r="CC94" s="924"/>
      <c r="CD94" s="924"/>
      <c r="CE94" s="924"/>
      <c r="CF94" s="924"/>
      <c r="CG94" s="929"/>
      <c r="CH94" s="926"/>
      <c r="CI94" s="927"/>
      <c r="CJ94" s="927"/>
      <c r="CK94" s="927"/>
      <c r="CL94" s="928"/>
      <c r="CM94" s="926"/>
      <c r="CN94" s="927"/>
      <c r="CO94" s="927"/>
      <c r="CP94" s="927"/>
      <c r="CQ94" s="928"/>
      <c r="CR94" s="926"/>
      <c r="CS94" s="927"/>
      <c r="CT94" s="927"/>
      <c r="CU94" s="927"/>
      <c r="CV94" s="928"/>
      <c r="CW94" s="926"/>
      <c r="CX94" s="927"/>
      <c r="CY94" s="927"/>
      <c r="CZ94" s="927"/>
      <c r="DA94" s="928"/>
      <c r="DB94" s="926"/>
      <c r="DC94" s="927"/>
      <c r="DD94" s="927"/>
      <c r="DE94" s="927"/>
      <c r="DF94" s="928"/>
      <c r="DG94" s="926"/>
      <c r="DH94" s="927"/>
      <c r="DI94" s="927"/>
      <c r="DJ94" s="927"/>
      <c r="DK94" s="928"/>
      <c r="DL94" s="926"/>
      <c r="DM94" s="927"/>
      <c r="DN94" s="927"/>
      <c r="DO94" s="927"/>
      <c r="DP94" s="928"/>
      <c r="DQ94" s="926"/>
      <c r="DR94" s="927"/>
      <c r="DS94" s="927"/>
      <c r="DT94" s="927"/>
      <c r="DU94" s="928"/>
      <c r="DV94" s="923"/>
      <c r="DW94" s="924"/>
      <c r="DX94" s="924"/>
      <c r="DY94" s="924"/>
      <c r="DZ94" s="925"/>
      <c r="EA94" s="225"/>
    </row>
    <row r="95" spans="1:131" ht="26.25" hidden="1" customHeight="1" x14ac:dyDescent="0.2">
      <c r="A95" s="240"/>
      <c r="B95" s="241"/>
      <c r="C95" s="241"/>
      <c r="D95" s="241"/>
      <c r="E95" s="241"/>
      <c r="F95" s="241"/>
      <c r="G95" s="241"/>
      <c r="H95" s="241"/>
      <c r="I95" s="241"/>
      <c r="J95" s="241"/>
      <c r="K95" s="241"/>
      <c r="L95" s="241"/>
      <c r="M95" s="241"/>
      <c r="N95" s="241"/>
      <c r="O95" s="241"/>
      <c r="P95" s="241"/>
      <c r="Q95" s="242"/>
      <c r="R95" s="242"/>
      <c r="S95" s="242"/>
      <c r="T95" s="242"/>
      <c r="U95" s="242"/>
      <c r="V95" s="242"/>
      <c r="W95" s="242"/>
      <c r="X95" s="242"/>
      <c r="Y95" s="242"/>
      <c r="Z95" s="242"/>
      <c r="AA95" s="242"/>
      <c r="AB95" s="242"/>
      <c r="AC95" s="242"/>
      <c r="AD95" s="242"/>
      <c r="AE95" s="242"/>
      <c r="AF95" s="242"/>
      <c r="AG95" s="242"/>
      <c r="AH95" s="242"/>
      <c r="AI95" s="242"/>
      <c r="AJ95" s="242"/>
      <c r="AK95" s="242"/>
      <c r="AL95" s="242"/>
      <c r="AM95" s="242"/>
      <c r="AN95" s="242"/>
      <c r="AO95" s="242"/>
      <c r="AP95" s="242"/>
      <c r="AQ95" s="242"/>
      <c r="AR95" s="242"/>
      <c r="AS95" s="242"/>
      <c r="AT95" s="242"/>
      <c r="AU95" s="242"/>
      <c r="AV95" s="242"/>
      <c r="AW95" s="242"/>
      <c r="AX95" s="242"/>
      <c r="AY95" s="242"/>
      <c r="AZ95" s="243"/>
      <c r="BA95" s="243"/>
      <c r="BB95" s="243"/>
      <c r="BC95" s="243"/>
      <c r="BD95" s="243"/>
      <c r="BE95" s="236"/>
      <c r="BF95" s="236"/>
      <c r="BG95" s="236"/>
      <c r="BH95" s="236"/>
      <c r="BI95" s="236"/>
      <c r="BJ95" s="236"/>
      <c r="BK95" s="236"/>
      <c r="BL95" s="236"/>
      <c r="BM95" s="236"/>
      <c r="BN95" s="236"/>
      <c r="BO95" s="236"/>
      <c r="BP95" s="236"/>
      <c r="BQ95" s="233">
        <v>89</v>
      </c>
      <c r="BR95" s="238"/>
      <c r="BS95" s="923"/>
      <c r="BT95" s="924"/>
      <c r="BU95" s="924"/>
      <c r="BV95" s="924"/>
      <c r="BW95" s="924"/>
      <c r="BX95" s="924"/>
      <c r="BY95" s="924"/>
      <c r="BZ95" s="924"/>
      <c r="CA95" s="924"/>
      <c r="CB95" s="924"/>
      <c r="CC95" s="924"/>
      <c r="CD95" s="924"/>
      <c r="CE95" s="924"/>
      <c r="CF95" s="924"/>
      <c r="CG95" s="929"/>
      <c r="CH95" s="926"/>
      <c r="CI95" s="927"/>
      <c r="CJ95" s="927"/>
      <c r="CK95" s="927"/>
      <c r="CL95" s="928"/>
      <c r="CM95" s="926"/>
      <c r="CN95" s="927"/>
      <c r="CO95" s="927"/>
      <c r="CP95" s="927"/>
      <c r="CQ95" s="928"/>
      <c r="CR95" s="926"/>
      <c r="CS95" s="927"/>
      <c r="CT95" s="927"/>
      <c r="CU95" s="927"/>
      <c r="CV95" s="928"/>
      <c r="CW95" s="926"/>
      <c r="CX95" s="927"/>
      <c r="CY95" s="927"/>
      <c r="CZ95" s="927"/>
      <c r="DA95" s="928"/>
      <c r="DB95" s="926"/>
      <c r="DC95" s="927"/>
      <c r="DD95" s="927"/>
      <c r="DE95" s="927"/>
      <c r="DF95" s="928"/>
      <c r="DG95" s="926"/>
      <c r="DH95" s="927"/>
      <c r="DI95" s="927"/>
      <c r="DJ95" s="927"/>
      <c r="DK95" s="928"/>
      <c r="DL95" s="926"/>
      <c r="DM95" s="927"/>
      <c r="DN95" s="927"/>
      <c r="DO95" s="927"/>
      <c r="DP95" s="928"/>
      <c r="DQ95" s="926"/>
      <c r="DR95" s="927"/>
      <c r="DS95" s="927"/>
      <c r="DT95" s="927"/>
      <c r="DU95" s="928"/>
      <c r="DV95" s="923"/>
      <c r="DW95" s="924"/>
      <c r="DX95" s="924"/>
      <c r="DY95" s="924"/>
      <c r="DZ95" s="925"/>
      <c r="EA95" s="225"/>
    </row>
    <row r="96" spans="1:131" ht="26.25" hidden="1" customHeight="1" x14ac:dyDescent="0.2">
      <c r="A96" s="240"/>
      <c r="B96" s="241"/>
      <c r="C96" s="241"/>
      <c r="D96" s="241"/>
      <c r="E96" s="241"/>
      <c r="F96" s="241"/>
      <c r="G96" s="241"/>
      <c r="H96" s="241"/>
      <c r="I96" s="241"/>
      <c r="J96" s="241"/>
      <c r="K96" s="241"/>
      <c r="L96" s="241"/>
      <c r="M96" s="241"/>
      <c r="N96" s="241"/>
      <c r="O96" s="241"/>
      <c r="P96" s="241"/>
      <c r="Q96" s="242"/>
      <c r="R96" s="242"/>
      <c r="S96" s="242"/>
      <c r="T96" s="242"/>
      <c r="U96" s="242"/>
      <c r="V96" s="242"/>
      <c r="W96" s="242"/>
      <c r="X96" s="242"/>
      <c r="Y96" s="242"/>
      <c r="Z96" s="242"/>
      <c r="AA96" s="242"/>
      <c r="AB96" s="242"/>
      <c r="AC96" s="242"/>
      <c r="AD96" s="242"/>
      <c r="AE96" s="242"/>
      <c r="AF96" s="242"/>
      <c r="AG96" s="242"/>
      <c r="AH96" s="242"/>
      <c r="AI96" s="242"/>
      <c r="AJ96" s="242"/>
      <c r="AK96" s="242"/>
      <c r="AL96" s="242"/>
      <c r="AM96" s="242"/>
      <c r="AN96" s="242"/>
      <c r="AO96" s="242"/>
      <c r="AP96" s="242"/>
      <c r="AQ96" s="242"/>
      <c r="AR96" s="242"/>
      <c r="AS96" s="242"/>
      <c r="AT96" s="242"/>
      <c r="AU96" s="242"/>
      <c r="AV96" s="242"/>
      <c r="AW96" s="242"/>
      <c r="AX96" s="242"/>
      <c r="AY96" s="242"/>
      <c r="AZ96" s="243"/>
      <c r="BA96" s="243"/>
      <c r="BB96" s="243"/>
      <c r="BC96" s="243"/>
      <c r="BD96" s="243"/>
      <c r="BE96" s="236"/>
      <c r="BF96" s="236"/>
      <c r="BG96" s="236"/>
      <c r="BH96" s="236"/>
      <c r="BI96" s="236"/>
      <c r="BJ96" s="236"/>
      <c r="BK96" s="236"/>
      <c r="BL96" s="236"/>
      <c r="BM96" s="236"/>
      <c r="BN96" s="236"/>
      <c r="BO96" s="236"/>
      <c r="BP96" s="236"/>
      <c r="BQ96" s="233">
        <v>90</v>
      </c>
      <c r="BR96" s="238"/>
      <c r="BS96" s="923"/>
      <c r="BT96" s="924"/>
      <c r="BU96" s="924"/>
      <c r="BV96" s="924"/>
      <c r="BW96" s="924"/>
      <c r="BX96" s="924"/>
      <c r="BY96" s="924"/>
      <c r="BZ96" s="924"/>
      <c r="CA96" s="924"/>
      <c r="CB96" s="924"/>
      <c r="CC96" s="924"/>
      <c r="CD96" s="924"/>
      <c r="CE96" s="924"/>
      <c r="CF96" s="924"/>
      <c r="CG96" s="929"/>
      <c r="CH96" s="926"/>
      <c r="CI96" s="927"/>
      <c r="CJ96" s="927"/>
      <c r="CK96" s="927"/>
      <c r="CL96" s="928"/>
      <c r="CM96" s="926"/>
      <c r="CN96" s="927"/>
      <c r="CO96" s="927"/>
      <c r="CP96" s="927"/>
      <c r="CQ96" s="928"/>
      <c r="CR96" s="926"/>
      <c r="CS96" s="927"/>
      <c r="CT96" s="927"/>
      <c r="CU96" s="927"/>
      <c r="CV96" s="928"/>
      <c r="CW96" s="926"/>
      <c r="CX96" s="927"/>
      <c r="CY96" s="927"/>
      <c r="CZ96" s="927"/>
      <c r="DA96" s="928"/>
      <c r="DB96" s="926"/>
      <c r="DC96" s="927"/>
      <c r="DD96" s="927"/>
      <c r="DE96" s="927"/>
      <c r="DF96" s="928"/>
      <c r="DG96" s="926"/>
      <c r="DH96" s="927"/>
      <c r="DI96" s="927"/>
      <c r="DJ96" s="927"/>
      <c r="DK96" s="928"/>
      <c r="DL96" s="926"/>
      <c r="DM96" s="927"/>
      <c r="DN96" s="927"/>
      <c r="DO96" s="927"/>
      <c r="DP96" s="928"/>
      <c r="DQ96" s="926"/>
      <c r="DR96" s="927"/>
      <c r="DS96" s="927"/>
      <c r="DT96" s="927"/>
      <c r="DU96" s="928"/>
      <c r="DV96" s="923"/>
      <c r="DW96" s="924"/>
      <c r="DX96" s="924"/>
      <c r="DY96" s="924"/>
      <c r="DZ96" s="925"/>
      <c r="EA96" s="225"/>
    </row>
    <row r="97" spans="1:131" ht="26.25" hidden="1" customHeight="1" x14ac:dyDescent="0.2">
      <c r="A97" s="240"/>
      <c r="B97" s="241"/>
      <c r="C97" s="241"/>
      <c r="D97" s="241"/>
      <c r="E97" s="241"/>
      <c r="F97" s="241"/>
      <c r="G97" s="241"/>
      <c r="H97" s="241"/>
      <c r="I97" s="241"/>
      <c r="J97" s="241"/>
      <c r="K97" s="241"/>
      <c r="L97" s="241"/>
      <c r="M97" s="241"/>
      <c r="N97" s="241"/>
      <c r="O97" s="241"/>
      <c r="P97" s="241"/>
      <c r="Q97" s="242"/>
      <c r="R97" s="242"/>
      <c r="S97" s="242"/>
      <c r="T97" s="242"/>
      <c r="U97" s="242"/>
      <c r="V97" s="242"/>
      <c r="W97" s="242"/>
      <c r="X97" s="242"/>
      <c r="Y97" s="242"/>
      <c r="Z97" s="242"/>
      <c r="AA97" s="242"/>
      <c r="AB97" s="242"/>
      <c r="AC97" s="242"/>
      <c r="AD97" s="242"/>
      <c r="AE97" s="242"/>
      <c r="AF97" s="242"/>
      <c r="AG97" s="242"/>
      <c r="AH97" s="242"/>
      <c r="AI97" s="242"/>
      <c r="AJ97" s="242"/>
      <c r="AK97" s="242"/>
      <c r="AL97" s="242"/>
      <c r="AM97" s="242"/>
      <c r="AN97" s="242"/>
      <c r="AO97" s="242"/>
      <c r="AP97" s="242"/>
      <c r="AQ97" s="242"/>
      <c r="AR97" s="242"/>
      <c r="AS97" s="242"/>
      <c r="AT97" s="242"/>
      <c r="AU97" s="242"/>
      <c r="AV97" s="242"/>
      <c r="AW97" s="242"/>
      <c r="AX97" s="242"/>
      <c r="AY97" s="242"/>
      <c r="AZ97" s="243"/>
      <c r="BA97" s="243"/>
      <c r="BB97" s="243"/>
      <c r="BC97" s="243"/>
      <c r="BD97" s="243"/>
      <c r="BE97" s="236"/>
      <c r="BF97" s="236"/>
      <c r="BG97" s="236"/>
      <c r="BH97" s="236"/>
      <c r="BI97" s="236"/>
      <c r="BJ97" s="236"/>
      <c r="BK97" s="236"/>
      <c r="BL97" s="236"/>
      <c r="BM97" s="236"/>
      <c r="BN97" s="236"/>
      <c r="BO97" s="236"/>
      <c r="BP97" s="236"/>
      <c r="BQ97" s="233">
        <v>91</v>
      </c>
      <c r="BR97" s="238"/>
      <c r="BS97" s="923"/>
      <c r="BT97" s="924"/>
      <c r="BU97" s="924"/>
      <c r="BV97" s="924"/>
      <c r="BW97" s="924"/>
      <c r="BX97" s="924"/>
      <c r="BY97" s="924"/>
      <c r="BZ97" s="924"/>
      <c r="CA97" s="924"/>
      <c r="CB97" s="924"/>
      <c r="CC97" s="924"/>
      <c r="CD97" s="924"/>
      <c r="CE97" s="924"/>
      <c r="CF97" s="924"/>
      <c r="CG97" s="929"/>
      <c r="CH97" s="926"/>
      <c r="CI97" s="927"/>
      <c r="CJ97" s="927"/>
      <c r="CK97" s="927"/>
      <c r="CL97" s="928"/>
      <c r="CM97" s="926"/>
      <c r="CN97" s="927"/>
      <c r="CO97" s="927"/>
      <c r="CP97" s="927"/>
      <c r="CQ97" s="928"/>
      <c r="CR97" s="926"/>
      <c r="CS97" s="927"/>
      <c r="CT97" s="927"/>
      <c r="CU97" s="927"/>
      <c r="CV97" s="928"/>
      <c r="CW97" s="926"/>
      <c r="CX97" s="927"/>
      <c r="CY97" s="927"/>
      <c r="CZ97" s="927"/>
      <c r="DA97" s="928"/>
      <c r="DB97" s="926"/>
      <c r="DC97" s="927"/>
      <c r="DD97" s="927"/>
      <c r="DE97" s="927"/>
      <c r="DF97" s="928"/>
      <c r="DG97" s="926"/>
      <c r="DH97" s="927"/>
      <c r="DI97" s="927"/>
      <c r="DJ97" s="927"/>
      <c r="DK97" s="928"/>
      <c r="DL97" s="926"/>
      <c r="DM97" s="927"/>
      <c r="DN97" s="927"/>
      <c r="DO97" s="927"/>
      <c r="DP97" s="928"/>
      <c r="DQ97" s="926"/>
      <c r="DR97" s="927"/>
      <c r="DS97" s="927"/>
      <c r="DT97" s="927"/>
      <c r="DU97" s="928"/>
      <c r="DV97" s="923"/>
      <c r="DW97" s="924"/>
      <c r="DX97" s="924"/>
      <c r="DY97" s="924"/>
      <c r="DZ97" s="925"/>
      <c r="EA97" s="225"/>
    </row>
    <row r="98" spans="1:131" ht="26.25" hidden="1" customHeight="1" x14ac:dyDescent="0.2">
      <c r="A98" s="240"/>
      <c r="B98" s="241"/>
      <c r="C98" s="241"/>
      <c r="D98" s="241"/>
      <c r="E98" s="241"/>
      <c r="F98" s="241"/>
      <c r="G98" s="241"/>
      <c r="H98" s="241"/>
      <c r="I98" s="241"/>
      <c r="J98" s="241"/>
      <c r="K98" s="241"/>
      <c r="L98" s="241"/>
      <c r="M98" s="241"/>
      <c r="N98" s="241"/>
      <c r="O98" s="241"/>
      <c r="P98" s="241"/>
      <c r="Q98" s="242"/>
      <c r="R98" s="242"/>
      <c r="S98" s="242"/>
      <c r="T98" s="242"/>
      <c r="U98" s="242"/>
      <c r="V98" s="242"/>
      <c r="W98" s="242"/>
      <c r="X98" s="242"/>
      <c r="Y98" s="242"/>
      <c r="Z98" s="242"/>
      <c r="AA98" s="242"/>
      <c r="AB98" s="242"/>
      <c r="AC98" s="242"/>
      <c r="AD98" s="242"/>
      <c r="AE98" s="242"/>
      <c r="AF98" s="242"/>
      <c r="AG98" s="242"/>
      <c r="AH98" s="242"/>
      <c r="AI98" s="242"/>
      <c r="AJ98" s="242"/>
      <c r="AK98" s="242"/>
      <c r="AL98" s="242"/>
      <c r="AM98" s="242"/>
      <c r="AN98" s="242"/>
      <c r="AO98" s="242"/>
      <c r="AP98" s="242"/>
      <c r="AQ98" s="242"/>
      <c r="AR98" s="242"/>
      <c r="AS98" s="242"/>
      <c r="AT98" s="242"/>
      <c r="AU98" s="242"/>
      <c r="AV98" s="242"/>
      <c r="AW98" s="242"/>
      <c r="AX98" s="242"/>
      <c r="AY98" s="242"/>
      <c r="AZ98" s="243"/>
      <c r="BA98" s="243"/>
      <c r="BB98" s="243"/>
      <c r="BC98" s="243"/>
      <c r="BD98" s="243"/>
      <c r="BE98" s="236"/>
      <c r="BF98" s="236"/>
      <c r="BG98" s="236"/>
      <c r="BH98" s="236"/>
      <c r="BI98" s="236"/>
      <c r="BJ98" s="236"/>
      <c r="BK98" s="236"/>
      <c r="BL98" s="236"/>
      <c r="BM98" s="236"/>
      <c r="BN98" s="236"/>
      <c r="BO98" s="236"/>
      <c r="BP98" s="236"/>
      <c r="BQ98" s="233">
        <v>92</v>
      </c>
      <c r="BR98" s="238"/>
      <c r="BS98" s="923"/>
      <c r="BT98" s="924"/>
      <c r="BU98" s="924"/>
      <c r="BV98" s="924"/>
      <c r="BW98" s="924"/>
      <c r="BX98" s="924"/>
      <c r="BY98" s="924"/>
      <c r="BZ98" s="924"/>
      <c r="CA98" s="924"/>
      <c r="CB98" s="924"/>
      <c r="CC98" s="924"/>
      <c r="CD98" s="924"/>
      <c r="CE98" s="924"/>
      <c r="CF98" s="924"/>
      <c r="CG98" s="929"/>
      <c r="CH98" s="926"/>
      <c r="CI98" s="927"/>
      <c r="CJ98" s="927"/>
      <c r="CK98" s="927"/>
      <c r="CL98" s="928"/>
      <c r="CM98" s="926"/>
      <c r="CN98" s="927"/>
      <c r="CO98" s="927"/>
      <c r="CP98" s="927"/>
      <c r="CQ98" s="928"/>
      <c r="CR98" s="926"/>
      <c r="CS98" s="927"/>
      <c r="CT98" s="927"/>
      <c r="CU98" s="927"/>
      <c r="CV98" s="928"/>
      <c r="CW98" s="926"/>
      <c r="CX98" s="927"/>
      <c r="CY98" s="927"/>
      <c r="CZ98" s="927"/>
      <c r="DA98" s="928"/>
      <c r="DB98" s="926"/>
      <c r="DC98" s="927"/>
      <c r="DD98" s="927"/>
      <c r="DE98" s="927"/>
      <c r="DF98" s="928"/>
      <c r="DG98" s="926"/>
      <c r="DH98" s="927"/>
      <c r="DI98" s="927"/>
      <c r="DJ98" s="927"/>
      <c r="DK98" s="928"/>
      <c r="DL98" s="926"/>
      <c r="DM98" s="927"/>
      <c r="DN98" s="927"/>
      <c r="DO98" s="927"/>
      <c r="DP98" s="928"/>
      <c r="DQ98" s="926"/>
      <c r="DR98" s="927"/>
      <c r="DS98" s="927"/>
      <c r="DT98" s="927"/>
      <c r="DU98" s="928"/>
      <c r="DV98" s="923"/>
      <c r="DW98" s="924"/>
      <c r="DX98" s="924"/>
      <c r="DY98" s="924"/>
      <c r="DZ98" s="925"/>
      <c r="EA98" s="225"/>
    </row>
    <row r="99" spans="1:131" ht="26.25" hidden="1" customHeight="1" x14ac:dyDescent="0.2">
      <c r="A99" s="240"/>
      <c r="B99" s="241"/>
      <c r="C99" s="241"/>
      <c r="D99" s="241"/>
      <c r="E99" s="241"/>
      <c r="F99" s="241"/>
      <c r="G99" s="241"/>
      <c r="H99" s="241"/>
      <c r="I99" s="241"/>
      <c r="J99" s="241"/>
      <c r="K99" s="241"/>
      <c r="L99" s="241"/>
      <c r="M99" s="241"/>
      <c r="N99" s="241"/>
      <c r="O99" s="241"/>
      <c r="P99" s="241"/>
      <c r="Q99" s="242"/>
      <c r="R99" s="242"/>
      <c r="S99" s="242"/>
      <c r="T99" s="242"/>
      <c r="U99" s="242"/>
      <c r="V99" s="242"/>
      <c r="W99" s="242"/>
      <c r="X99" s="242"/>
      <c r="Y99" s="242"/>
      <c r="Z99" s="242"/>
      <c r="AA99" s="242"/>
      <c r="AB99" s="242"/>
      <c r="AC99" s="242"/>
      <c r="AD99" s="242"/>
      <c r="AE99" s="242"/>
      <c r="AF99" s="242"/>
      <c r="AG99" s="242"/>
      <c r="AH99" s="242"/>
      <c r="AI99" s="242"/>
      <c r="AJ99" s="242"/>
      <c r="AK99" s="242"/>
      <c r="AL99" s="242"/>
      <c r="AM99" s="242"/>
      <c r="AN99" s="242"/>
      <c r="AO99" s="242"/>
      <c r="AP99" s="242"/>
      <c r="AQ99" s="242"/>
      <c r="AR99" s="242"/>
      <c r="AS99" s="242"/>
      <c r="AT99" s="242"/>
      <c r="AU99" s="242"/>
      <c r="AV99" s="242"/>
      <c r="AW99" s="242"/>
      <c r="AX99" s="242"/>
      <c r="AY99" s="242"/>
      <c r="AZ99" s="243"/>
      <c r="BA99" s="243"/>
      <c r="BB99" s="243"/>
      <c r="BC99" s="243"/>
      <c r="BD99" s="243"/>
      <c r="BE99" s="236"/>
      <c r="BF99" s="236"/>
      <c r="BG99" s="236"/>
      <c r="BH99" s="236"/>
      <c r="BI99" s="236"/>
      <c r="BJ99" s="236"/>
      <c r="BK99" s="236"/>
      <c r="BL99" s="236"/>
      <c r="BM99" s="236"/>
      <c r="BN99" s="236"/>
      <c r="BO99" s="236"/>
      <c r="BP99" s="236"/>
      <c r="BQ99" s="233">
        <v>93</v>
      </c>
      <c r="BR99" s="238"/>
      <c r="BS99" s="923"/>
      <c r="BT99" s="924"/>
      <c r="BU99" s="924"/>
      <c r="BV99" s="924"/>
      <c r="BW99" s="924"/>
      <c r="BX99" s="924"/>
      <c r="BY99" s="924"/>
      <c r="BZ99" s="924"/>
      <c r="CA99" s="924"/>
      <c r="CB99" s="924"/>
      <c r="CC99" s="924"/>
      <c r="CD99" s="924"/>
      <c r="CE99" s="924"/>
      <c r="CF99" s="924"/>
      <c r="CG99" s="929"/>
      <c r="CH99" s="926"/>
      <c r="CI99" s="927"/>
      <c r="CJ99" s="927"/>
      <c r="CK99" s="927"/>
      <c r="CL99" s="928"/>
      <c r="CM99" s="926"/>
      <c r="CN99" s="927"/>
      <c r="CO99" s="927"/>
      <c r="CP99" s="927"/>
      <c r="CQ99" s="928"/>
      <c r="CR99" s="926"/>
      <c r="CS99" s="927"/>
      <c r="CT99" s="927"/>
      <c r="CU99" s="927"/>
      <c r="CV99" s="928"/>
      <c r="CW99" s="926"/>
      <c r="CX99" s="927"/>
      <c r="CY99" s="927"/>
      <c r="CZ99" s="927"/>
      <c r="DA99" s="928"/>
      <c r="DB99" s="926"/>
      <c r="DC99" s="927"/>
      <c r="DD99" s="927"/>
      <c r="DE99" s="927"/>
      <c r="DF99" s="928"/>
      <c r="DG99" s="926"/>
      <c r="DH99" s="927"/>
      <c r="DI99" s="927"/>
      <c r="DJ99" s="927"/>
      <c r="DK99" s="928"/>
      <c r="DL99" s="926"/>
      <c r="DM99" s="927"/>
      <c r="DN99" s="927"/>
      <c r="DO99" s="927"/>
      <c r="DP99" s="928"/>
      <c r="DQ99" s="926"/>
      <c r="DR99" s="927"/>
      <c r="DS99" s="927"/>
      <c r="DT99" s="927"/>
      <c r="DU99" s="928"/>
      <c r="DV99" s="923"/>
      <c r="DW99" s="924"/>
      <c r="DX99" s="924"/>
      <c r="DY99" s="924"/>
      <c r="DZ99" s="925"/>
      <c r="EA99" s="225"/>
    </row>
    <row r="100" spans="1:131" ht="26.25" hidden="1" customHeight="1" x14ac:dyDescent="0.2">
      <c r="A100" s="240"/>
      <c r="B100" s="241"/>
      <c r="C100" s="241"/>
      <c r="D100" s="241"/>
      <c r="E100" s="241"/>
      <c r="F100" s="241"/>
      <c r="G100" s="241"/>
      <c r="H100" s="241"/>
      <c r="I100" s="241"/>
      <c r="J100" s="241"/>
      <c r="K100" s="241"/>
      <c r="L100" s="241"/>
      <c r="M100" s="241"/>
      <c r="N100" s="241"/>
      <c r="O100" s="241"/>
      <c r="P100" s="241"/>
      <c r="Q100" s="242"/>
      <c r="R100" s="242"/>
      <c r="S100" s="242"/>
      <c r="T100" s="242"/>
      <c r="U100" s="242"/>
      <c r="V100" s="242"/>
      <c r="W100" s="242"/>
      <c r="X100" s="242"/>
      <c r="Y100" s="242"/>
      <c r="Z100" s="242"/>
      <c r="AA100" s="242"/>
      <c r="AB100" s="242"/>
      <c r="AC100" s="242"/>
      <c r="AD100" s="242"/>
      <c r="AE100" s="242"/>
      <c r="AF100" s="242"/>
      <c r="AG100" s="242"/>
      <c r="AH100" s="242"/>
      <c r="AI100" s="242"/>
      <c r="AJ100" s="242"/>
      <c r="AK100" s="242"/>
      <c r="AL100" s="242"/>
      <c r="AM100" s="242"/>
      <c r="AN100" s="242"/>
      <c r="AO100" s="242"/>
      <c r="AP100" s="242"/>
      <c r="AQ100" s="242"/>
      <c r="AR100" s="242"/>
      <c r="AS100" s="242"/>
      <c r="AT100" s="242"/>
      <c r="AU100" s="242"/>
      <c r="AV100" s="242"/>
      <c r="AW100" s="242"/>
      <c r="AX100" s="242"/>
      <c r="AY100" s="242"/>
      <c r="AZ100" s="243"/>
      <c r="BA100" s="243"/>
      <c r="BB100" s="243"/>
      <c r="BC100" s="243"/>
      <c r="BD100" s="243"/>
      <c r="BE100" s="236"/>
      <c r="BF100" s="236"/>
      <c r="BG100" s="236"/>
      <c r="BH100" s="236"/>
      <c r="BI100" s="236"/>
      <c r="BJ100" s="236"/>
      <c r="BK100" s="236"/>
      <c r="BL100" s="236"/>
      <c r="BM100" s="236"/>
      <c r="BN100" s="236"/>
      <c r="BO100" s="236"/>
      <c r="BP100" s="236"/>
      <c r="BQ100" s="233">
        <v>94</v>
      </c>
      <c r="BR100" s="238"/>
      <c r="BS100" s="923"/>
      <c r="BT100" s="924"/>
      <c r="BU100" s="924"/>
      <c r="BV100" s="924"/>
      <c r="BW100" s="924"/>
      <c r="BX100" s="924"/>
      <c r="BY100" s="924"/>
      <c r="BZ100" s="924"/>
      <c r="CA100" s="924"/>
      <c r="CB100" s="924"/>
      <c r="CC100" s="924"/>
      <c r="CD100" s="924"/>
      <c r="CE100" s="924"/>
      <c r="CF100" s="924"/>
      <c r="CG100" s="929"/>
      <c r="CH100" s="926"/>
      <c r="CI100" s="927"/>
      <c r="CJ100" s="927"/>
      <c r="CK100" s="927"/>
      <c r="CL100" s="928"/>
      <c r="CM100" s="926"/>
      <c r="CN100" s="927"/>
      <c r="CO100" s="927"/>
      <c r="CP100" s="927"/>
      <c r="CQ100" s="928"/>
      <c r="CR100" s="926"/>
      <c r="CS100" s="927"/>
      <c r="CT100" s="927"/>
      <c r="CU100" s="927"/>
      <c r="CV100" s="928"/>
      <c r="CW100" s="926"/>
      <c r="CX100" s="927"/>
      <c r="CY100" s="927"/>
      <c r="CZ100" s="927"/>
      <c r="DA100" s="928"/>
      <c r="DB100" s="926"/>
      <c r="DC100" s="927"/>
      <c r="DD100" s="927"/>
      <c r="DE100" s="927"/>
      <c r="DF100" s="928"/>
      <c r="DG100" s="926"/>
      <c r="DH100" s="927"/>
      <c r="DI100" s="927"/>
      <c r="DJ100" s="927"/>
      <c r="DK100" s="928"/>
      <c r="DL100" s="926"/>
      <c r="DM100" s="927"/>
      <c r="DN100" s="927"/>
      <c r="DO100" s="927"/>
      <c r="DP100" s="928"/>
      <c r="DQ100" s="926"/>
      <c r="DR100" s="927"/>
      <c r="DS100" s="927"/>
      <c r="DT100" s="927"/>
      <c r="DU100" s="928"/>
      <c r="DV100" s="923"/>
      <c r="DW100" s="924"/>
      <c r="DX100" s="924"/>
      <c r="DY100" s="924"/>
      <c r="DZ100" s="925"/>
      <c r="EA100" s="225"/>
    </row>
    <row r="101" spans="1:131" ht="26.25" hidden="1" customHeight="1" x14ac:dyDescent="0.2">
      <c r="A101" s="240"/>
      <c r="B101" s="241"/>
      <c r="C101" s="241"/>
      <c r="D101" s="241"/>
      <c r="E101" s="241"/>
      <c r="F101" s="241"/>
      <c r="G101" s="241"/>
      <c r="H101" s="241"/>
      <c r="I101" s="241"/>
      <c r="J101" s="241"/>
      <c r="K101" s="241"/>
      <c r="L101" s="241"/>
      <c r="M101" s="241"/>
      <c r="N101" s="241"/>
      <c r="O101" s="241"/>
      <c r="P101" s="241"/>
      <c r="Q101" s="242"/>
      <c r="R101" s="242"/>
      <c r="S101" s="242"/>
      <c r="T101" s="242"/>
      <c r="U101" s="242"/>
      <c r="V101" s="242"/>
      <c r="W101" s="242"/>
      <c r="X101" s="242"/>
      <c r="Y101" s="242"/>
      <c r="Z101" s="242"/>
      <c r="AA101" s="242"/>
      <c r="AB101" s="242"/>
      <c r="AC101" s="242"/>
      <c r="AD101" s="242"/>
      <c r="AE101" s="242"/>
      <c r="AF101" s="242"/>
      <c r="AG101" s="242"/>
      <c r="AH101" s="242"/>
      <c r="AI101" s="242"/>
      <c r="AJ101" s="242"/>
      <c r="AK101" s="242"/>
      <c r="AL101" s="242"/>
      <c r="AM101" s="242"/>
      <c r="AN101" s="242"/>
      <c r="AO101" s="242"/>
      <c r="AP101" s="242"/>
      <c r="AQ101" s="242"/>
      <c r="AR101" s="242"/>
      <c r="AS101" s="242"/>
      <c r="AT101" s="242"/>
      <c r="AU101" s="242"/>
      <c r="AV101" s="242"/>
      <c r="AW101" s="242"/>
      <c r="AX101" s="242"/>
      <c r="AY101" s="242"/>
      <c r="AZ101" s="243"/>
      <c r="BA101" s="243"/>
      <c r="BB101" s="243"/>
      <c r="BC101" s="243"/>
      <c r="BD101" s="243"/>
      <c r="BE101" s="236"/>
      <c r="BF101" s="236"/>
      <c r="BG101" s="236"/>
      <c r="BH101" s="236"/>
      <c r="BI101" s="236"/>
      <c r="BJ101" s="236"/>
      <c r="BK101" s="236"/>
      <c r="BL101" s="236"/>
      <c r="BM101" s="236"/>
      <c r="BN101" s="236"/>
      <c r="BO101" s="236"/>
      <c r="BP101" s="236"/>
      <c r="BQ101" s="233">
        <v>95</v>
      </c>
      <c r="BR101" s="238"/>
      <c r="BS101" s="923"/>
      <c r="BT101" s="924"/>
      <c r="BU101" s="924"/>
      <c r="BV101" s="924"/>
      <c r="BW101" s="924"/>
      <c r="BX101" s="924"/>
      <c r="BY101" s="924"/>
      <c r="BZ101" s="924"/>
      <c r="CA101" s="924"/>
      <c r="CB101" s="924"/>
      <c r="CC101" s="924"/>
      <c r="CD101" s="924"/>
      <c r="CE101" s="924"/>
      <c r="CF101" s="924"/>
      <c r="CG101" s="929"/>
      <c r="CH101" s="926"/>
      <c r="CI101" s="927"/>
      <c r="CJ101" s="927"/>
      <c r="CK101" s="927"/>
      <c r="CL101" s="928"/>
      <c r="CM101" s="926"/>
      <c r="CN101" s="927"/>
      <c r="CO101" s="927"/>
      <c r="CP101" s="927"/>
      <c r="CQ101" s="928"/>
      <c r="CR101" s="926"/>
      <c r="CS101" s="927"/>
      <c r="CT101" s="927"/>
      <c r="CU101" s="927"/>
      <c r="CV101" s="928"/>
      <c r="CW101" s="926"/>
      <c r="CX101" s="927"/>
      <c r="CY101" s="927"/>
      <c r="CZ101" s="927"/>
      <c r="DA101" s="928"/>
      <c r="DB101" s="926"/>
      <c r="DC101" s="927"/>
      <c r="DD101" s="927"/>
      <c r="DE101" s="927"/>
      <c r="DF101" s="928"/>
      <c r="DG101" s="926"/>
      <c r="DH101" s="927"/>
      <c r="DI101" s="927"/>
      <c r="DJ101" s="927"/>
      <c r="DK101" s="928"/>
      <c r="DL101" s="926"/>
      <c r="DM101" s="927"/>
      <c r="DN101" s="927"/>
      <c r="DO101" s="927"/>
      <c r="DP101" s="928"/>
      <c r="DQ101" s="926"/>
      <c r="DR101" s="927"/>
      <c r="DS101" s="927"/>
      <c r="DT101" s="927"/>
      <c r="DU101" s="928"/>
      <c r="DV101" s="923"/>
      <c r="DW101" s="924"/>
      <c r="DX101" s="924"/>
      <c r="DY101" s="924"/>
      <c r="DZ101" s="925"/>
      <c r="EA101" s="225"/>
    </row>
    <row r="102" spans="1:131" ht="26.25" customHeight="1" thickBot="1" x14ac:dyDescent="0.25">
      <c r="A102" s="240"/>
      <c r="B102" s="241"/>
      <c r="C102" s="241"/>
      <c r="D102" s="241"/>
      <c r="E102" s="241"/>
      <c r="F102" s="241"/>
      <c r="G102" s="241"/>
      <c r="H102" s="241"/>
      <c r="I102" s="241"/>
      <c r="J102" s="241"/>
      <c r="K102" s="241"/>
      <c r="L102" s="241"/>
      <c r="M102" s="241"/>
      <c r="N102" s="241"/>
      <c r="O102" s="241"/>
      <c r="P102" s="241"/>
      <c r="Q102" s="242"/>
      <c r="R102" s="242"/>
      <c r="S102" s="242"/>
      <c r="T102" s="242"/>
      <c r="U102" s="242"/>
      <c r="V102" s="242"/>
      <c r="W102" s="242"/>
      <c r="X102" s="242"/>
      <c r="Y102" s="242"/>
      <c r="Z102" s="242"/>
      <c r="AA102" s="242"/>
      <c r="AB102" s="242"/>
      <c r="AC102" s="242"/>
      <c r="AD102" s="242"/>
      <c r="AE102" s="242"/>
      <c r="AF102" s="242"/>
      <c r="AG102" s="242"/>
      <c r="AH102" s="242"/>
      <c r="AI102" s="242"/>
      <c r="AJ102" s="242"/>
      <c r="AK102" s="242"/>
      <c r="AL102" s="242"/>
      <c r="AM102" s="242"/>
      <c r="AN102" s="242"/>
      <c r="AO102" s="242"/>
      <c r="AP102" s="242"/>
      <c r="AQ102" s="242"/>
      <c r="AR102" s="242"/>
      <c r="AS102" s="242"/>
      <c r="AT102" s="242"/>
      <c r="AU102" s="242"/>
      <c r="AV102" s="242"/>
      <c r="AW102" s="242"/>
      <c r="AX102" s="242"/>
      <c r="AY102" s="242"/>
      <c r="AZ102" s="243"/>
      <c r="BA102" s="243"/>
      <c r="BB102" s="243"/>
      <c r="BC102" s="243"/>
      <c r="BD102" s="243"/>
      <c r="BE102" s="236"/>
      <c r="BF102" s="236"/>
      <c r="BG102" s="236"/>
      <c r="BH102" s="236"/>
      <c r="BI102" s="236"/>
      <c r="BJ102" s="236"/>
      <c r="BK102" s="236"/>
      <c r="BL102" s="236"/>
      <c r="BM102" s="236"/>
      <c r="BN102" s="236"/>
      <c r="BO102" s="236"/>
      <c r="BP102" s="236"/>
      <c r="BQ102" s="235" t="s">
        <v>388</v>
      </c>
      <c r="BR102" s="853" t="s">
        <v>416</v>
      </c>
      <c r="BS102" s="854"/>
      <c r="BT102" s="854"/>
      <c r="BU102" s="854"/>
      <c r="BV102" s="854"/>
      <c r="BW102" s="854"/>
      <c r="BX102" s="854"/>
      <c r="BY102" s="854"/>
      <c r="BZ102" s="854"/>
      <c r="CA102" s="854"/>
      <c r="CB102" s="854"/>
      <c r="CC102" s="854"/>
      <c r="CD102" s="854"/>
      <c r="CE102" s="854"/>
      <c r="CF102" s="854"/>
      <c r="CG102" s="855"/>
      <c r="CH102" s="951"/>
      <c r="CI102" s="952"/>
      <c r="CJ102" s="952"/>
      <c r="CK102" s="952"/>
      <c r="CL102" s="953"/>
      <c r="CM102" s="951"/>
      <c r="CN102" s="952"/>
      <c r="CO102" s="952"/>
      <c r="CP102" s="952"/>
      <c r="CQ102" s="953"/>
      <c r="CR102" s="954">
        <v>3</v>
      </c>
      <c r="CS102" s="916"/>
      <c r="CT102" s="916"/>
      <c r="CU102" s="916"/>
      <c r="CV102" s="955"/>
      <c r="CW102" s="954">
        <v>0</v>
      </c>
      <c r="CX102" s="916"/>
      <c r="CY102" s="916"/>
      <c r="CZ102" s="916"/>
      <c r="DA102" s="955"/>
      <c r="DB102" s="954" t="s">
        <v>579</v>
      </c>
      <c r="DC102" s="916"/>
      <c r="DD102" s="916"/>
      <c r="DE102" s="916"/>
      <c r="DF102" s="955"/>
      <c r="DG102" s="954">
        <v>2270</v>
      </c>
      <c r="DH102" s="916"/>
      <c r="DI102" s="916"/>
      <c r="DJ102" s="916"/>
      <c r="DK102" s="955"/>
      <c r="DL102" s="954">
        <v>1282</v>
      </c>
      <c r="DM102" s="916"/>
      <c r="DN102" s="916"/>
      <c r="DO102" s="916"/>
      <c r="DP102" s="955"/>
      <c r="DQ102" s="954">
        <v>128</v>
      </c>
      <c r="DR102" s="916"/>
      <c r="DS102" s="916"/>
      <c r="DT102" s="916"/>
      <c r="DU102" s="955"/>
      <c r="DV102" s="853"/>
      <c r="DW102" s="854"/>
      <c r="DX102" s="854"/>
      <c r="DY102" s="854"/>
      <c r="DZ102" s="978"/>
      <c r="EA102" s="225"/>
    </row>
    <row r="103" spans="1:131" ht="26.25" customHeight="1" x14ac:dyDescent="0.2">
      <c r="A103" s="240"/>
      <c r="B103" s="241"/>
      <c r="C103" s="241"/>
      <c r="D103" s="241"/>
      <c r="E103" s="241"/>
      <c r="F103" s="241"/>
      <c r="G103" s="241"/>
      <c r="H103" s="241"/>
      <c r="I103" s="241"/>
      <c r="J103" s="241"/>
      <c r="K103" s="241"/>
      <c r="L103" s="241"/>
      <c r="M103" s="241"/>
      <c r="N103" s="241"/>
      <c r="O103" s="241"/>
      <c r="P103" s="241"/>
      <c r="Q103" s="242"/>
      <c r="R103" s="242"/>
      <c r="S103" s="242"/>
      <c r="T103" s="242"/>
      <c r="U103" s="242"/>
      <c r="V103" s="242"/>
      <c r="W103" s="242"/>
      <c r="X103" s="242"/>
      <c r="Y103" s="242"/>
      <c r="Z103" s="242"/>
      <c r="AA103" s="242"/>
      <c r="AB103" s="242"/>
      <c r="AC103" s="242"/>
      <c r="AD103" s="242"/>
      <c r="AE103" s="242"/>
      <c r="AF103" s="242"/>
      <c r="AG103" s="242"/>
      <c r="AH103" s="242"/>
      <c r="AI103" s="242"/>
      <c r="AJ103" s="242"/>
      <c r="AK103" s="242"/>
      <c r="AL103" s="242"/>
      <c r="AM103" s="242"/>
      <c r="AN103" s="242"/>
      <c r="AO103" s="242"/>
      <c r="AP103" s="242"/>
      <c r="AQ103" s="242"/>
      <c r="AR103" s="242"/>
      <c r="AS103" s="242"/>
      <c r="AT103" s="242"/>
      <c r="AU103" s="242"/>
      <c r="AV103" s="242"/>
      <c r="AW103" s="242"/>
      <c r="AX103" s="242"/>
      <c r="AY103" s="242"/>
      <c r="AZ103" s="243"/>
      <c r="BA103" s="243"/>
      <c r="BB103" s="243"/>
      <c r="BC103" s="243"/>
      <c r="BD103" s="243"/>
      <c r="BE103" s="236"/>
      <c r="BF103" s="236"/>
      <c r="BG103" s="236"/>
      <c r="BH103" s="236"/>
      <c r="BI103" s="236"/>
      <c r="BJ103" s="236"/>
      <c r="BK103" s="236"/>
      <c r="BL103" s="236"/>
      <c r="BM103" s="236"/>
      <c r="BN103" s="236"/>
      <c r="BO103" s="236"/>
      <c r="BP103" s="236"/>
      <c r="BQ103" s="979" t="s">
        <v>417</v>
      </c>
      <c r="BR103" s="979"/>
      <c r="BS103" s="979"/>
      <c r="BT103" s="979"/>
      <c r="BU103" s="979"/>
      <c r="BV103" s="979"/>
      <c r="BW103" s="979"/>
      <c r="BX103" s="979"/>
      <c r="BY103" s="979"/>
      <c r="BZ103" s="979"/>
      <c r="CA103" s="979"/>
      <c r="CB103" s="979"/>
      <c r="CC103" s="979"/>
      <c r="CD103" s="979"/>
      <c r="CE103" s="979"/>
      <c r="CF103" s="979"/>
      <c r="CG103" s="979"/>
      <c r="CH103" s="979"/>
      <c r="CI103" s="979"/>
      <c r="CJ103" s="979"/>
      <c r="CK103" s="979"/>
      <c r="CL103" s="979"/>
      <c r="CM103" s="979"/>
      <c r="CN103" s="979"/>
      <c r="CO103" s="979"/>
      <c r="CP103" s="979"/>
      <c r="CQ103" s="979"/>
      <c r="CR103" s="979"/>
      <c r="CS103" s="979"/>
      <c r="CT103" s="979"/>
      <c r="CU103" s="979"/>
      <c r="CV103" s="979"/>
      <c r="CW103" s="979"/>
      <c r="CX103" s="979"/>
      <c r="CY103" s="979"/>
      <c r="CZ103" s="979"/>
      <c r="DA103" s="979"/>
      <c r="DB103" s="979"/>
      <c r="DC103" s="979"/>
      <c r="DD103" s="979"/>
      <c r="DE103" s="979"/>
      <c r="DF103" s="979"/>
      <c r="DG103" s="979"/>
      <c r="DH103" s="979"/>
      <c r="DI103" s="979"/>
      <c r="DJ103" s="979"/>
      <c r="DK103" s="979"/>
      <c r="DL103" s="979"/>
      <c r="DM103" s="979"/>
      <c r="DN103" s="979"/>
      <c r="DO103" s="979"/>
      <c r="DP103" s="979"/>
      <c r="DQ103" s="979"/>
      <c r="DR103" s="979"/>
      <c r="DS103" s="979"/>
      <c r="DT103" s="979"/>
      <c r="DU103" s="979"/>
      <c r="DV103" s="979"/>
      <c r="DW103" s="979"/>
      <c r="DX103" s="979"/>
      <c r="DY103" s="979"/>
      <c r="DZ103" s="979"/>
      <c r="EA103" s="225"/>
    </row>
    <row r="104" spans="1:131" ht="26.25" customHeight="1" x14ac:dyDescent="0.2">
      <c r="A104" s="240"/>
      <c r="B104" s="241"/>
      <c r="C104" s="241"/>
      <c r="D104" s="241"/>
      <c r="E104" s="241"/>
      <c r="F104" s="241"/>
      <c r="G104" s="241"/>
      <c r="H104" s="241"/>
      <c r="I104" s="241"/>
      <c r="J104" s="241"/>
      <c r="K104" s="241"/>
      <c r="L104" s="241"/>
      <c r="M104" s="241"/>
      <c r="N104" s="241"/>
      <c r="O104" s="241"/>
      <c r="P104" s="241"/>
      <c r="Q104" s="242"/>
      <c r="R104" s="242"/>
      <c r="S104" s="242"/>
      <c r="T104" s="242"/>
      <c r="U104" s="242"/>
      <c r="V104" s="242"/>
      <c r="W104" s="242"/>
      <c r="X104" s="242"/>
      <c r="Y104" s="242"/>
      <c r="Z104" s="242"/>
      <c r="AA104" s="242"/>
      <c r="AB104" s="242"/>
      <c r="AC104" s="242"/>
      <c r="AD104" s="242"/>
      <c r="AE104" s="242"/>
      <c r="AF104" s="242"/>
      <c r="AG104" s="242"/>
      <c r="AH104" s="242"/>
      <c r="AI104" s="242"/>
      <c r="AJ104" s="242"/>
      <c r="AK104" s="242"/>
      <c r="AL104" s="242"/>
      <c r="AM104" s="242"/>
      <c r="AN104" s="242"/>
      <c r="AO104" s="242"/>
      <c r="AP104" s="242"/>
      <c r="AQ104" s="242"/>
      <c r="AR104" s="242"/>
      <c r="AS104" s="242"/>
      <c r="AT104" s="242"/>
      <c r="AU104" s="242"/>
      <c r="AV104" s="242"/>
      <c r="AW104" s="242"/>
      <c r="AX104" s="242"/>
      <c r="AY104" s="242"/>
      <c r="AZ104" s="243"/>
      <c r="BA104" s="243"/>
      <c r="BB104" s="243"/>
      <c r="BC104" s="243"/>
      <c r="BD104" s="243"/>
      <c r="BE104" s="236"/>
      <c r="BF104" s="236"/>
      <c r="BG104" s="236"/>
      <c r="BH104" s="236"/>
      <c r="BI104" s="236"/>
      <c r="BJ104" s="236"/>
      <c r="BK104" s="236"/>
      <c r="BL104" s="236"/>
      <c r="BM104" s="236"/>
      <c r="BN104" s="236"/>
      <c r="BO104" s="236"/>
      <c r="BP104" s="236"/>
      <c r="BQ104" s="980" t="s">
        <v>418</v>
      </c>
      <c r="BR104" s="980"/>
      <c r="BS104" s="980"/>
      <c r="BT104" s="980"/>
      <c r="BU104" s="980"/>
      <c r="BV104" s="980"/>
      <c r="BW104" s="980"/>
      <c r="BX104" s="980"/>
      <c r="BY104" s="980"/>
      <c r="BZ104" s="980"/>
      <c r="CA104" s="980"/>
      <c r="CB104" s="980"/>
      <c r="CC104" s="980"/>
      <c r="CD104" s="980"/>
      <c r="CE104" s="980"/>
      <c r="CF104" s="980"/>
      <c r="CG104" s="980"/>
      <c r="CH104" s="980"/>
      <c r="CI104" s="980"/>
      <c r="CJ104" s="980"/>
      <c r="CK104" s="980"/>
      <c r="CL104" s="980"/>
      <c r="CM104" s="980"/>
      <c r="CN104" s="980"/>
      <c r="CO104" s="980"/>
      <c r="CP104" s="980"/>
      <c r="CQ104" s="980"/>
      <c r="CR104" s="980"/>
      <c r="CS104" s="980"/>
      <c r="CT104" s="980"/>
      <c r="CU104" s="980"/>
      <c r="CV104" s="980"/>
      <c r="CW104" s="980"/>
      <c r="CX104" s="980"/>
      <c r="CY104" s="980"/>
      <c r="CZ104" s="980"/>
      <c r="DA104" s="980"/>
      <c r="DB104" s="980"/>
      <c r="DC104" s="980"/>
      <c r="DD104" s="980"/>
      <c r="DE104" s="980"/>
      <c r="DF104" s="980"/>
      <c r="DG104" s="980"/>
      <c r="DH104" s="980"/>
      <c r="DI104" s="980"/>
      <c r="DJ104" s="980"/>
      <c r="DK104" s="980"/>
      <c r="DL104" s="980"/>
      <c r="DM104" s="980"/>
      <c r="DN104" s="980"/>
      <c r="DO104" s="980"/>
      <c r="DP104" s="980"/>
      <c r="DQ104" s="980"/>
      <c r="DR104" s="980"/>
      <c r="DS104" s="980"/>
      <c r="DT104" s="980"/>
      <c r="DU104" s="980"/>
      <c r="DV104" s="980"/>
      <c r="DW104" s="980"/>
      <c r="DX104" s="980"/>
      <c r="DY104" s="980"/>
      <c r="DZ104" s="980"/>
      <c r="EA104" s="225"/>
    </row>
    <row r="105" spans="1:131" ht="11.25" customHeight="1" x14ac:dyDescent="0.2">
      <c r="A105" s="236"/>
      <c r="B105" s="236"/>
      <c r="C105" s="236"/>
      <c r="D105" s="236"/>
      <c r="E105" s="236"/>
      <c r="F105" s="236"/>
      <c r="G105" s="236"/>
      <c r="H105" s="236"/>
      <c r="I105" s="236"/>
      <c r="J105" s="236"/>
      <c r="K105" s="236"/>
      <c r="L105" s="236"/>
      <c r="M105" s="236"/>
      <c r="N105" s="236"/>
      <c r="O105" s="236"/>
      <c r="P105" s="236"/>
      <c r="Q105" s="236"/>
      <c r="R105" s="236"/>
      <c r="S105" s="236"/>
      <c r="T105" s="236"/>
      <c r="U105" s="236"/>
      <c r="V105" s="236"/>
      <c r="W105" s="236"/>
      <c r="X105" s="236"/>
      <c r="Y105" s="236"/>
      <c r="Z105" s="236"/>
      <c r="AA105" s="236"/>
      <c r="AB105" s="236"/>
      <c r="AC105" s="236"/>
      <c r="AD105" s="236"/>
      <c r="AE105" s="236"/>
      <c r="AF105" s="236"/>
      <c r="AG105" s="236"/>
      <c r="AH105" s="236"/>
      <c r="AI105" s="236"/>
      <c r="AJ105" s="236"/>
      <c r="AK105" s="236"/>
      <c r="AL105" s="236"/>
      <c r="AM105" s="236"/>
      <c r="AN105" s="236"/>
      <c r="AO105" s="236"/>
      <c r="AP105" s="236"/>
      <c r="AQ105" s="236"/>
      <c r="AR105" s="236"/>
      <c r="AS105" s="236"/>
      <c r="AT105" s="236"/>
      <c r="AU105" s="236"/>
      <c r="AV105" s="236"/>
      <c r="AW105" s="236"/>
      <c r="AX105" s="236"/>
      <c r="AY105" s="236"/>
      <c r="AZ105" s="236"/>
      <c r="BA105" s="236"/>
      <c r="BB105" s="236"/>
      <c r="BC105" s="236"/>
      <c r="BD105" s="236"/>
      <c r="BE105" s="236"/>
      <c r="BF105" s="236"/>
      <c r="BG105" s="236"/>
      <c r="BH105" s="236"/>
      <c r="BI105" s="236"/>
      <c r="BJ105" s="236"/>
      <c r="BK105" s="236"/>
      <c r="BL105" s="236"/>
      <c r="BM105" s="236"/>
      <c r="BN105" s="236"/>
      <c r="BO105" s="236"/>
      <c r="BP105" s="236"/>
      <c r="BQ105" s="225"/>
      <c r="BR105" s="225"/>
      <c r="BS105" s="225"/>
      <c r="BT105" s="225"/>
      <c r="BU105" s="225"/>
      <c r="BV105" s="225"/>
      <c r="BW105" s="225"/>
      <c r="BX105" s="225"/>
      <c r="BY105" s="225"/>
      <c r="BZ105" s="225"/>
      <c r="CA105" s="225"/>
      <c r="CB105" s="225"/>
      <c r="CC105" s="225"/>
      <c r="CD105" s="225"/>
      <c r="CE105" s="225"/>
      <c r="CF105" s="225"/>
      <c r="CG105" s="225"/>
      <c r="CH105" s="225"/>
      <c r="CI105" s="225"/>
      <c r="CJ105" s="225"/>
      <c r="CK105" s="225"/>
      <c r="CL105" s="225"/>
      <c r="CM105" s="225"/>
      <c r="CN105" s="225"/>
      <c r="CO105" s="225"/>
      <c r="CP105" s="225"/>
      <c r="CQ105" s="225"/>
      <c r="CR105" s="225"/>
      <c r="CS105" s="225"/>
      <c r="CT105" s="225"/>
      <c r="CU105" s="225"/>
      <c r="CV105" s="225"/>
      <c r="CW105" s="225"/>
      <c r="CX105" s="225"/>
      <c r="CY105" s="225"/>
      <c r="CZ105" s="225"/>
      <c r="DA105" s="225"/>
      <c r="DB105" s="225"/>
      <c r="DC105" s="225"/>
      <c r="DD105" s="225"/>
      <c r="DE105" s="225"/>
      <c r="DF105" s="225"/>
      <c r="DG105" s="225"/>
      <c r="DH105" s="225"/>
      <c r="DI105" s="225"/>
      <c r="DJ105" s="225"/>
      <c r="DK105" s="225"/>
      <c r="DL105" s="225"/>
      <c r="DM105" s="225"/>
      <c r="DN105" s="225"/>
      <c r="DO105" s="225"/>
      <c r="DP105" s="225"/>
      <c r="DQ105" s="225"/>
      <c r="DR105" s="225"/>
      <c r="DS105" s="225"/>
      <c r="DT105" s="225"/>
      <c r="DU105" s="225"/>
      <c r="DV105" s="225"/>
      <c r="DW105" s="225"/>
      <c r="DX105" s="225"/>
      <c r="DY105" s="225"/>
      <c r="DZ105" s="225"/>
      <c r="EA105" s="225"/>
    </row>
    <row r="106" spans="1:131" ht="11.25" customHeight="1" x14ac:dyDescent="0.2">
      <c r="A106" s="236"/>
      <c r="B106" s="236"/>
      <c r="C106" s="236"/>
      <c r="D106" s="236"/>
      <c r="E106" s="236"/>
      <c r="F106" s="236"/>
      <c r="G106" s="236"/>
      <c r="H106" s="236"/>
      <c r="I106" s="236"/>
      <c r="J106" s="236"/>
      <c r="K106" s="236"/>
      <c r="L106" s="236"/>
      <c r="M106" s="236"/>
      <c r="N106" s="236"/>
      <c r="O106" s="236"/>
      <c r="P106" s="236"/>
      <c r="Q106" s="236"/>
      <c r="R106" s="236"/>
      <c r="S106" s="236"/>
      <c r="T106" s="236"/>
      <c r="U106" s="236"/>
      <c r="V106" s="236"/>
      <c r="W106" s="236"/>
      <c r="X106" s="236"/>
      <c r="Y106" s="236"/>
      <c r="Z106" s="236"/>
      <c r="AA106" s="236"/>
      <c r="AB106" s="236"/>
      <c r="AC106" s="236"/>
      <c r="AD106" s="236"/>
      <c r="AE106" s="236"/>
      <c r="AF106" s="236"/>
      <c r="AG106" s="236"/>
      <c r="AH106" s="236"/>
      <c r="AI106" s="236"/>
      <c r="AJ106" s="236"/>
      <c r="AK106" s="236"/>
      <c r="AL106" s="236"/>
      <c r="AM106" s="236"/>
      <c r="AN106" s="236"/>
      <c r="AO106" s="236"/>
      <c r="AP106" s="236"/>
      <c r="AQ106" s="236"/>
      <c r="AR106" s="236"/>
      <c r="AS106" s="236"/>
      <c r="AT106" s="236"/>
      <c r="AU106" s="236"/>
      <c r="AV106" s="236"/>
      <c r="AW106" s="236"/>
      <c r="AX106" s="236"/>
      <c r="AY106" s="236"/>
      <c r="AZ106" s="236"/>
      <c r="BA106" s="236"/>
      <c r="BB106" s="236"/>
      <c r="BC106" s="236"/>
      <c r="BD106" s="236"/>
      <c r="BE106" s="236"/>
      <c r="BF106" s="236"/>
      <c r="BG106" s="236"/>
      <c r="BH106" s="236"/>
      <c r="BI106" s="236"/>
      <c r="BJ106" s="236"/>
      <c r="BK106" s="236"/>
      <c r="BL106" s="236"/>
      <c r="BM106" s="236"/>
      <c r="BN106" s="236"/>
      <c r="BO106" s="236"/>
      <c r="BP106" s="236"/>
      <c r="BQ106" s="225"/>
      <c r="BR106" s="225"/>
      <c r="BS106" s="225"/>
      <c r="BT106" s="225"/>
      <c r="BU106" s="225"/>
      <c r="BV106" s="225"/>
      <c r="BW106" s="225"/>
      <c r="BX106" s="225"/>
      <c r="BY106" s="225"/>
      <c r="BZ106" s="225"/>
      <c r="CA106" s="225"/>
      <c r="CB106" s="225"/>
      <c r="CC106" s="225"/>
      <c r="CD106" s="225"/>
      <c r="CE106" s="225"/>
      <c r="CF106" s="225"/>
      <c r="CG106" s="225"/>
      <c r="CH106" s="225"/>
      <c r="CI106" s="225"/>
      <c r="CJ106" s="225"/>
      <c r="CK106" s="225"/>
      <c r="CL106" s="225"/>
      <c r="CM106" s="225"/>
      <c r="CN106" s="225"/>
      <c r="CO106" s="225"/>
      <c r="CP106" s="225"/>
      <c r="CQ106" s="225"/>
      <c r="CR106" s="225"/>
      <c r="CS106" s="225"/>
      <c r="CT106" s="225"/>
      <c r="CU106" s="225"/>
      <c r="CV106" s="225"/>
      <c r="CW106" s="225"/>
      <c r="CX106" s="225"/>
      <c r="CY106" s="225"/>
      <c r="CZ106" s="225"/>
      <c r="DA106" s="225"/>
      <c r="DB106" s="225"/>
      <c r="DC106" s="225"/>
      <c r="DD106" s="225"/>
      <c r="DE106" s="225"/>
      <c r="DF106" s="225"/>
      <c r="DG106" s="225"/>
      <c r="DH106" s="225"/>
      <c r="DI106" s="225"/>
      <c r="DJ106" s="225"/>
      <c r="DK106" s="225"/>
      <c r="DL106" s="225"/>
      <c r="DM106" s="225"/>
      <c r="DN106" s="225"/>
      <c r="DO106" s="225"/>
      <c r="DP106" s="225"/>
      <c r="DQ106" s="225"/>
      <c r="DR106" s="225"/>
      <c r="DS106" s="225"/>
      <c r="DT106" s="225"/>
      <c r="DU106" s="225"/>
      <c r="DV106" s="225"/>
      <c r="DW106" s="225"/>
      <c r="DX106" s="225"/>
      <c r="DY106" s="225"/>
      <c r="DZ106" s="225"/>
      <c r="EA106" s="225"/>
    </row>
    <row r="107" spans="1:131" s="225" customFormat="1" ht="26.25" customHeight="1" thickBot="1" x14ac:dyDescent="0.25">
      <c r="A107" s="244" t="s">
        <v>419</v>
      </c>
      <c r="B107" s="245"/>
      <c r="C107" s="245"/>
      <c r="D107" s="245"/>
      <c r="E107" s="245"/>
      <c r="F107" s="245"/>
      <c r="G107" s="245"/>
      <c r="H107" s="245"/>
      <c r="I107" s="245"/>
      <c r="J107" s="245"/>
      <c r="K107" s="245"/>
      <c r="L107" s="245"/>
      <c r="M107" s="245"/>
      <c r="N107" s="245"/>
      <c r="O107" s="245"/>
      <c r="P107" s="245"/>
      <c r="Q107" s="245"/>
      <c r="R107" s="245"/>
      <c r="S107" s="245"/>
      <c r="T107" s="245"/>
      <c r="U107" s="245"/>
      <c r="V107" s="245"/>
      <c r="W107" s="245"/>
      <c r="X107" s="245"/>
      <c r="Y107" s="245"/>
      <c r="Z107" s="245"/>
      <c r="AA107" s="245"/>
      <c r="AB107" s="245"/>
      <c r="AC107" s="245"/>
      <c r="AD107" s="245"/>
      <c r="AE107" s="245"/>
      <c r="AF107" s="245"/>
      <c r="AG107" s="245"/>
      <c r="AH107" s="245"/>
      <c r="AI107" s="245"/>
      <c r="AJ107" s="245"/>
      <c r="AK107" s="245"/>
      <c r="AL107" s="245"/>
      <c r="AM107" s="245"/>
      <c r="AN107" s="245"/>
      <c r="AO107" s="245"/>
      <c r="AP107" s="245"/>
      <c r="AQ107" s="245"/>
      <c r="AR107" s="245"/>
      <c r="AS107" s="245"/>
      <c r="AT107" s="245"/>
      <c r="AU107" s="244" t="s">
        <v>420</v>
      </c>
      <c r="AV107" s="245"/>
      <c r="AW107" s="245"/>
      <c r="AX107" s="245"/>
      <c r="AY107" s="245"/>
      <c r="AZ107" s="245"/>
      <c r="BA107" s="245"/>
      <c r="BB107" s="245"/>
      <c r="BC107" s="245"/>
      <c r="BD107" s="245"/>
      <c r="BE107" s="245"/>
      <c r="BF107" s="245"/>
      <c r="BG107" s="245"/>
      <c r="BH107" s="245"/>
      <c r="BI107" s="245"/>
      <c r="BJ107" s="245"/>
      <c r="BK107" s="245"/>
      <c r="BL107" s="245"/>
      <c r="BM107" s="245"/>
      <c r="BN107" s="245"/>
      <c r="BO107" s="245"/>
      <c r="BP107" s="245"/>
      <c r="BQ107" s="245"/>
      <c r="BR107" s="245"/>
      <c r="BS107" s="245"/>
      <c r="BT107" s="245"/>
      <c r="BU107" s="245"/>
      <c r="BV107" s="245"/>
      <c r="BW107" s="245"/>
      <c r="BX107" s="245"/>
      <c r="BY107" s="245"/>
      <c r="BZ107" s="245"/>
      <c r="CA107" s="245"/>
      <c r="CB107" s="245"/>
      <c r="CC107" s="245"/>
      <c r="CD107" s="245"/>
      <c r="CE107" s="245"/>
      <c r="CF107" s="245"/>
      <c r="CG107" s="245"/>
      <c r="CH107" s="245"/>
      <c r="CI107" s="245"/>
      <c r="CJ107" s="245"/>
      <c r="CK107" s="245"/>
      <c r="CL107" s="245"/>
      <c r="CM107" s="245"/>
      <c r="CN107" s="245"/>
      <c r="CO107" s="245"/>
      <c r="CP107" s="245"/>
      <c r="CQ107" s="245"/>
      <c r="CR107" s="245"/>
      <c r="CS107" s="245"/>
      <c r="CT107" s="245"/>
      <c r="CU107" s="245"/>
      <c r="CV107" s="245"/>
      <c r="CW107" s="245"/>
      <c r="CX107" s="245"/>
      <c r="CY107" s="245"/>
      <c r="CZ107" s="245"/>
      <c r="DA107" s="245"/>
      <c r="DB107" s="245"/>
      <c r="DC107" s="245"/>
      <c r="DD107" s="245"/>
      <c r="DE107" s="245"/>
      <c r="DF107" s="245"/>
      <c r="DG107" s="245"/>
      <c r="DH107" s="245"/>
      <c r="DI107" s="245"/>
      <c r="DJ107" s="245"/>
      <c r="DK107" s="245"/>
      <c r="DL107" s="245"/>
      <c r="DM107" s="245"/>
      <c r="DN107" s="245"/>
      <c r="DO107" s="245"/>
      <c r="DP107" s="245"/>
      <c r="DQ107" s="245"/>
      <c r="DR107" s="245"/>
      <c r="DS107" s="245"/>
      <c r="DT107" s="245"/>
      <c r="DU107" s="245"/>
      <c r="DV107" s="245"/>
      <c r="DW107" s="245"/>
      <c r="DX107" s="245"/>
      <c r="DY107" s="245"/>
      <c r="DZ107" s="245"/>
    </row>
    <row r="108" spans="1:131" s="225" customFormat="1" ht="26.25" customHeight="1" x14ac:dyDescent="0.2">
      <c r="A108" s="981" t="s">
        <v>421</v>
      </c>
      <c r="B108" s="982"/>
      <c r="C108" s="982"/>
      <c r="D108" s="982"/>
      <c r="E108" s="982"/>
      <c r="F108" s="982"/>
      <c r="G108" s="982"/>
      <c r="H108" s="982"/>
      <c r="I108" s="982"/>
      <c r="J108" s="982"/>
      <c r="K108" s="982"/>
      <c r="L108" s="982"/>
      <c r="M108" s="982"/>
      <c r="N108" s="982"/>
      <c r="O108" s="982"/>
      <c r="P108" s="982"/>
      <c r="Q108" s="982"/>
      <c r="R108" s="982"/>
      <c r="S108" s="982"/>
      <c r="T108" s="982"/>
      <c r="U108" s="982"/>
      <c r="V108" s="982"/>
      <c r="W108" s="982"/>
      <c r="X108" s="982"/>
      <c r="Y108" s="982"/>
      <c r="Z108" s="982"/>
      <c r="AA108" s="982"/>
      <c r="AB108" s="982"/>
      <c r="AC108" s="982"/>
      <c r="AD108" s="982"/>
      <c r="AE108" s="982"/>
      <c r="AF108" s="982"/>
      <c r="AG108" s="982"/>
      <c r="AH108" s="982"/>
      <c r="AI108" s="982"/>
      <c r="AJ108" s="982"/>
      <c r="AK108" s="982"/>
      <c r="AL108" s="982"/>
      <c r="AM108" s="982"/>
      <c r="AN108" s="982"/>
      <c r="AO108" s="982"/>
      <c r="AP108" s="982"/>
      <c r="AQ108" s="982"/>
      <c r="AR108" s="982"/>
      <c r="AS108" s="982"/>
      <c r="AT108" s="983"/>
      <c r="AU108" s="981" t="s">
        <v>422</v>
      </c>
      <c r="AV108" s="982"/>
      <c r="AW108" s="982"/>
      <c r="AX108" s="982"/>
      <c r="AY108" s="982"/>
      <c r="AZ108" s="982"/>
      <c r="BA108" s="982"/>
      <c r="BB108" s="982"/>
      <c r="BC108" s="982"/>
      <c r="BD108" s="982"/>
      <c r="BE108" s="982"/>
      <c r="BF108" s="982"/>
      <c r="BG108" s="982"/>
      <c r="BH108" s="982"/>
      <c r="BI108" s="982"/>
      <c r="BJ108" s="982"/>
      <c r="BK108" s="982"/>
      <c r="BL108" s="982"/>
      <c r="BM108" s="982"/>
      <c r="BN108" s="982"/>
      <c r="BO108" s="982"/>
      <c r="BP108" s="982"/>
      <c r="BQ108" s="982"/>
      <c r="BR108" s="982"/>
      <c r="BS108" s="982"/>
      <c r="BT108" s="982"/>
      <c r="BU108" s="982"/>
      <c r="BV108" s="982"/>
      <c r="BW108" s="982"/>
      <c r="BX108" s="982"/>
      <c r="BY108" s="982"/>
      <c r="BZ108" s="982"/>
      <c r="CA108" s="982"/>
      <c r="CB108" s="982"/>
      <c r="CC108" s="982"/>
      <c r="CD108" s="982"/>
      <c r="CE108" s="982"/>
      <c r="CF108" s="982"/>
      <c r="CG108" s="982"/>
      <c r="CH108" s="982"/>
      <c r="CI108" s="982"/>
      <c r="CJ108" s="982"/>
      <c r="CK108" s="982"/>
      <c r="CL108" s="982"/>
      <c r="CM108" s="982"/>
      <c r="CN108" s="982"/>
      <c r="CO108" s="982"/>
      <c r="CP108" s="982"/>
      <c r="CQ108" s="982"/>
      <c r="CR108" s="982"/>
      <c r="CS108" s="982"/>
      <c r="CT108" s="982"/>
      <c r="CU108" s="982"/>
      <c r="CV108" s="982"/>
      <c r="CW108" s="982"/>
      <c r="CX108" s="982"/>
      <c r="CY108" s="982"/>
      <c r="CZ108" s="982"/>
      <c r="DA108" s="982"/>
      <c r="DB108" s="982"/>
      <c r="DC108" s="982"/>
      <c r="DD108" s="982"/>
      <c r="DE108" s="982"/>
      <c r="DF108" s="982"/>
      <c r="DG108" s="982"/>
      <c r="DH108" s="982"/>
      <c r="DI108" s="982"/>
      <c r="DJ108" s="982"/>
      <c r="DK108" s="982"/>
      <c r="DL108" s="982"/>
      <c r="DM108" s="982"/>
      <c r="DN108" s="982"/>
      <c r="DO108" s="982"/>
      <c r="DP108" s="982"/>
      <c r="DQ108" s="982"/>
      <c r="DR108" s="982"/>
      <c r="DS108" s="982"/>
      <c r="DT108" s="982"/>
      <c r="DU108" s="982"/>
      <c r="DV108" s="982"/>
      <c r="DW108" s="982"/>
      <c r="DX108" s="982"/>
      <c r="DY108" s="982"/>
      <c r="DZ108" s="983"/>
    </row>
    <row r="109" spans="1:131" s="225" customFormat="1" ht="26.25" customHeight="1" x14ac:dyDescent="0.2">
      <c r="A109" s="976" t="s">
        <v>423</v>
      </c>
      <c r="B109" s="957"/>
      <c r="C109" s="957"/>
      <c r="D109" s="957"/>
      <c r="E109" s="957"/>
      <c r="F109" s="957"/>
      <c r="G109" s="957"/>
      <c r="H109" s="957"/>
      <c r="I109" s="957"/>
      <c r="J109" s="957"/>
      <c r="K109" s="957"/>
      <c r="L109" s="957"/>
      <c r="M109" s="957"/>
      <c r="N109" s="957"/>
      <c r="O109" s="957"/>
      <c r="P109" s="957"/>
      <c r="Q109" s="957"/>
      <c r="R109" s="957"/>
      <c r="S109" s="957"/>
      <c r="T109" s="957"/>
      <c r="U109" s="957"/>
      <c r="V109" s="957"/>
      <c r="W109" s="957"/>
      <c r="X109" s="957"/>
      <c r="Y109" s="957"/>
      <c r="Z109" s="958"/>
      <c r="AA109" s="956" t="s">
        <v>424</v>
      </c>
      <c r="AB109" s="957"/>
      <c r="AC109" s="957"/>
      <c r="AD109" s="957"/>
      <c r="AE109" s="958"/>
      <c r="AF109" s="956" t="s">
        <v>425</v>
      </c>
      <c r="AG109" s="957"/>
      <c r="AH109" s="957"/>
      <c r="AI109" s="957"/>
      <c r="AJ109" s="958"/>
      <c r="AK109" s="956" t="s">
        <v>302</v>
      </c>
      <c r="AL109" s="957"/>
      <c r="AM109" s="957"/>
      <c r="AN109" s="957"/>
      <c r="AO109" s="958"/>
      <c r="AP109" s="956" t="s">
        <v>426</v>
      </c>
      <c r="AQ109" s="957"/>
      <c r="AR109" s="957"/>
      <c r="AS109" s="957"/>
      <c r="AT109" s="959"/>
      <c r="AU109" s="976" t="s">
        <v>423</v>
      </c>
      <c r="AV109" s="957"/>
      <c r="AW109" s="957"/>
      <c r="AX109" s="957"/>
      <c r="AY109" s="957"/>
      <c r="AZ109" s="957"/>
      <c r="BA109" s="957"/>
      <c r="BB109" s="957"/>
      <c r="BC109" s="957"/>
      <c r="BD109" s="957"/>
      <c r="BE109" s="957"/>
      <c r="BF109" s="957"/>
      <c r="BG109" s="957"/>
      <c r="BH109" s="957"/>
      <c r="BI109" s="957"/>
      <c r="BJ109" s="957"/>
      <c r="BK109" s="957"/>
      <c r="BL109" s="957"/>
      <c r="BM109" s="957"/>
      <c r="BN109" s="957"/>
      <c r="BO109" s="957"/>
      <c r="BP109" s="958"/>
      <c r="BQ109" s="956" t="s">
        <v>424</v>
      </c>
      <c r="BR109" s="957"/>
      <c r="BS109" s="957"/>
      <c r="BT109" s="957"/>
      <c r="BU109" s="958"/>
      <c r="BV109" s="956" t="s">
        <v>425</v>
      </c>
      <c r="BW109" s="957"/>
      <c r="BX109" s="957"/>
      <c r="BY109" s="957"/>
      <c r="BZ109" s="958"/>
      <c r="CA109" s="956" t="s">
        <v>302</v>
      </c>
      <c r="CB109" s="957"/>
      <c r="CC109" s="957"/>
      <c r="CD109" s="957"/>
      <c r="CE109" s="958"/>
      <c r="CF109" s="977" t="s">
        <v>426</v>
      </c>
      <c r="CG109" s="977"/>
      <c r="CH109" s="977"/>
      <c r="CI109" s="977"/>
      <c r="CJ109" s="977"/>
      <c r="CK109" s="956" t="s">
        <v>427</v>
      </c>
      <c r="CL109" s="957"/>
      <c r="CM109" s="957"/>
      <c r="CN109" s="957"/>
      <c r="CO109" s="957"/>
      <c r="CP109" s="957"/>
      <c r="CQ109" s="957"/>
      <c r="CR109" s="957"/>
      <c r="CS109" s="957"/>
      <c r="CT109" s="957"/>
      <c r="CU109" s="957"/>
      <c r="CV109" s="957"/>
      <c r="CW109" s="957"/>
      <c r="CX109" s="957"/>
      <c r="CY109" s="957"/>
      <c r="CZ109" s="957"/>
      <c r="DA109" s="957"/>
      <c r="DB109" s="957"/>
      <c r="DC109" s="957"/>
      <c r="DD109" s="957"/>
      <c r="DE109" s="957"/>
      <c r="DF109" s="958"/>
      <c r="DG109" s="956" t="s">
        <v>424</v>
      </c>
      <c r="DH109" s="957"/>
      <c r="DI109" s="957"/>
      <c r="DJ109" s="957"/>
      <c r="DK109" s="958"/>
      <c r="DL109" s="956" t="s">
        <v>425</v>
      </c>
      <c r="DM109" s="957"/>
      <c r="DN109" s="957"/>
      <c r="DO109" s="957"/>
      <c r="DP109" s="958"/>
      <c r="DQ109" s="956" t="s">
        <v>302</v>
      </c>
      <c r="DR109" s="957"/>
      <c r="DS109" s="957"/>
      <c r="DT109" s="957"/>
      <c r="DU109" s="958"/>
      <c r="DV109" s="956" t="s">
        <v>426</v>
      </c>
      <c r="DW109" s="957"/>
      <c r="DX109" s="957"/>
      <c r="DY109" s="957"/>
      <c r="DZ109" s="959"/>
    </row>
    <row r="110" spans="1:131" s="225" customFormat="1" ht="26.25" customHeight="1" x14ac:dyDescent="0.2">
      <c r="A110" s="960" t="s">
        <v>428</v>
      </c>
      <c r="B110" s="961"/>
      <c r="C110" s="961"/>
      <c r="D110" s="961"/>
      <c r="E110" s="961"/>
      <c r="F110" s="961"/>
      <c r="G110" s="961"/>
      <c r="H110" s="961"/>
      <c r="I110" s="961"/>
      <c r="J110" s="961"/>
      <c r="K110" s="961"/>
      <c r="L110" s="961"/>
      <c r="M110" s="961"/>
      <c r="N110" s="961"/>
      <c r="O110" s="961"/>
      <c r="P110" s="961"/>
      <c r="Q110" s="961"/>
      <c r="R110" s="961"/>
      <c r="S110" s="961"/>
      <c r="T110" s="961"/>
      <c r="U110" s="961"/>
      <c r="V110" s="961"/>
      <c r="W110" s="961"/>
      <c r="X110" s="961"/>
      <c r="Y110" s="961"/>
      <c r="Z110" s="962"/>
      <c r="AA110" s="963">
        <v>2795204</v>
      </c>
      <c r="AB110" s="964"/>
      <c r="AC110" s="964"/>
      <c r="AD110" s="964"/>
      <c r="AE110" s="965"/>
      <c r="AF110" s="966">
        <v>2667400</v>
      </c>
      <c r="AG110" s="964"/>
      <c r="AH110" s="964"/>
      <c r="AI110" s="964"/>
      <c r="AJ110" s="965"/>
      <c r="AK110" s="966">
        <v>2799306</v>
      </c>
      <c r="AL110" s="964"/>
      <c r="AM110" s="964"/>
      <c r="AN110" s="964"/>
      <c r="AO110" s="965"/>
      <c r="AP110" s="967">
        <v>14.9</v>
      </c>
      <c r="AQ110" s="968"/>
      <c r="AR110" s="968"/>
      <c r="AS110" s="968"/>
      <c r="AT110" s="969"/>
      <c r="AU110" s="970" t="s">
        <v>73</v>
      </c>
      <c r="AV110" s="971"/>
      <c r="AW110" s="971"/>
      <c r="AX110" s="971"/>
      <c r="AY110" s="971"/>
      <c r="AZ110" s="993" t="s">
        <v>429</v>
      </c>
      <c r="BA110" s="961"/>
      <c r="BB110" s="961"/>
      <c r="BC110" s="961"/>
      <c r="BD110" s="961"/>
      <c r="BE110" s="961"/>
      <c r="BF110" s="961"/>
      <c r="BG110" s="961"/>
      <c r="BH110" s="961"/>
      <c r="BI110" s="961"/>
      <c r="BJ110" s="961"/>
      <c r="BK110" s="961"/>
      <c r="BL110" s="961"/>
      <c r="BM110" s="961"/>
      <c r="BN110" s="961"/>
      <c r="BO110" s="961"/>
      <c r="BP110" s="962"/>
      <c r="BQ110" s="994">
        <v>23550659</v>
      </c>
      <c r="BR110" s="995"/>
      <c r="BS110" s="995"/>
      <c r="BT110" s="995"/>
      <c r="BU110" s="995"/>
      <c r="BV110" s="995">
        <v>23073228</v>
      </c>
      <c r="BW110" s="995"/>
      <c r="BX110" s="995"/>
      <c r="BY110" s="995"/>
      <c r="BZ110" s="995"/>
      <c r="CA110" s="995">
        <v>22402604</v>
      </c>
      <c r="CB110" s="995"/>
      <c r="CC110" s="995"/>
      <c r="CD110" s="995"/>
      <c r="CE110" s="995"/>
      <c r="CF110" s="1008">
        <v>118.9</v>
      </c>
      <c r="CG110" s="1009"/>
      <c r="CH110" s="1009"/>
      <c r="CI110" s="1009"/>
      <c r="CJ110" s="1009"/>
      <c r="CK110" s="1010" t="s">
        <v>430</v>
      </c>
      <c r="CL110" s="1011"/>
      <c r="CM110" s="993" t="s">
        <v>431</v>
      </c>
      <c r="CN110" s="961"/>
      <c r="CO110" s="961"/>
      <c r="CP110" s="961"/>
      <c r="CQ110" s="961"/>
      <c r="CR110" s="961"/>
      <c r="CS110" s="961"/>
      <c r="CT110" s="961"/>
      <c r="CU110" s="961"/>
      <c r="CV110" s="961"/>
      <c r="CW110" s="961"/>
      <c r="CX110" s="961"/>
      <c r="CY110" s="961"/>
      <c r="CZ110" s="961"/>
      <c r="DA110" s="961"/>
      <c r="DB110" s="961"/>
      <c r="DC110" s="961"/>
      <c r="DD110" s="961"/>
      <c r="DE110" s="961"/>
      <c r="DF110" s="962"/>
      <c r="DG110" s="994" t="s">
        <v>407</v>
      </c>
      <c r="DH110" s="995"/>
      <c r="DI110" s="995"/>
      <c r="DJ110" s="995"/>
      <c r="DK110" s="995"/>
      <c r="DL110" s="995" t="s">
        <v>127</v>
      </c>
      <c r="DM110" s="995"/>
      <c r="DN110" s="995"/>
      <c r="DO110" s="995"/>
      <c r="DP110" s="995"/>
      <c r="DQ110" s="995" t="s">
        <v>407</v>
      </c>
      <c r="DR110" s="995"/>
      <c r="DS110" s="995"/>
      <c r="DT110" s="995"/>
      <c r="DU110" s="995"/>
      <c r="DV110" s="996" t="s">
        <v>127</v>
      </c>
      <c r="DW110" s="996"/>
      <c r="DX110" s="996"/>
      <c r="DY110" s="996"/>
      <c r="DZ110" s="997"/>
    </row>
    <row r="111" spans="1:131" s="225" customFormat="1" ht="26.25" customHeight="1" x14ac:dyDescent="0.2">
      <c r="A111" s="998" t="s">
        <v>432</v>
      </c>
      <c r="B111" s="999"/>
      <c r="C111" s="999"/>
      <c r="D111" s="999"/>
      <c r="E111" s="999"/>
      <c r="F111" s="999"/>
      <c r="G111" s="999"/>
      <c r="H111" s="999"/>
      <c r="I111" s="999"/>
      <c r="J111" s="999"/>
      <c r="K111" s="999"/>
      <c r="L111" s="999"/>
      <c r="M111" s="999"/>
      <c r="N111" s="999"/>
      <c r="O111" s="999"/>
      <c r="P111" s="999"/>
      <c r="Q111" s="999"/>
      <c r="R111" s="999"/>
      <c r="S111" s="999"/>
      <c r="T111" s="999"/>
      <c r="U111" s="999"/>
      <c r="V111" s="999"/>
      <c r="W111" s="999"/>
      <c r="X111" s="999"/>
      <c r="Y111" s="999"/>
      <c r="Z111" s="1000"/>
      <c r="AA111" s="1001" t="s">
        <v>127</v>
      </c>
      <c r="AB111" s="1002"/>
      <c r="AC111" s="1002"/>
      <c r="AD111" s="1002"/>
      <c r="AE111" s="1003"/>
      <c r="AF111" s="1004" t="s">
        <v>127</v>
      </c>
      <c r="AG111" s="1002"/>
      <c r="AH111" s="1002"/>
      <c r="AI111" s="1002"/>
      <c r="AJ111" s="1003"/>
      <c r="AK111" s="1004" t="s">
        <v>127</v>
      </c>
      <c r="AL111" s="1002"/>
      <c r="AM111" s="1002"/>
      <c r="AN111" s="1002"/>
      <c r="AO111" s="1003"/>
      <c r="AP111" s="1005" t="s">
        <v>127</v>
      </c>
      <c r="AQ111" s="1006"/>
      <c r="AR111" s="1006"/>
      <c r="AS111" s="1006"/>
      <c r="AT111" s="1007"/>
      <c r="AU111" s="972"/>
      <c r="AV111" s="973"/>
      <c r="AW111" s="973"/>
      <c r="AX111" s="973"/>
      <c r="AY111" s="973"/>
      <c r="AZ111" s="986" t="s">
        <v>433</v>
      </c>
      <c r="BA111" s="987"/>
      <c r="BB111" s="987"/>
      <c r="BC111" s="987"/>
      <c r="BD111" s="987"/>
      <c r="BE111" s="987"/>
      <c r="BF111" s="987"/>
      <c r="BG111" s="987"/>
      <c r="BH111" s="987"/>
      <c r="BI111" s="987"/>
      <c r="BJ111" s="987"/>
      <c r="BK111" s="987"/>
      <c r="BL111" s="987"/>
      <c r="BM111" s="987"/>
      <c r="BN111" s="987"/>
      <c r="BO111" s="987"/>
      <c r="BP111" s="988"/>
      <c r="BQ111" s="989">
        <v>4505136</v>
      </c>
      <c r="BR111" s="990"/>
      <c r="BS111" s="990"/>
      <c r="BT111" s="990"/>
      <c r="BU111" s="990"/>
      <c r="BV111" s="990">
        <v>4084887</v>
      </c>
      <c r="BW111" s="990"/>
      <c r="BX111" s="990"/>
      <c r="BY111" s="990"/>
      <c r="BZ111" s="990"/>
      <c r="CA111" s="990">
        <v>3664453</v>
      </c>
      <c r="CB111" s="990"/>
      <c r="CC111" s="990"/>
      <c r="CD111" s="990"/>
      <c r="CE111" s="990"/>
      <c r="CF111" s="984">
        <v>19.5</v>
      </c>
      <c r="CG111" s="985"/>
      <c r="CH111" s="985"/>
      <c r="CI111" s="985"/>
      <c r="CJ111" s="985"/>
      <c r="CK111" s="1012"/>
      <c r="CL111" s="1013"/>
      <c r="CM111" s="986" t="s">
        <v>434</v>
      </c>
      <c r="CN111" s="987"/>
      <c r="CO111" s="987"/>
      <c r="CP111" s="987"/>
      <c r="CQ111" s="987"/>
      <c r="CR111" s="987"/>
      <c r="CS111" s="987"/>
      <c r="CT111" s="987"/>
      <c r="CU111" s="987"/>
      <c r="CV111" s="987"/>
      <c r="CW111" s="987"/>
      <c r="CX111" s="987"/>
      <c r="CY111" s="987"/>
      <c r="CZ111" s="987"/>
      <c r="DA111" s="987"/>
      <c r="DB111" s="987"/>
      <c r="DC111" s="987"/>
      <c r="DD111" s="987"/>
      <c r="DE111" s="987"/>
      <c r="DF111" s="988"/>
      <c r="DG111" s="989" t="s">
        <v>127</v>
      </c>
      <c r="DH111" s="990"/>
      <c r="DI111" s="990"/>
      <c r="DJ111" s="990"/>
      <c r="DK111" s="990"/>
      <c r="DL111" s="990" t="s">
        <v>127</v>
      </c>
      <c r="DM111" s="990"/>
      <c r="DN111" s="990"/>
      <c r="DO111" s="990"/>
      <c r="DP111" s="990"/>
      <c r="DQ111" s="990" t="s">
        <v>127</v>
      </c>
      <c r="DR111" s="990"/>
      <c r="DS111" s="990"/>
      <c r="DT111" s="990"/>
      <c r="DU111" s="990"/>
      <c r="DV111" s="991" t="s">
        <v>127</v>
      </c>
      <c r="DW111" s="991"/>
      <c r="DX111" s="991"/>
      <c r="DY111" s="991"/>
      <c r="DZ111" s="992"/>
    </row>
    <row r="112" spans="1:131" s="225" customFormat="1" ht="26.25" customHeight="1" x14ac:dyDescent="0.2">
      <c r="A112" s="1016" t="s">
        <v>435</v>
      </c>
      <c r="B112" s="1017"/>
      <c r="C112" s="987" t="s">
        <v>436</v>
      </c>
      <c r="D112" s="987"/>
      <c r="E112" s="987"/>
      <c r="F112" s="987"/>
      <c r="G112" s="987"/>
      <c r="H112" s="987"/>
      <c r="I112" s="987"/>
      <c r="J112" s="987"/>
      <c r="K112" s="987"/>
      <c r="L112" s="987"/>
      <c r="M112" s="987"/>
      <c r="N112" s="987"/>
      <c r="O112" s="987"/>
      <c r="P112" s="987"/>
      <c r="Q112" s="987"/>
      <c r="R112" s="987"/>
      <c r="S112" s="987"/>
      <c r="T112" s="987"/>
      <c r="U112" s="987"/>
      <c r="V112" s="987"/>
      <c r="W112" s="987"/>
      <c r="X112" s="987"/>
      <c r="Y112" s="987"/>
      <c r="Z112" s="988"/>
      <c r="AA112" s="1022" t="s">
        <v>127</v>
      </c>
      <c r="AB112" s="1023"/>
      <c r="AC112" s="1023"/>
      <c r="AD112" s="1023"/>
      <c r="AE112" s="1024"/>
      <c r="AF112" s="1025" t="s">
        <v>127</v>
      </c>
      <c r="AG112" s="1023"/>
      <c r="AH112" s="1023"/>
      <c r="AI112" s="1023"/>
      <c r="AJ112" s="1024"/>
      <c r="AK112" s="1025" t="s">
        <v>127</v>
      </c>
      <c r="AL112" s="1023"/>
      <c r="AM112" s="1023"/>
      <c r="AN112" s="1023"/>
      <c r="AO112" s="1024"/>
      <c r="AP112" s="1026" t="s">
        <v>127</v>
      </c>
      <c r="AQ112" s="1027"/>
      <c r="AR112" s="1027"/>
      <c r="AS112" s="1027"/>
      <c r="AT112" s="1028"/>
      <c r="AU112" s="972"/>
      <c r="AV112" s="973"/>
      <c r="AW112" s="973"/>
      <c r="AX112" s="973"/>
      <c r="AY112" s="973"/>
      <c r="AZ112" s="986" t="s">
        <v>437</v>
      </c>
      <c r="BA112" s="987"/>
      <c r="BB112" s="987"/>
      <c r="BC112" s="987"/>
      <c r="BD112" s="987"/>
      <c r="BE112" s="987"/>
      <c r="BF112" s="987"/>
      <c r="BG112" s="987"/>
      <c r="BH112" s="987"/>
      <c r="BI112" s="987"/>
      <c r="BJ112" s="987"/>
      <c r="BK112" s="987"/>
      <c r="BL112" s="987"/>
      <c r="BM112" s="987"/>
      <c r="BN112" s="987"/>
      <c r="BO112" s="987"/>
      <c r="BP112" s="988"/>
      <c r="BQ112" s="989">
        <v>10765417</v>
      </c>
      <c r="BR112" s="990"/>
      <c r="BS112" s="990"/>
      <c r="BT112" s="990"/>
      <c r="BU112" s="990"/>
      <c r="BV112" s="990">
        <v>9669224</v>
      </c>
      <c r="BW112" s="990"/>
      <c r="BX112" s="990"/>
      <c r="BY112" s="990"/>
      <c r="BZ112" s="990"/>
      <c r="CA112" s="990">
        <v>8324897</v>
      </c>
      <c r="CB112" s="990"/>
      <c r="CC112" s="990"/>
      <c r="CD112" s="990"/>
      <c r="CE112" s="990"/>
      <c r="CF112" s="984">
        <v>44.2</v>
      </c>
      <c r="CG112" s="985"/>
      <c r="CH112" s="985"/>
      <c r="CI112" s="985"/>
      <c r="CJ112" s="985"/>
      <c r="CK112" s="1012"/>
      <c r="CL112" s="1013"/>
      <c r="CM112" s="986" t="s">
        <v>438</v>
      </c>
      <c r="CN112" s="987"/>
      <c r="CO112" s="987"/>
      <c r="CP112" s="987"/>
      <c r="CQ112" s="987"/>
      <c r="CR112" s="987"/>
      <c r="CS112" s="987"/>
      <c r="CT112" s="987"/>
      <c r="CU112" s="987"/>
      <c r="CV112" s="987"/>
      <c r="CW112" s="987"/>
      <c r="CX112" s="987"/>
      <c r="CY112" s="987"/>
      <c r="CZ112" s="987"/>
      <c r="DA112" s="987"/>
      <c r="DB112" s="987"/>
      <c r="DC112" s="987"/>
      <c r="DD112" s="987"/>
      <c r="DE112" s="987"/>
      <c r="DF112" s="988"/>
      <c r="DG112" s="989" t="s">
        <v>127</v>
      </c>
      <c r="DH112" s="990"/>
      <c r="DI112" s="990"/>
      <c r="DJ112" s="990"/>
      <c r="DK112" s="990"/>
      <c r="DL112" s="990" t="s">
        <v>127</v>
      </c>
      <c r="DM112" s="990"/>
      <c r="DN112" s="990"/>
      <c r="DO112" s="990"/>
      <c r="DP112" s="990"/>
      <c r="DQ112" s="990" t="s">
        <v>127</v>
      </c>
      <c r="DR112" s="990"/>
      <c r="DS112" s="990"/>
      <c r="DT112" s="990"/>
      <c r="DU112" s="990"/>
      <c r="DV112" s="991" t="s">
        <v>127</v>
      </c>
      <c r="DW112" s="991"/>
      <c r="DX112" s="991"/>
      <c r="DY112" s="991"/>
      <c r="DZ112" s="992"/>
    </row>
    <row r="113" spans="1:130" s="225" customFormat="1" ht="26.25" customHeight="1" x14ac:dyDescent="0.2">
      <c r="A113" s="1018"/>
      <c r="B113" s="1019"/>
      <c r="C113" s="987" t="s">
        <v>439</v>
      </c>
      <c r="D113" s="987"/>
      <c r="E113" s="987"/>
      <c r="F113" s="987"/>
      <c r="G113" s="987"/>
      <c r="H113" s="987"/>
      <c r="I113" s="987"/>
      <c r="J113" s="987"/>
      <c r="K113" s="987"/>
      <c r="L113" s="987"/>
      <c r="M113" s="987"/>
      <c r="N113" s="987"/>
      <c r="O113" s="987"/>
      <c r="P113" s="987"/>
      <c r="Q113" s="987"/>
      <c r="R113" s="987"/>
      <c r="S113" s="987"/>
      <c r="T113" s="987"/>
      <c r="U113" s="987"/>
      <c r="V113" s="987"/>
      <c r="W113" s="987"/>
      <c r="X113" s="987"/>
      <c r="Y113" s="987"/>
      <c r="Z113" s="988"/>
      <c r="AA113" s="1001">
        <v>718521</v>
      </c>
      <c r="AB113" s="1002"/>
      <c r="AC113" s="1002"/>
      <c r="AD113" s="1002"/>
      <c r="AE113" s="1003"/>
      <c r="AF113" s="1004">
        <v>589744</v>
      </c>
      <c r="AG113" s="1002"/>
      <c r="AH113" s="1002"/>
      <c r="AI113" s="1002"/>
      <c r="AJ113" s="1003"/>
      <c r="AK113" s="1004">
        <v>500492</v>
      </c>
      <c r="AL113" s="1002"/>
      <c r="AM113" s="1002"/>
      <c r="AN113" s="1002"/>
      <c r="AO113" s="1003"/>
      <c r="AP113" s="1005">
        <v>2.7</v>
      </c>
      <c r="AQ113" s="1006"/>
      <c r="AR113" s="1006"/>
      <c r="AS113" s="1006"/>
      <c r="AT113" s="1007"/>
      <c r="AU113" s="972"/>
      <c r="AV113" s="973"/>
      <c r="AW113" s="973"/>
      <c r="AX113" s="973"/>
      <c r="AY113" s="973"/>
      <c r="AZ113" s="986" t="s">
        <v>440</v>
      </c>
      <c r="BA113" s="987"/>
      <c r="BB113" s="987"/>
      <c r="BC113" s="987"/>
      <c r="BD113" s="987"/>
      <c r="BE113" s="987"/>
      <c r="BF113" s="987"/>
      <c r="BG113" s="987"/>
      <c r="BH113" s="987"/>
      <c r="BI113" s="987"/>
      <c r="BJ113" s="987"/>
      <c r="BK113" s="987"/>
      <c r="BL113" s="987"/>
      <c r="BM113" s="987"/>
      <c r="BN113" s="987"/>
      <c r="BO113" s="987"/>
      <c r="BP113" s="988"/>
      <c r="BQ113" s="989">
        <v>2113416</v>
      </c>
      <c r="BR113" s="990"/>
      <c r="BS113" s="990"/>
      <c r="BT113" s="990"/>
      <c r="BU113" s="990"/>
      <c r="BV113" s="990">
        <v>1900945</v>
      </c>
      <c r="BW113" s="990"/>
      <c r="BX113" s="990"/>
      <c r="BY113" s="990"/>
      <c r="BZ113" s="990"/>
      <c r="CA113" s="990">
        <v>1660550</v>
      </c>
      <c r="CB113" s="990"/>
      <c r="CC113" s="990"/>
      <c r="CD113" s="990"/>
      <c r="CE113" s="990"/>
      <c r="CF113" s="984">
        <v>8.8000000000000007</v>
      </c>
      <c r="CG113" s="985"/>
      <c r="CH113" s="985"/>
      <c r="CI113" s="985"/>
      <c r="CJ113" s="985"/>
      <c r="CK113" s="1012"/>
      <c r="CL113" s="1013"/>
      <c r="CM113" s="986" t="s">
        <v>441</v>
      </c>
      <c r="CN113" s="987"/>
      <c r="CO113" s="987"/>
      <c r="CP113" s="987"/>
      <c r="CQ113" s="987"/>
      <c r="CR113" s="987"/>
      <c r="CS113" s="987"/>
      <c r="CT113" s="987"/>
      <c r="CU113" s="987"/>
      <c r="CV113" s="987"/>
      <c r="CW113" s="987"/>
      <c r="CX113" s="987"/>
      <c r="CY113" s="987"/>
      <c r="CZ113" s="987"/>
      <c r="DA113" s="987"/>
      <c r="DB113" s="987"/>
      <c r="DC113" s="987"/>
      <c r="DD113" s="987"/>
      <c r="DE113" s="987"/>
      <c r="DF113" s="988"/>
      <c r="DG113" s="1022" t="s">
        <v>127</v>
      </c>
      <c r="DH113" s="1023"/>
      <c r="DI113" s="1023"/>
      <c r="DJ113" s="1023"/>
      <c r="DK113" s="1024"/>
      <c r="DL113" s="1025" t="s">
        <v>127</v>
      </c>
      <c r="DM113" s="1023"/>
      <c r="DN113" s="1023"/>
      <c r="DO113" s="1023"/>
      <c r="DP113" s="1024"/>
      <c r="DQ113" s="1025" t="s">
        <v>127</v>
      </c>
      <c r="DR113" s="1023"/>
      <c r="DS113" s="1023"/>
      <c r="DT113" s="1023"/>
      <c r="DU113" s="1024"/>
      <c r="DV113" s="1026" t="s">
        <v>127</v>
      </c>
      <c r="DW113" s="1027"/>
      <c r="DX113" s="1027"/>
      <c r="DY113" s="1027"/>
      <c r="DZ113" s="1028"/>
    </row>
    <row r="114" spans="1:130" s="225" customFormat="1" ht="26.25" customHeight="1" x14ac:dyDescent="0.2">
      <c r="A114" s="1018"/>
      <c r="B114" s="1019"/>
      <c r="C114" s="987" t="s">
        <v>442</v>
      </c>
      <c r="D114" s="987"/>
      <c r="E114" s="987"/>
      <c r="F114" s="987"/>
      <c r="G114" s="987"/>
      <c r="H114" s="987"/>
      <c r="I114" s="987"/>
      <c r="J114" s="987"/>
      <c r="K114" s="987"/>
      <c r="L114" s="987"/>
      <c r="M114" s="987"/>
      <c r="N114" s="987"/>
      <c r="O114" s="987"/>
      <c r="P114" s="987"/>
      <c r="Q114" s="987"/>
      <c r="R114" s="987"/>
      <c r="S114" s="987"/>
      <c r="T114" s="987"/>
      <c r="U114" s="987"/>
      <c r="V114" s="987"/>
      <c r="W114" s="987"/>
      <c r="X114" s="987"/>
      <c r="Y114" s="987"/>
      <c r="Z114" s="988"/>
      <c r="AA114" s="1022">
        <v>204088</v>
      </c>
      <c r="AB114" s="1023"/>
      <c r="AC114" s="1023"/>
      <c r="AD114" s="1023"/>
      <c r="AE114" s="1024"/>
      <c r="AF114" s="1025">
        <v>245779</v>
      </c>
      <c r="AG114" s="1023"/>
      <c r="AH114" s="1023"/>
      <c r="AI114" s="1023"/>
      <c r="AJ114" s="1024"/>
      <c r="AK114" s="1025">
        <v>259945</v>
      </c>
      <c r="AL114" s="1023"/>
      <c r="AM114" s="1023"/>
      <c r="AN114" s="1023"/>
      <c r="AO114" s="1024"/>
      <c r="AP114" s="1026">
        <v>1.4</v>
      </c>
      <c r="AQ114" s="1027"/>
      <c r="AR114" s="1027"/>
      <c r="AS114" s="1027"/>
      <c r="AT114" s="1028"/>
      <c r="AU114" s="972"/>
      <c r="AV114" s="973"/>
      <c r="AW114" s="973"/>
      <c r="AX114" s="973"/>
      <c r="AY114" s="973"/>
      <c r="AZ114" s="986" t="s">
        <v>443</v>
      </c>
      <c r="BA114" s="987"/>
      <c r="BB114" s="987"/>
      <c r="BC114" s="987"/>
      <c r="BD114" s="987"/>
      <c r="BE114" s="987"/>
      <c r="BF114" s="987"/>
      <c r="BG114" s="987"/>
      <c r="BH114" s="987"/>
      <c r="BI114" s="987"/>
      <c r="BJ114" s="987"/>
      <c r="BK114" s="987"/>
      <c r="BL114" s="987"/>
      <c r="BM114" s="987"/>
      <c r="BN114" s="987"/>
      <c r="BO114" s="987"/>
      <c r="BP114" s="988"/>
      <c r="BQ114" s="989">
        <v>2915450</v>
      </c>
      <c r="BR114" s="990"/>
      <c r="BS114" s="990"/>
      <c r="BT114" s="990"/>
      <c r="BU114" s="990"/>
      <c r="BV114" s="990">
        <v>3039175</v>
      </c>
      <c r="BW114" s="990"/>
      <c r="BX114" s="990"/>
      <c r="BY114" s="990"/>
      <c r="BZ114" s="990"/>
      <c r="CA114" s="990">
        <v>3411647</v>
      </c>
      <c r="CB114" s="990"/>
      <c r="CC114" s="990"/>
      <c r="CD114" s="990"/>
      <c r="CE114" s="990"/>
      <c r="CF114" s="984">
        <v>18.100000000000001</v>
      </c>
      <c r="CG114" s="985"/>
      <c r="CH114" s="985"/>
      <c r="CI114" s="985"/>
      <c r="CJ114" s="985"/>
      <c r="CK114" s="1012"/>
      <c r="CL114" s="1013"/>
      <c r="CM114" s="986" t="s">
        <v>444</v>
      </c>
      <c r="CN114" s="987"/>
      <c r="CO114" s="987"/>
      <c r="CP114" s="987"/>
      <c r="CQ114" s="987"/>
      <c r="CR114" s="987"/>
      <c r="CS114" s="987"/>
      <c r="CT114" s="987"/>
      <c r="CU114" s="987"/>
      <c r="CV114" s="987"/>
      <c r="CW114" s="987"/>
      <c r="CX114" s="987"/>
      <c r="CY114" s="987"/>
      <c r="CZ114" s="987"/>
      <c r="DA114" s="987"/>
      <c r="DB114" s="987"/>
      <c r="DC114" s="987"/>
      <c r="DD114" s="987"/>
      <c r="DE114" s="987"/>
      <c r="DF114" s="988"/>
      <c r="DG114" s="1022" t="s">
        <v>127</v>
      </c>
      <c r="DH114" s="1023"/>
      <c r="DI114" s="1023"/>
      <c r="DJ114" s="1023"/>
      <c r="DK114" s="1024"/>
      <c r="DL114" s="1025" t="s">
        <v>127</v>
      </c>
      <c r="DM114" s="1023"/>
      <c r="DN114" s="1023"/>
      <c r="DO114" s="1023"/>
      <c r="DP114" s="1024"/>
      <c r="DQ114" s="1025" t="s">
        <v>127</v>
      </c>
      <c r="DR114" s="1023"/>
      <c r="DS114" s="1023"/>
      <c r="DT114" s="1023"/>
      <c r="DU114" s="1024"/>
      <c r="DV114" s="1026" t="s">
        <v>127</v>
      </c>
      <c r="DW114" s="1027"/>
      <c r="DX114" s="1027"/>
      <c r="DY114" s="1027"/>
      <c r="DZ114" s="1028"/>
    </row>
    <row r="115" spans="1:130" s="225" customFormat="1" ht="26.25" customHeight="1" x14ac:dyDescent="0.2">
      <c r="A115" s="1018"/>
      <c r="B115" s="1019"/>
      <c r="C115" s="987" t="s">
        <v>445</v>
      </c>
      <c r="D115" s="987"/>
      <c r="E115" s="987"/>
      <c r="F115" s="987"/>
      <c r="G115" s="987"/>
      <c r="H115" s="987"/>
      <c r="I115" s="987"/>
      <c r="J115" s="987"/>
      <c r="K115" s="987"/>
      <c r="L115" s="987"/>
      <c r="M115" s="987"/>
      <c r="N115" s="987"/>
      <c r="O115" s="987"/>
      <c r="P115" s="987"/>
      <c r="Q115" s="987"/>
      <c r="R115" s="987"/>
      <c r="S115" s="987"/>
      <c r="T115" s="987"/>
      <c r="U115" s="987"/>
      <c r="V115" s="987"/>
      <c r="W115" s="987"/>
      <c r="X115" s="987"/>
      <c r="Y115" s="987"/>
      <c r="Z115" s="988"/>
      <c r="AA115" s="1001">
        <v>438421</v>
      </c>
      <c r="AB115" s="1002"/>
      <c r="AC115" s="1002"/>
      <c r="AD115" s="1002"/>
      <c r="AE115" s="1003"/>
      <c r="AF115" s="1004">
        <v>453486</v>
      </c>
      <c r="AG115" s="1002"/>
      <c r="AH115" s="1002"/>
      <c r="AI115" s="1002"/>
      <c r="AJ115" s="1003"/>
      <c r="AK115" s="1004">
        <v>449239</v>
      </c>
      <c r="AL115" s="1002"/>
      <c r="AM115" s="1002"/>
      <c r="AN115" s="1002"/>
      <c r="AO115" s="1003"/>
      <c r="AP115" s="1005">
        <v>2.4</v>
      </c>
      <c r="AQ115" s="1006"/>
      <c r="AR115" s="1006"/>
      <c r="AS115" s="1006"/>
      <c r="AT115" s="1007"/>
      <c r="AU115" s="972"/>
      <c r="AV115" s="973"/>
      <c r="AW115" s="973"/>
      <c r="AX115" s="973"/>
      <c r="AY115" s="973"/>
      <c r="AZ115" s="986" t="s">
        <v>446</v>
      </c>
      <c r="BA115" s="987"/>
      <c r="BB115" s="987"/>
      <c r="BC115" s="987"/>
      <c r="BD115" s="987"/>
      <c r="BE115" s="987"/>
      <c r="BF115" s="987"/>
      <c r="BG115" s="987"/>
      <c r="BH115" s="987"/>
      <c r="BI115" s="987"/>
      <c r="BJ115" s="987"/>
      <c r="BK115" s="987"/>
      <c r="BL115" s="987"/>
      <c r="BM115" s="987"/>
      <c r="BN115" s="987"/>
      <c r="BO115" s="987"/>
      <c r="BP115" s="988"/>
      <c r="BQ115" s="989">
        <v>186662</v>
      </c>
      <c r="BR115" s="990"/>
      <c r="BS115" s="990"/>
      <c r="BT115" s="990"/>
      <c r="BU115" s="990"/>
      <c r="BV115" s="990">
        <v>157475</v>
      </c>
      <c r="BW115" s="990"/>
      <c r="BX115" s="990"/>
      <c r="BY115" s="990"/>
      <c r="BZ115" s="990"/>
      <c r="CA115" s="990">
        <v>128288</v>
      </c>
      <c r="CB115" s="990"/>
      <c r="CC115" s="990"/>
      <c r="CD115" s="990"/>
      <c r="CE115" s="990"/>
      <c r="CF115" s="984">
        <v>0.7</v>
      </c>
      <c r="CG115" s="985"/>
      <c r="CH115" s="985"/>
      <c r="CI115" s="985"/>
      <c r="CJ115" s="985"/>
      <c r="CK115" s="1012"/>
      <c r="CL115" s="1013"/>
      <c r="CM115" s="986" t="s">
        <v>447</v>
      </c>
      <c r="CN115" s="987"/>
      <c r="CO115" s="987"/>
      <c r="CP115" s="987"/>
      <c r="CQ115" s="987"/>
      <c r="CR115" s="987"/>
      <c r="CS115" s="987"/>
      <c r="CT115" s="987"/>
      <c r="CU115" s="987"/>
      <c r="CV115" s="987"/>
      <c r="CW115" s="987"/>
      <c r="CX115" s="987"/>
      <c r="CY115" s="987"/>
      <c r="CZ115" s="987"/>
      <c r="DA115" s="987"/>
      <c r="DB115" s="987"/>
      <c r="DC115" s="987"/>
      <c r="DD115" s="987"/>
      <c r="DE115" s="987"/>
      <c r="DF115" s="988"/>
      <c r="DG115" s="1022">
        <v>1567543</v>
      </c>
      <c r="DH115" s="1023"/>
      <c r="DI115" s="1023"/>
      <c r="DJ115" s="1023"/>
      <c r="DK115" s="1024"/>
      <c r="DL115" s="1025">
        <v>1569016</v>
      </c>
      <c r="DM115" s="1023"/>
      <c r="DN115" s="1023"/>
      <c r="DO115" s="1023"/>
      <c r="DP115" s="1024"/>
      <c r="DQ115" s="1025">
        <v>1570304</v>
      </c>
      <c r="DR115" s="1023"/>
      <c r="DS115" s="1023"/>
      <c r="DT115" s="1023"/>
      <c r="DU115" s="1024"/>
      <c r="DV115" s="1026">
        <v>8.3000000000000007</v>
      </c>
      <c r="DW115" s="1027"/>
      <c r="DX115" s="1027"/>
      <c r="DY115" s="1027"/>
      <c r="DZ115" s="1028"/>
    </row>
    <row r="116" spans="1:130" s="225" customFormat="1" ht="26.25" customHeight="1" x14ac:dyDescent="0.2">
      <c r="A116" s="1020"/>
      <c r="B116" s="1021"/>
      <c r="C116" s="1029" t="s">
        <v>448</v>
      </c>
      <c r="D116" s="1029"/>
      <c r="E116" s="1029"/>
      <c r="F116" s="1029"/>
      <c r="G116" s="1029"/>
      <c r="H116" s="1029"/>
      <c r="I116" s="1029"/>
      <c r="J116" s="1029"/>
      <c r="K116" s="1029"/>
      <c r="L116" s="1029"/>
      <c r="M116" s="1029"/>
      <c r="N116" s="1029"/>
      <c r="O116" s="1029"/>
      <c r="P116" s="1029"/>
      <c r="Q116" s="1029"/>
      <c r="R116" s="1029"/>
      <c r="S116" s="1029"/>
      <c r="T116" s="1029"/>
      <c r="U116" s="1029"/>
      <c r="V116" s="1029"/>
      <c r="W116" s="1029"/>
      <c r="X116" s="1029"/>
      <c r="Y116" s="1029"/>
      <c r="Z116" s="1030"/>
      <c r="AA116" s="1022">
        <v>485</v>
      </c>
      <c r="AB116" s="1023"/>
      <c r="AC116" s="1023"/>
      <c r="AD116" s="1023"/>
      <c r="AE116" s="1024"/>
      <c r="AF116" s="1025">
        <v>606</v>
      </c>
      <c r="AG116" s="1023"/>
      <c r="AH116" s="1023"/>
      <c r="AI116" s="1023"/>
      <c r="AJ116" s="1024"/>
      <c r="AK116" s="1025">
        <v>606</v>
      </c>
      <c r="AL116" s="1023"/>
      <c r="AM116" s="1023"/>
      <c r="AN116" s="1023"/>
      <c r="AO116" s="1024"/>
      <c r="AP116" s="1026">
        <v>0</v>
      </c>
      <c r="AQ116" s="1027"/>
      <c r="AR116" s="1027"/>
      <c r="AS116" s="1027"/>
      <c r="AT116" s="1028"/>
      <c r="AU116" s="972"/>
      <c r="AV116" s="973"/>
      <c r="AW116" s="973"/>
      <c r="AX116" s="973"/>
      <c r="AY116" s="973"/>
      <c r="AZ116" s="1031" t="s">
        <v>449</v>
      </c>
      <c r="BA116" s="1032"/>
      <c r="BB116" s="1032"/>
      <c r="BC116" s="1032"/>
      <c r="BD116" s="1032"/>
      <c r="BE116" s="1032"/>
      <c r="BF116" s="1032"/>
      <c r="BG116" s="1032"/>
      <c r="BH116" s="1032"/>
      <c r="BI116" s="1032"/>
      <c r="BJ116" s="1032"/>
      <c r="BK116" s="1032"/>
      <c r="BL116" s="1032"/>
      <c r="BM116" s="1032"/>
      <c r="BN116" s="1032"/>
      <c r="BO116" s="1032"/>
      <c r="BP116" s="1033"/>
      <c r="BQ116" s="989" t="s">
        <v>127</v>
      </c>
      <c r="BR116" s="990"/>
      <c r="BS116" s="990"/>
      <c r="BT116" s="990"/>
      <c r="BU116" s="990"/>
      <c r="BV116" s="990" t="s">
        <v>127</v>
      </c>
      <c r="BW116" s="990"/>
      <c r="BX116" s="990"/>
      <c r="BY116" s="990"/>
      <c r="BZ116" s="990"/>
      <c r="CA116" s="990" t="s">
        <v>127</v>
      </c>
      <c r="CB116" s="990"/>
      <c r="CC116" s="990"/>
      <c r="CD116" s="990"/>
      <c r="CE116" s="990"/>
      <c r="CF116" s="984" t="s">
        <v>127</v>
      </c>
      <c r="CG116" s="985"/>
      <c r="CH116" s="985"/>
      <c r="CI116" s="985"/>
      <c r="CJ116" s="985"/>
      <c r="CK116" s="1012"/>
      <c r="CL116" s="1013"/>
      <c r="CM116" s="986" t="s">
        <v>450</v>
      </c>
      <c r="CN116" s="987"/>
      <c r="CO116" s="987"/>
      <c r="CP116" s="987"/>
      <c r="CQ116" s="987"/>
      <c r="CR116" s="987"/>
      <c r="CS116" s="987"/>
      <c r="CT116" s="987"/>
      <c r="CU116" s="987"/>
      <c r="CV116" s="987"/>
      <c r="CW116" s="987"/>
      <c r="CX116" s="987"/>
      <c r="CY116" s="987"/>
      <c r="CZ116" s="987"/>
      <c r="DA116" s="987"/>
      <c r="DB116" s="987"/>
      <c r="DC116" s="987"/>
      <c r="DD116" s="987"/>
      <c r="DE116" s="987"/>
      <c r="DF116" s="988"/>
      <c r="DG116" s="1022" t="s">
        <v>127</v>
      </c>
      <c r="DH116" s="1023"/>
      <c r="DI116" s="1023"/>
      <c r="DJ116" s="1023"/>
      <c r="DK116" s="1024"/>
      <c r="DL116" s="1025" t="s">
        <v>127</v>
      </c>
      <c r="DM116" s="1023"/>
      <c r="DN116" s="1023"/>
      <c r="DO116" s="1023"/>
      <c r="DP116" s="1024"/>
      <c r="DQ116" s="1025" t="s">
        <v>127</v>
      </c>
      <c r="DR116" s="1023"/>
      <c r="DS116" s="1023"/>
      <c r="DT116" s="1023"/>
      <c r="DU116" s="1024"/>
      <c r="DV116" s="1026" t="s">
        <v>127</v>
      </c>
      <c r="DW116" s="1027"/>
      <c r="DX116" s="1027"/>
      <c r="DY116" s="1027"/>
      <c r="DZ116" s="1028"/>
    </row>
    <row r="117" spans="1:130" s="225" customFormat="1" ht="26.25" customHeight="1" x14ac:dyDescent="0.2">
      <c r="A117" s="976" t="s">
        <v>184</v>
      </c>
      <c r="B117" s="957"/>
      <c r="C117" s="957"/>
      <c r="D117" s="957"/>
      <c r="E117" s="957"/>
      <c r="F117" s="957"/>
      <c r="G117" s="957"/>
      <c r="H117" s="957"/>
      <c r="I117" s="957"/>
      <c r="J117" s="957"/>
      <c r="K117" s="957"/>
      <c r="L117" s="957"/>
      <c r="M117" s="957"/>
      <c r="N117" s="957"/>
      <c r="O117" s="957"/>
      <c r="P117" s="957"/>
      <c r="Q117" s="957"/>
      <c r="R117" s="957"/>
      <c r="S117" s="957"/>
      <c r="T117" s="957"/>
      <c r="U117" s="957"/>
      <c r="V117" s="957"/>
      <c r="W117" s="957"/>
      <c r="X117" s="957"/>
      <c r="Y117" s="1041" t="s">
        <v>451</v>
      </c>
      <c r="Z117" s="958"/>
      <c r="AA117" s="1042">
        <v>4156719</v>
      </c>
      <c r="AB117" s="1043"/>
      <c r="AC117" s="1043"/>
      <c r="AD117" s="1043"/>
      <c r="AE117" s="1044"/>
      <c r="AF117" s="1045">
        <v>3957015</v>
      </c>
      <c r="AG117" s="1043"/>
      <c r="AH117" s="1043"/>
      <c r="AI117" s="1043"/>
      <c r="AJ117" s="1044"/>
      <c r="AK117" s="1045">
        <v>4009588</v>
      </c>
      <c r="AL117" s="1043"/>
      <c r="AM117" s="1043"/>
      <c r="AN117" s="1043"/>
      <c r="AO117" s="1044"/>
      <c r="AP117" s="1046"/>
      <c r="AQ117" s="1047"/>
      <c r="AR117" s="1047"/>
      <c r="AS117" s="1047"/>
      <c r="AT117" s="1048"/>
      <c r="AU117" s="972"/>
      <c r="AV117" s="973"/>
      <c r="AW117" s="973"/>
      <c r="AX117" s="973"/>
      <c r="AY117" s="973"/>
      <c r="AZ117" s="1038" t="s">
        <v>452</v>
      </c>
      <c r="BA117" s="1039"/>
      <c r="BB117" s="1039"/>
      <c r="BC117" s="1039"/>
      <c r="BD117" s="1039"/>
      <c r="BE117" s="1039"/>
      <c r="BF117" s="1039"/>
      <c r="BG117" s="1039"/>
      <c r="BH117" s="1039"/>
      <c r="BI117" s="1039"/>
      <c r="BJ117" s="1039"/>
      <c r="BK117" s="1039"/>
      <c r="BL117" s="1039"/>
      <c r="BM117" s="1039"/>
      <c r="BN117" s="1039"/>
      <c r="BO117" s="1039"/>
      <c r="BP117" s="1040"/>
      <c r="BQ117" s="989" t="s">
        <v>127</v>
      </c>
      <c r="BR117" s="990"/>
      <c r="BS117" s="990"/>
      <c r="BT117" s="990"/>
      <c r="BU117" s="990"/>
      <c r="BV117" s="990" t="s">
        <v>127</v>
      </c>
      <c r="BW117" s="990"/>
      <c r="BX117" s="990"/>
      <c r="BY117" s="990"/>
      <c r="BZ117" s="990"/>
      <c r="CA117" s="990" t="s">
        <v>127</v>
      </c>
      <c r="CB117" s="990"/>
      <c r="CC117" s="990"/>
      <c r="CD117" s="990"/>
      <c r="CE117" s="990"/>
      <c r="CF117" s="984" t="s">
        <v>127</v>
      </c>
      <c r="CG117" s="985"/>
      <c r="CH117" s="985"/>
      <c r="CI117" s="985"/>
      <c r="CJ117" s="985"/>
      <c r="CK117" s="1012"/>
      <c r="CL117" s="1013"/>
      <c r="CM117" s="986" t="s">
        <v>453</v>
      </c>
      <c r="CN117" s="987"/>
      <c r="CO117" s="987"/>
      <c r="CP117" s="987"/>
      <c r="CQ117" s="987"/>
      <c r="CR117" s="987"/>
      <c r="CS117" s="987"/>
      <c r="CT117" s="987"/>
      <c r="CU117" s="987"/>
      <c r="CV117" s="987"/>
      <c r="CW117" s="987"/>
      <c r="CX117" s="987"/>
      <c r="CY117" s="987"/>
      <c r="CZ117" s="987"/>
      <c r="DA117" s="987"/>
      <c r="DB117" s="987"/>
      <c r="DC117" s="987"/>
      <c r="DD117" s="987"/>
      <c r="DE117" s="987"/>
      <c r="DF117" s="988"/>
      <c r="DG117" s="1022" t="s">
        <v>127</v>
      </c>
      <c r="DH117" s="1023"/>
      <c r="DI117" s="1023"/>
      <c r="DJ117" s="1023"/>
      <c r="DK117" s="1024"/>
      <c r="DL117" s="1025" t="s">
        <v>127</v>
      </c>
      <c r="DM117" s="1023"/>
      <c r="DN117" s="1023"/>
      <c r="DO117" s="1023"/>
      <c r="DP117" s="1024"/>
      <c r="DQ117" s="1025" t="s">
        <v>127</v>
      </c>
      <c r="DR117" s="1023"/>
      <c r="DS117" s="1023"/>
      <c r="DT117" s="1023"/>
      <c r="DU117" s="1024"/>
      <c r="DV117" s="1026" t="s">
        <v>127</v>
      </c>
      <c r="DW117" s="1027"/>
      <c r="DX117" s="1027"/>
      <c r="DY117" s="1027"/>
      <c r="DZ117" s="1028"/>
    </row>
    <row r="118" spans="1:130" s="225" customFormat="1" ht="26.25" customHeight="1" x14ac:dyDescent="0.2">
      <c r="A118" s="976" t="s">
        <v>427</v>
      </c>
      <c r="B118" s="957"/>
      <c r="C118" s="957"/>
      <c r="D118" s="957"/>
      <c r="E118" s="957"/>
      <c r="F118" s="957"/>
      <c r="G118" s="957"/>
      <c r="H118" s="957"/>
      <c r="I118" s="957"/>
      <c r="J118" s="957"/>
      <c r="K118" s="957"/>
      <c r="L118" s="957"/>
      <c r="M118" s="957"/>
      <c r="N118" s="957"/>
      <c r="O118" s="957"/>
      <c r="P118" s="957"/>
      <c r="Q118" s="957"/>
      <c r="R118" s="957"/>
      <c r="S118" s="957"/>
      <c r="T118" s="957"/>
      <c r="U118" s="957"/>
      <c r="V118" s="957"/>
      <c r="W118" s="957"/>
      <c r="X118" s="957"/>
      <c r="Y118" s="957"/>
      <c r="Z118" s="958"/>
      <c r="AA118" s="956" t="s">
        <v>424</v>
      </c>
      <c r="AB118" s="957"/>
      <c r="AC118" s="957"/>
      <c r="AD118" s="957"/>
      <c r="AE118" s="958"/>
      <c r="AF118" s="956" t="s">
        <v>425</v>
      </c>
      <c r="AG118" s="957"/>
      <c r="AH118" s="957"/>
      <c r="AI118" s="957"/>
      <c r="AJ118" s="958"/>
      <c r="AK118" s="956" t="s">
        <v>302</v>
      </c>
      <c r="AL118" s="957"/>
      <c r="AM118" s="957"/>
      <c r="AN118" s="957"/>
      <c r="AO118" s="958"/>
      <c r="AP118" s="1034" t="s">
        <v>426</v>
      </c>
      <c r="AQ118" s="1035"/>
      <c r="AR118" s="1035"/>
      <c r="AS118" s="1035"/>
      <c r="AT118" s="1036"/>
      <c r="AU118" s="972"/>
      <c r="AV118" s="973"/>
      <c r="AW118" s="973"/>
      <c r="AX118" s="973"/>
      <c r="AY118" s="973"/>
      <c r="AZ118" s="1037" t="s">
        <v>454</v>
      </c>
      <c r="BA118" s="1029"/>
      <c r="BB118" s="1029"/>
      <c r="BC118" s="1029"/>
      <c r="BD118" s="1029"/>
      <c r="BE118" s="1029"/>
      <c r="BF118" s="1029"/>
      <c r="BG118" s="1029"/>
      <c r="BH118" s="1029"/>
      <c r="BI118" s="1029"/>
      <c r="BJ118" s="1029"/>
      <c r="BK118" s="1029"/>
      <c r="BL118" s="1029"/>
      <c r="BM118" s="1029"/>
      <c r="BN118" s="1029"/>
      <c r="BO118" s="1029"/>
      <c r="BP118" s="1030"/>
      <c r="BQ118" s="1063" t="s">
        <v>127</v>
      </c>
      <c r="BR118" s="1064"/>
      <c r="BS118" s="1064"/>
      <c r="BT118" s="1064"/>
      <c r="BU118" s="1064"/>
      <c r="BV118" s="1064" t="s">
        <v>127</v>
      </c>
      <c r="BW118" s="1064"/>
      <c r="BX118" s="1064"/>
      <c r="BY118" s="1064"/>
      <c r="BZ118" s="1064"/>
      <c r="CA118" s="1064" t="s">
        <v>127</v>
      </c>
      <c r="CB118" s="1064"/>
      <c r="CC118" s="1064"/>
      <c r="CD118" s="1064"/>
      <c r="CE118" s="1064"/>
      <c r="CF118" s="984" t="s">
        <v>127</v>
      </c>
      <c r="CG118" s="985"/>
      <c r="CH118" s="985"/>
      <c r="CI118" s="985"/>
      <c r="CJ118" s="985"/>
      <c r="CK118" s="1012"/>
      <c r="CL118" s="1013"/>
      <c r="CM118" s="986" t="s">
        <v>455</v>
      </c>
      <c r="CN118" s="987"/>
      <c r="CO118" s="987"/>
      <c r="CP118" s="987"/>
      <c r="CQ118" s="987"/>
      <c r="CR118" s="987"/>
      <c r="CS118" s="987"/>
      <c r="CT118" s="987"/>
      <c r="CU118" s="987"/>
      <c r="CV118" s="987"/>
      <c r="CW118" s="987"/>
      <c r="CX118" s="987"/>
      <c r="CY118" s="987"/>
      <c r="CZ118" s="987"/>
      <c r="DA118" s="987"/>
      <c r="DB118" s="987"/>
      <c r="DC118" s="987"/>
      <c r="DD118" s="987"/>
      <c r="DE118" s="987"/>
      <c r="DF118" s="988"/>
      <c r="DG118" s="1022" t="s">
        <v>127</v>
      </c>
      <c r="DH118" s="1023"/>
      <c r="DI118" s="1023"/>
      <c r="DJ118" s="1023"/>
      <c r="DK118" s="1024"/>
      <c r="DL118" s="1025" t="s">
        <v>127</v>
      </c>
      <c r="DM118" s="1023"/>
      <c r="DN118" s="1023"/>
      <c r="DO118" s="1023"/>
      <c r="DP118" s="1024"/>
      <c r="DQ118" s="1025" t="s">
        <v>127</v>
      </c>
      <c r="DR118" s="1023"/>
      <c r="DS118" s="1023"/>
      <c r="DT118" s="1023"/>
      <c r="DU118" s="1024"/>
      <c r="DV118" s="1026" t="s">
        <v>127</v>
      </c>
      <c r="DW118" s="1027"/>
      <c r="DX118" s="1027"/>
      <c r="DY118" s="1027"/>
      <c r="DZ118" s="1028"/>
    </row>
    <row r="119" spans="1:130" s="225" customFormat="1" ht="26.25" customHeight="1" x14ac:dyDescent="0.2">
      <c r="A119" s="1120" t="s">
        <v>430</v>
      </c>
      <c r="B119" s="1011"/>
      <c r="C119" s="993" t="s">
        <v>431</v>
      </c>
      <c r="D119" s="961"/>
      <c r="E119" s="961"/>
      <c r="F119" s="961"/>
      <c r="G119" s="961"/>
      <c r="H119" s="961"/>
      <c r="I119" s="961"/>
      <c r="J119" s="961"/>
      <c r="K119" s="961"/>
      <c r="L119" s="961"/>
      <c r="M119" s="961"/>
      <c r="N119" s="961"/>
      <c r="O119" s="961"/>
      <c r="P119" s="961"/>
      <c r="Q119" s="961"/>
      <c r="R119" s="961"/>
      <c r="S119" s="961"/>
      <c r="T119" s="961"/>
      <c r="U119" s="961"/>
      <c r="V119" s="961"/>
      <c r="W119" s="961"/>
      <c r="X119" s="961"/>
      <c r="Y119" s="961"/>
      <c r="Z119" s="962"/>
      <c r="AA119" s="963" t="s">
        <v>127</v>
      </c>
      <c r="AB119" s="964"/>
      <c r="AC119" s="964"/>
      <c r="AD119" s="964"/>
      <c r="AE119" s="965"/>
      <c r="AF119" s="966" t="s">
        <v>127</v>
      </c>
      <c r="AG119" s="964"/>
      <c r="AH119" s="964"/>
      <c r="AI119" s="964"/>
      <c r="AJ119" s="965"/>
      <c r="AK119" s="966" t="s">
        <v>127</v>
      </c>
      <c r="AL119" s="964"/>
      <c r="AM119" s="964"/>
      <c r="AN119" s="964"/>
      <c r="AO119" s="965"/>
      <c r="AP119" s="967" t="s">
        <v>127</v>
      </c>
      <c r="AQ119" s="968"/>
      <c r="AR119" s="968"/>
      <c r="AS119" s="968"/>
      <c r="AT119" s="969"/>
      <c r="AU119" s="974"/>
      <c r="AV119" s="975"/>
      <c r="AW119" s="975"/>
      <c r="AX119" s="975"/>
      <c r="AY119" s="975"/>
      <c r="AZ119" s="246" t="s">
        <v>184</v>
      </c>
      <c r="BA119" s="246"/>
      <c r="BB119" s="246"/>
      <c r="BC119" s="246"/>
      <c r="BD119" s="246"/>
      <c r="BE119" s="246"/>
      <c r="BF119" s="246"/>
      <c r="BG119" s="246"/>
      <c r="BH119" s="246"/>
      <c r="BI119" s="246"/>
      <c r="BJ119" s="246"/>
      <c r="BK119" s="246"/>
      <c r="BL119" s="246"/>
      <c r="BM119" s="246"/>
      <c r="BN119" s="246"/>
      <c r="BO119" s="1041" t="s">
        <v>456</v>
      </c>
      <c r="BP119" s="1069"/>
      <c r="BQ119" s="1063">
        <v>44036740</v>
      </c>
      <c r="BR119" s="1064"/>
      <c r="BS119" s="1064"/>
      <c r="BT119" s="1064"/>
      <c r="BU119" s="1064"/>
      <c r="BV119" s="1064">
        <v>41924934</v>
      </c>
      <c r="BW119" s="1064"/>
      <c r="BX119" s="1064"/>
      <c r="BY119" s="1064"/>
      <c r="BZ119" s="1064"/>
      <c r="CA119" s="1064">
        <v>39592439</v>
      </c>
      <c r="CB119" s="1064"/>
      <c r="CC119" s="1064"/>
      <c r="CD119" s="1064"/>
      <c r="CE119" s="1064"/>
      <c r="CF119" s="1065"/>
      <c r="CG119" s="1066"/>
      <c r="CH119" s="1066"/>
      <c r="CI119" s="1066"/>
      <c r="CJ119" s="1067"/>
      <c r="CK119" s="1014"/>
      <c r="CL119" s="1015"/>
      <c r="CM119" s="1037" t="s">
        <v>457</v>
      </c>
      <c r="CN119" s="1029"/>
      <c r="CO119" s="1029"/>
      <c r="CP119" s="1029"/>
      <c r="CQ119" s="1029"/>
      <c r="CR119" s="1029"/>
      <c r="CS119" s="1029"/>
      <c r="CT119" s="1029"/>
      <c r="CU119" s="1029"/>
      <c r="CV119" s="1029"/>
      <c r="CW119" s="1029"/>
      <c r="CX119" s="1029"/>
      <c r="CY119" s="1029"/>
      <c r="CZ119" s="1029"/>
      <c r="DA119" s="1029"/>
      <c r="DB119" s="1029"/>
      <c r="DC119" s="1029"/>
      <c r="DD119" s="1029"/>
      <c r="DE119" s="1029"/>
      <c r="DF119" s="1030"/>
      <c r="DG119" s="1068">
        <v>2937593</v>
      </c>
      <c r="DH119" s="1050"/>
      <c r="DI119" s="1050"/>
      <c r="DJ119" s="1050"/>
      <c r="DK119" s="1051"/>
      <c r="DL119" s="1049">
        <v>2515871</v>
      </c>
      <c r="DM119" s="1050"/>
      <c r="DN119" s="1050"/>
      <c r="DO119" s="1050"/>
      <c r="DP119" s="1051"/>
      <c r="DQ119" s="1049">
        <v>2094149</v>
      </c>
      <c r="DR119" s="1050"/>
      <c r="DS119" s="1050"/>
      <c r="DT119" s="1050"/>
      <c r="DU119" s="1051"/>
      <c r="DV119" s="1052">
        <v>11.1</v>
      </c>
      <c r="DW119" s="1053"/>
      <c r="DX119" s="1053"/>
      <c r="DY119" s="1053"/>
      <c r="DZ119" s="1054"/>
    </row>
    <row r="120" spans="1:130" s="225" customFormat="1" ht="26.25" customHeight="1" x14ac:dyDescent="0.2">
      <c r="A120" s="1121"/>
      <c r="B120" s="1013"/>
      <c r="C120" s="986" t="s">
        <v>434</v>
      </c>
      <c r="D120" s="987"/>
      <c r="E120" s="987"/>
      <c r="F120" s="987"/>
      <c r="G120" s="987"/>
      <c r="H120" s="987"/>
      <c r="I120" s="987"/>
      <c r="J120" s="987"/>
      <c r="K120" s="987"/>
      <c r="L120" s="987"/>
      <c r="M120" s="987"/>
      <c r="N120" s="987"/>
      <c r="O120" s="987"/>
      <c r="P120" s="987"/>
      <c r="Q120" s="987"/>
      <c r="R120" s="987"/>
      <c r="S120" s="987"/>
      <c r="T120" s="987"/>
      <c r="U120" s="987"/>
      <c r="V120" s="987"/>
      <c r="W120" s="987"/>
      <c r="X120" s="987"/>
      <c r="Y120" s="987"/>
      <c r="Z120" s="988"/>
      <c r="AA120" s="1022" t="s">
        <v>127</v>
      </c>
      <c r="AB120" s="1023"/>
      <c r="AC120" s="1023"/>
      <c r="AD120" s="1023"/>
      <c r="AE120" s="1024"/>
      <c r="AF120" s="1025" t="s">
        <v>127</v>
      </c>
      <c r="AG120" s="1023"/>
      <c r="AH120" s="1023"/>
      <c r="AI120" s="1023"/>
      <c r="AJ120" s="1024"/>
      <c r="AK120" s="1025" t="s">
        <v>127</v>
      </c>
      <c r="AL120" s="1023"/>
      <c r="AM120" s="1023"/>
      <c r="AN120" s="1023"/>
      <c r="AO120" s="1024"/>
      <c r="AP120" s="1026" t="s">
        <v>127</v>
      </c>
      <c r="AQ120" s="1027"/>
      <c r="AR120" s="1027"/>
      <c r="AS120" s="1027"/>
      <c r="AT120" s="1028"/>
      <c r="AU120" s="1055" t="s">
        <v>458</v>
      </c>
      <c r="AV120" s="1056"/>
      <c r="AW120" s="1056"/>
      <c r="AX120" s="1056"/>
      <c r="AY120" s="1057"/>
      <c r="AZ120" s="993" t="s">
        <v>459</v>
      </c>
      <c r="BA120" s="961"/>
      <c r="BB120" s="961"/>
      <c r="BC120" s="961"/>
      <c r="BD120" s="961"/>
      <c r="BE120" s="961"/>
      <c r="BF120" s="961"/>
      <c r="BG120" s="961"/>
      <c r="BH120" s="961"/>
      <c r="BI120" s="961"/>
      <c r="BJ120" s="961"/>
      <c r="BK120" s="961"/>
      <c r="BL120" s="961"/>
      <c r="BM120" s="961"/>
      <c r="BN120" s="961"/>
      <c r="BO120" s="961"/>
      <c r="BP120" s="962"/>
      <c r="BQ120" s="994">
        <v>3637915</v>
      </c>
      <c r="BR120" s="995"/>
      <c r="BS120" s="995"/>
      <c r="BT120" s="995"/>
      <c r="BU120" s="995"/>
      <c r="BV120" s="995">
        <v>2994457</v>
      </c>
      <c r="BW120" s="995"/>
      <c r="BX120" s="995"/>
      <c r="BY120" s="995"/>
      <c r="BZ120" s="995"/>
      <c r="CA120" s="995">
        <v>3514579</v>
      </c>
      <c r="CB120" s="995"/>
      <c r="CC120" s="995"/>
      <c r="CD120" s="995"/>
      <c r="CE120" s="995"/>
      <c r="CF120" s="1008">
        <v>18.7</v>
      </c>
      <c r="CG120" s="1009"/>
      <c r="CH120" s="1009"/>
      <c r="CI120" s="1009"/>
      <c r="CJ120" s="1009"/>
      <c r="CK120" s="1070" t="s">
        <v>460</v>
      </c>
      <c r="CL120" s="1071"/>
      <c r="CM120" s="1071"/>
      <c r="CN120" s="1071"/>
      <c r="CO120" s="1072"/>
      <c r="CP120" s="1078" t="s">
        <v>461</v>
      </c>
      <c r="CQ120" s="1079"/>
      <c r="CR120" s="1079"/>
      <c r="CS120" s="1079"/>
      <c r="CT120" s="1079"/>
      <c r="CU120" s="1079"/>
      <c r="CV120" s="1079"/>
      <c r="CW120" s="1079"/>
      <c r="CX120" s="1079"/>
      <c r="CY120" s="1079"/>
      <c r="CZ120" s="1079"/>
      <c r="DA120" s="1079"/>
      <c r="DB120" s="1079"/>
      <c r="DC120" s="1079"/>
      <c r="DD120" s="1079"/>
      <c r="DE120" s="1079"/>
      <c r="DF120" s="1080"/>
      <c r="DG120" s="994">
        <v>10765417</v>
      </c>
      <c r="DH120" s="995"/>
      <c r="DI120" s="995"/>
      <c r="DJ120" s="995"/>
      <c r="DK120" s="995"/>
      <c r="DL120" s="995">
        <v>9669224</v>
      </c>
      <c r="DM120" s="995"/>
      <c r="DN120" s="995"/>
      <c r="DO120" s="995"/>
      <c r="DP120" s="995"/>
      <c r="DQ120" s="995">
        <v>8324897</v>
      </c>
      <c r="DR120" s="995"/>
      <c r="DS120" s="995"/>
      <c r="DT120" s="995"/>
      <c r="DU120" s="995"/>
      <c r="DV120" s="996">
        <v>44.2</v>
      </c>
      <c r="DW120" s="996"/>
      <c r="DX120" s="996"/>
      <c r="DY120" s="996"/>
      <c r="DZ120" s="997"/>
    </row>
    <row r="121" spans="1:130" s="225" customFormat="1" ht="26.25" customHeight="1" x14ac:dyDescent="0.2">
      <c r="A121" s="1121"/>
      <c r="B121" s="1013"/>
      <c r="C121" s="1038" t="s">
        <v>462</v>
      </c>
      <c r="D121" s="1039"/>
      <c r="E121" s="1039"/>
      <c r="F121" s="1039"/>
      <c r="G121" s="1039"/>
      <c r="H121" s="1039"/>
      <c r="I121" s="1039"/>
      <c r="J121" s="1039"/>
      <c r="K121" s="1039"/>
      <c r="L121" s="1039"/>
      <c r="M121" s="1039"/>
      <c r="N121" s="1039"/>
      <c r="O121" s="1039"/>
      <c r="P121" s="1039"/>
      <c r="Q121" s="1039"/>
      <c r="R121" s="1039"/>
      <c r="S121" s="1039"/>
      <c r="T121" s="1039"/>
      <c r="U121" s="1039"/>
      <c r="V121" s="1039"/>
      <c r="W121" s="1039"/>
      <c r="X121" s="1039"/>
      <c r="Y121" s="1039"/>
      <c r="Z121" s="1040"/>
      <c r="AA121" s="1022" t="s">
        <v>127</v>
      </c>
      <c r="AB121" s="1023"/>
      <c r="AC121" s="1023"/>
      <c r="AD121" s="1023"/>
      <c r="AE121" s="1024"/>
      <c r="AF121" s="1025" t="s">
        <v>127</v>
      </c>
      <c r="AG121" s="1023"/>
      <c r="AH121" s="1023"/>
      <c r="AI121" s="1023"/>
      <c r="AJ121" s="1024"/>
      <c r="AK121" s="1025" t="s">
        <v>127</v>
      </c>
      <c r="AL121" s="1023"/>
      <c r="AM121" s="1023"/>
      <c r="AN121" s="1023"/>
      <c r="AO121" s="1024"/>
      <c r="AP121" s="1026" t="s">
        <v>127</v>
      </c>
      <c r="AQ121" s="1027"/>
      <c r="AR121" s="1027"/>
      <c r="AS121" s="1027"/>
      <c r="AT121" s="1028"/>
      <c r="AU121" s="1058"/>
      <c r="AV121" s="1059"/>
      <c r="AW121" s="1059"/>
      <c r="AX121" s="1059"/>
      <c r="AY121" s="1060"/>
      <c r="AZ121" s="986" t="s">
        <v>463</v>
      </c>
      <c r="BA121" s="987"/>
      <c r="BB121" s="987"/>
      <c r="BC121" s="987"/>
      <c r="BD121" s="987"/>
      <c r="BE121" s="987"/>
      <c r="BF121" s="987"/>
      <c r="BG121" s="987"/>
      <c r="BH121" s="987"/>
      <c r="BI121" s="987"/>
      <c r="BJ121" s="987"/>
      <c r="BK121" s="987"/>
      <c r="BL121" s="987"/>
      <c r="BM121" s="987"/>
      <c r="BN121" s="987"/>
      <c r="BO121" s="987"/>
      <c r="BP121" s="988"/>
      <c r="BQ121" s="989">
        <v>6694848</v>
      </c>
      <c r="BR121" s="990"/>
      <c r="BS121" s="990"/>
      <c r="BT121" s="990"/>
      <c r="BU121" s="990"/>
      <c r="BV121" s="990">
        <v>6817835</v>
      </c>
      <c r="BW121" s="990"/>
      <c r="BX121" s="990"/>
      <c r="BY121" s="990"/>
      <c r="BZ121" s="990"/>
      <c r="CA121" s="990">
        <v>6755778</v>
      </c>
      <c r="CB121" s="990"/>
      <c r="CC121" s="990"/>
      <c r="CD121" s="990"/>
      <c r="CE121" s="990"/>
      <c r="CF121" s="984">
        <v>35.9</v>
      </c>
      <c r="CG121" s="985"/>
      <c r="CH121" s="985"/>
      <c r="CI121" s="985"/>
      <c r="CJ121" s="985"/>
      <c r="CK121" s="1073"/>
      <c r="CL121" s="1074"/>
      <c r="CM121" s="1074"/>
      <c r="CN121" s="1074"/>
      <c r="CO121" s="1075"/>
      <c r="CP121" s="1083" t="s">
        <v>464</v>
      </c>
      <c r="CQ121" s="1084"/>
      <c r="CR121" s="1084"/>
      <c r="CS121" s="1084"/>
      <c r="CT121" s="1084"/>
      <c r="CU121" s="1084"/>
      <c r="CV121" s="1084"/>
      <c r="CW121" s="1084"/>
      <c r="CX121" s="1084"/>
      <c r="CY121" s="1084"/>
      <c r="CZ121" s="1084"/>
      <c r="DA121" s="1084"/>
      <c r="DB121" s="1084"/>
      <c r="DC121" s="1084"/>
      <c r="DD121" s="1084"/>
      <c r="DE121" s="1084"/>
      <c r="DF121" s="1085"/>
      <c r="DG121" s="989" t="s">
        <v>127</v>
      </c>
      <c r="DH121" s="990"/>
      <c r="DI121" s="990"/>
      <c r="DJ121" s="990"/>
      <c r="DK121" s="990"/>
      <c r="DL121" s="990" t="s">
        <v>127</v>
      </c>
      <c r="DM121" s="990"/>
      <c r="DN121" s="990"/>
      <c r="DO121" s="990"/>
      <c r="DP121" s="990"/>
      <c r="DQ121" s="990" t="s">
        <v>127</v>
      </c>
      <c r="DR121" s="990"/>
      <c r="DS121" s="990"/>
      <c r="DT121" s="990"/>
      <c r="DU121" s="990"/>
      <c r="DV121" s="991" t="s">
        <v>127</v>
      </c>
      <c r="DW121" s="991"/>
      <c r="DX121" s="991"/>
      <c r="DY121" s="991"/>
      <c r="DZ121" s="992"/>
    </row>
    <row r="122" spans="1:130" s="225" customFormat="1" ht="26.25" customHeight="1" x14ac:dyDescent="0.2">
      <c r="A122" s="1121"/>
      <c r="B122" s="1013"/>
      <c r="C122" s="986" t="s">
        <v>444</v>
      </c>
      <c r="D122" s="987"/>
      <c r="E122" s="987"/>
      <c r="F122" s="987"/>
      <c r="G122" s="987"/>
      <c r="H122" s="987"/>
      <c r="I122" s="987"/>
      <c r="J122" s="987"/>
      <c r="K122" s="987"/>
      <c r="L122" s="987"/>
      <c r="M122" s="987"/>
      <c r="N122" s="987"/>
      <c r="O122" s="987"/>
      <c r="P122" s="987"/>
      <c r="Q122" s="987"/>
      <c r="R122" s="987"/>
      <c r="S122" s="987"/>
      <c r="T122" s="987"/>
      <c r="U122" s="987"/>
      <c r="V122" s="987"/>
      <c r="W122" s="987"/>
      <c r="X122" s="987"/>
      <c r="Y122" s="987"/>
      <c r="Z122" s="988"/>
      <c r="AA122" s="1022" t="s">
        <v>127</v>
      </c>
      <c r="AB122" s="1023"/>
      <c r="AC122" s="1023"/>
      <c r="AD122" s="1023"/>
      <c r="AE122" s="1024"/>
      <c r="AF122" s="1025" t="s">
        <v>127</v>
      </c>
      <c r="AG122" s="1023"/>
      <c r="AH122" s="1023"/>
      <c r="AI122" s="1023"/>
      <c r="AJ122" s="1024"/>
      <c r="AK122" s="1025" t="s">
        <v>127</v>
      </c>
      <c r="AL122" s="1023"/>
      <c r="AM122" s="1023"/>
      <c r="AN122" s="1023"/>
      <c r="AO122" s="1024"/>
      <c r="AP122" s="1026" t="s">
        <v>127</v>
      </c>
      <c r="AQ122" s="1027"/>
      <c r="AR122" s="1027"/>
      <c r="AS122" s="1027"/>
      <c r="AT122" s="1028"/>
      <c r="AU122" s="1058"/>
      <c r="AV122" s="1059"/>
      <c r="AW122" s="1059"/>
      <c r="AX122" s="1059"/>
      <c r="AY122" s="1060"/>
      <c r="AZ122" s="1037" t="s">
        <v>465</v>
      </c>
      <c r="BA122" s="1029"/>
      <c r="BB122" s="1029"/>
      <c r="BC122" s="1029"/>
      <c r="BD122" s="1029"/>
      <c r="BE122" s="1029"/>
      <c r="BF122" s="1029"/>
      <c r="BG122" s="1029"/>
      <c r="BH122" s="1029"/>
      <c r="BI122" s="1029"/>
      <c r="BJ122" s="1029"/>
      <c r="BK122" s="1029"/>
      <c r="BL122" s="1029"/>
      <c r="BM122" s="1029"/>
      <c r="BN122" s="1029"/>
      <c r="BO122" s="1029"/>
      <c r="BP122" s="1030"/>
      <c r="BQ122" s="1063">
        <v>22474147</v>
      </c>
      <c r="BR122" s="1064"/>
      <c r="BS122" s="1064"/>
      <c r="BT122" s="1064"/>
      <c r="BU122" s="1064"/>
      <c r="BV122" s="1064">
        <v>21620458</v>
      </c>
      <c r="BW122" s="1064"/>
      <c r="BX122" s="1064"/>
      <c r="BY122" s="1064"/>
      <c r="BZ122" s="1064"/>
      <c r="CA122" s="1064">
        <v>21331563</v>
      </c>
      <c r="CB122" s="1064"/>
      <c r="CC122" s="1064"/>
      <c r="CD122" s="1064"/>
      <c r="CE122" s="1064"/>
      <c r="CF122" s="1081">
        <v>113.2</v>
      </c>
      <c r="CG122" s="1082"/>
      <c r="CH122" s="1082"/>
      <c r="CI122" s="1082"/>
      <c r="CJ122" s="1082"/>
      <c r="CK122" s="1073"/>
      <c r="CL122" s="1074"/>
      <c r="CM122" s="1074"/>
      <c r="CN122" s="1074"/>
      <c r="CO122" s="1075"/>
      <c r="CP122" s="1083" t="s">
        <v>402</v>
      </c>
      <c r="CQ122" s="1084"/>
      <c r="CR122" s="1084"/>
      <c r="CS122" s="1084"/>
      <c r="CT122" s="1084"/>
      <c r="CU122" s="1084"/>
      <c r="CV122" s="1084"/>
      <c r="CW122" s="1084"/>
      <c r="CX122" s="1084"/>
      <c r="CY122" s="1084"/>
      <c r="CZ122" s="1084"/>
      <c r="DA122" s="1084"/>
      <c r="DB122" s="1084"/>
      <c r="DC122" s="1084"/>
      <c r="DD122" s="1084"/>
      <c r="DE122" s="1084"/>
      <c r="DF122" s="1085"/>
      <c r="DG122" s="989" t="s">
        <v>127</v>
      </c>
      <c r="DH122" s="990"/>
      <c r="DI122" s="990"/>
      <c r="DJ122" s="990"/>
      <c r="DK122" s="990"/>
      <c r="DL122" s="990" t="s">
        <v>127</v>
      </c>
      <c r="DM122" s="990"/>
      <c r="DN122" s="990"/>
      <c r="DO122" s="990"/>
      <c r="DP122" s="990"/>
      <c r="DQ122" s="990" t="s">
        <v>127</v>
      </c>
      <c r="DR122" s="990"/>
      <c r="DS122" s="990"/>
      <c r="DT122" s="990"/>
      <c r="DU122" s="990"/>
      <c r="DV122" s="991" t="s">
        <v>127</v>
      </c>
      <c r="DW122" s="991"/>
      <c r="DX122" s="991"/>
      <c r="DY122" s="991"/>
      <c r="DZ122" s="992"/>
    </row>
    <row r="123" spans="1:130" s="225" customFormat="1" ht="26.25" customHeight="1" x14ac:dyDescent="0.2">
      <c r="A123" s="1121"/>
      <c r="B123" s="1013"/>
      <c r="C123" s="986" t="s">
        <v>450</v>
      </c>
      <c r="D123" s="987"/>
      <c r="E123" s="987"/>
      <c r="F123" s="987"/>
      <c r="G123" s="987"/>
      <c r="H123" s="987"/>
      <c r="I123" s="987"/>
      <c r="J123" s="987"/>
      <c r="K123" s="987"/>
      <c r="L123" s="987"/>
      <c r="M123" s="987"/>
      <c r="N123" s="987"/>
      <c r="O123" s="987"/>
      <c r="P123" s="987"/>
      <c r="Q123" s="987"/>
      <c r="R123" s="987"/>
      <c r="S123" s="987"/>
      <c r="T123" s="987"/>
      <c r="U123" s="987"/>
      <c r="V123" s="987"/>
      <c r="W123" s="987"/>
      <c r="X123" s="987"/>
      <c r="Y123" s="987"/>
      <c r="Z123" s="988"/>
      <c r="AA123" s="1022" t="s">
        <v>127</v>
      </c>
      <c r="AB123" s="1023"/>
      <c r="AC123" s="1023"/>
      <c r="AD123" s="1023"/>
      <c r="AE123" s="1024"/>
      <c r="AF123" s="1025" t="s">
        <v>127</v>
      </c>
      <c r="AG123" s="1023"/>
      <c r="AH123" s="1023"/>
      <c r="AI123" s="1023"/>
      <c r="AJ123" s="1024"/>
      <c r="AK123" s="1025" t="s">
        <v>127</v>
      </c>
      <c r="AL123" s="1023"/>
      <c r="AM123" s="1023"/>
      <c r="AN123" s="1023"/>
      <c r="AO123" s="1024"/>
      <c r="AP123" s="1026" t="s">
        <v>127</v>
      </c>
      <c r="AQ123" s="1027"/>
      <c r="AR123" s="1027"/>
      <c r="AS123" s="1027"/>
      <c r="AT123" s="1028"/>
      <c r="AU123" s="1061"/>
      <c r="AV123" s="1062"/>
      <c r="AW123" s="1062"/>
      <c r="AX123" s="1062"/>
      <c r="AY123" s="1062"/>
      <c r="AZ123" s="246" t="s">
        <v>184</v>
      </c>
      <c r="BA123" s="246"/>
      <c r="BB123" s="246"/>
      <c r="BC123" s="246"/>
      <c r="BD123" s="246"/>
      <c r="BE123" s="246"/>
      <c r="BF123" s="246"/>
      <c r="BG123" s="246"/>
      <c r="BH123" s="246"/>
      <c r="BI123" s="246"/>
      <c r="BJ123" s="246"/>
      <c r="BK123" s="246"/>
      <c r="BL123" s="246"/>
      <c r="BM123" s="246"/>
      <c r="BN123" s="246"/>
      <c r="BO123" s="1041" t="s">
        <v>466</v>
      </c>
      <c r="BP123" s="1069"/>
      <c r="BQ123" s="1127">
        <v>32806910</v>
      </c>
      <c r="BR123" s="1128"/>
      <c r="BS123" s="1128"/>
      <c r="BT123" s="1128"/>
      <c r="BU123" s="1128"/>
      <c r="BV123" s="1128">
        <v>31432750</v>
      </c>
      <c r="BW123" s="1128"/>
      <c r="BX123" s="1128"/>
      <c r="BY123" s="1128"/>
      <c r="BZ123" s="1128"/>
      <c r="CA123" s="1128">
        <v>31601920</v>
      </c>
      <c r="CB123" s="1128"/>
      <c r="CC123" s="1128"/>
      <c r="CD123" s="1128"/>
      <c r="CE123" s="1128"/>
      <c r="CF123" s="1065"/>
      <c r="CG123" s="1066"/>
      <c r="CH123" s="1066"/>
      <c r="CI123" s="1066"/>
      <c r="CJ123" s="1067"/>
      <c r="CK123" s="1073"/>
      <c r="CL123" s="1074"/>
      <c r="CM123" s="1074"/>
      <c r="CN123" s="1074"/>
      <c r="CO123" s="1075"/>
      <c r="CP123" s="1083" t="s">
        <v>400</v>
      </c>
      <c r="CQ123" s="1084"/>
      <c r="CR123" s="1084"/>
      <c r="CS123" s="1084"/>
      <c r="CT123" s="1084"/>
      <c r="CU123" s="1084"/>
      <c r="CV123" s="1084"/>
      <c r="CW123" s="1084"/>
      <c r="CX123" s="1084"/>
      <c r="CY123" s="1084"/>
      <c r="CZ123" s="1084"/>
      <c r="DA123" s="1084"/>
      <c r="DB123" s="1084"/>
      <c r="DC123" s="1084"/>
      <c r="DD123" s="1084"/>
      <c r="DE123" s="1084"/>
      <c r="DF123" s="1085"/>
      <c r="DG123" s="1022" t="s">
        <v>127</v>
      </c>
      <c r="DH123" s="1023"/>
      <c r="DI123" s="1023"/>
      <c r="DJ123" s="1023"/>
      <c r="DK123" s="1024"/>
      <c r="DL123" s="1025" t="s">
        <v>127</v>
      </c>
      <c r="DM123" s="1023"/>
      <c r="DN123" s="1023"/>
      <c r="DO123" s="1023"/>
      <c r="DP123" s="1024"/>
      <c r="DQ123" s="1025" t="s">
        <v>127</v>
      </c>
      <c r="DR123" s="1023"/>
      <c r="DS123" s="1023"/>
      <c r="DT123" s="1023"/>
      <c r="DU123" s="1024"/>
      <c r="DV123" s="1026" t="s">
        <v>127</v>
      </c>
      <c r="DW123" s="1027"/>
      <c r="DX123" s="1027"/>
      <c r="DY123" s="1027"/>
      <c r="DZ123" s="1028"/>
    </row>
    <row r="124" spans="1:130" s="225" customFormat="1" ht="26.25" customHeight="1" thickBot="1" x14ac:dyDescent="0.25">
      <c r="A124" s="1121"/>
      <c r="B124" s="1013"/>
      <c r="C124" s="986" t="s">
        <v>453</v>
      </c>
      <c r="D124" s="987"/>
      <c r="E124" s="987"/>
      <c r="F124" s="987"/>
      <c r="G124" s="987"/>
      <c r="H124" s="987"/>
      <c r="I124" s="987"/>
      <c r="J124" s="987"/>
      <c r="K124" s="987"/>
      <c r="L124" s="987"/>
      <c r="M124" s="987"/>
      <c r="N124" s="987"/>
      <c r="O124" s="987"/>
      <c r="P124" s="987"/>
      <c r="Q124" s="987"/>
      <c r="R124" s="987"/>
      <c r="S124" s="987"/>
      <c r="T124" s="987"/>
      <c r="U124" s="987"/>
      <c r="V124" s="987"/>
      <c r="W124" s="987"/>
      <c r="X124" s="987"/>
      <c r="Y124" s="987"/>
      <c r="Z124" s="988"/>
      <c r="AA124" s="1022" t="s">
        <v>127</v>
      </c>
      <c r="AB124" s="1023"/>
      <c r="AC124" s="1023"/>
      <c r="AD124" s="1023"/>
      <c r="AE124" s="1024"/>
      <c r="AF124" s="1025" t="s">
        <v>127</v>
      </c>
      <c r="AG124" s="1023"/>
      <c r="AH124" s="1023"/>
      <c r="AI124" s="1023"/>
      <c r="AJ124" s="1024"/>
      <c r="AK124" s="1025" t="s">
        <v>127</v>
      </c>
      <c r="AL124" s="1023"/>
      <c r="AM124" s="1023"/>
      <c r="AN124" s="1023"/>
      <c r="AO124" s="1024"/>
      <c r="AP124" s="1026" t="s">
        <v>127</v>
      </c>
      <c r="AQ124" s="1027"/>
      <c r="AR124" s="1027"/>
      <c r="AS124" s="1027"/>
      <c r="AT124" s="1028"/>
      <c r="AU124" s="1123" t="s">
        <v>467</v>
      </c>
      <c r="AV124" s="1124"/>
      <c r="AW124" s="1124"/>
      <c r="AX124" s="1124"/>
      <c r="AY124" s="1124"/>
      <c r="AZ124" s="1124"/>
      <c r="BA124" s="1124"/>
      <c r="BB124" s="1124"/>
      <c r="BC124" s="1124"/>
      <c r="BD124" s="1124"/>
      <c r="BE124" s="1124"/>
      <c r="BF124" s="1124"/>
      <c r="BG124" s="1124"/>
      <c r="BH124" s="1124"/>
      <c r="BI124" s="1124"/>
      <c r="BJ124" s="1124"/>
      <c r="BK124" s="1124"/>
      <c r="BL124" s="1124"/>
      <c r="BM124" s="1124"/>
      <c r="BN124" s="1124"/>
      <c r="BO124" s="1124"/>
      <c r="BP124" s="1125"/>
      <c r="BQ124" s="1126">
        <v>64.8</v>
      </c>
      <c r="BR124" s="1091"/>
      <c r="BS124" s="1091"/>
      <c r="BT124" s="1091"/>
      <c r="BU124" s="1091"/>
      <c r="BV124" s="1091">
        <v>59.3</v>
      </c>
      <c r="BW124" s="1091"/>
      <c r="BX124" s="1091"/>
      <c r="BY124" s="1091"/>
      <c r="BZ124" s="1091"/>
      <c r="CA124" s="1091">
        <v>42.4</v>
      </c>
      <c r="CB124" s="1091"/>
      <c r="CC124" s="1091"/>
      <c r="CD124" s="1091"/>
      <c r="CE124" s="1091"/>
      <c r="CF124" s="1092"/>
      <c r="CG124" s="1093"/>
      <c r="CH124" s="1093"/>
      <c r="CI124" s="1093"/>
      <c r="CJ124" s="1094"/>
      <c r="CK124" s="1076"/>
      <c r="CL124" s="1076"/>
      <c r="CM124" s="1076"/>
      <c r="CN124" s="1076"/>
      <c r="CO124" s="1077"/>
      <c r="CP124" s="1083" t="s">
        <v>468</v>
      </c>
      <c r="CQ124" s="1084"/>
      <c r="CR124" s="1084"/>
      <c r="CS124" s="1084"/>
      <c r="CT124" s="1084"/>
      <c r="CU124" s="1084"/>
      <c r="CV124" s="1084"/>
      <c r="CW124" s="1084"/>
      <c r="CX124" s="1084"/>
      <c r="CY124" s="1084"/>
      <c r="CZ124" s="1084"/>
      <c r="DA124" s="1084"/>
      <c r="DB124" s="1084"/>
      <c r="DC124" s="1084"/>
      <c r="DD124" s="1084"/>
      <c r="DE124" s="1084"/>
      <c r="DF124" s="1085"/>
      <c r="DG124" s="1068" t="s">
        <v>127</v>
      </c>
      <c r="DH124" s="1050"/>
      <c r="DI124" s="1050"/>
      <c r="DJ124" s="1050"/>
      <c r="DK124" s="1051"/>
      <c r="DL124" s="1049" t="s">
        <v>127</v>
      </c>
      <c r="DM124" s="1050"/>
      <c r="DN124" s="1050"/>
      <c r="DO124" s="1050"/>
      <c r="DP124" s="1051"/>
      <c r="DQ124" s="1049" t="s">
        <v>127</v>
      </c>
      <c r="DR124" s="1050"/>
      <c r="DS124" s="1050"/>
      <c r="DT124" s="1050"/>
      <c r="DU124" s="1051"/>
      <c r="DV124" s="1052" t="s">
        <v>127</v>
      </c>
      <c r="DW124" s="1053"/>
      <c r="DX124" s="1053"/>
      <c r="DY124" s="1053"/>
      <c r="DZ124" s="1054"/>
    </row>
    <row r="125" spans="1:130" s="225" customFormat="1" ht="26.25" customHeight="1" x14ac:dyDescent="0.2">
      <c r="A125" s="1121"/>
      <c r="B125" s="1013"/>
      <c r="C125" s="986" t="s">
        <v>455</v>
      </c>
      <c r="D125" s="987"/>
      <c r="E125" s="987"/>
      <c r="F125" s="987"/>
      <c r="G125" s="987"/>
      <c r="H125" s="987"/>
      <c r="I125" s="987"/>
      <c r="J125" s="987"/>
      <c r="K125" s="987"/>
      <c r="L125" s="987"/>
      <c r="M125" s="987"/>
      <c r="N125" s="987"/>
      <c r="O125" s="987"/>
      <c r="P125" s="987"/>
      <c r="Q125" s="987"/>
      <c r="R125" s="987"/>
      <c r="S125" s="987"/>
      <c r="T125" s="987"/>
      <c r="U125" s="987"/>
      <c r="V125" s="987"/>
      <c r="W125" s="987"/>
      <c r="X125" s="987"/>
      <c r="Y125" s="987"/>
      <c r="Z125" s="988"/>
      <c r="AA125" s="1022" t="s">
        <v>127</v>
      </c>
      <c r="AB125" s="1023"/>
      <c r="AC125" s="1023"/>
      <c r="AD125" s="1023"/>
      <c r="AE125" s="1024"/>
      <c r="AF125" s="1025" t="s">
        <v>127</v>
      </c>
      <c r="AG125" s="1023"/>
      <c r="AH125" s="1023"/>
      <c r="AI125" s="1023"/>
      <c r="AJ125" s="1024"/>
      <c r="AK125" s="1025" t="s">
        <v>127</v>
      </c>
      <c r="AL125" s="1023"/>
      <c r="AM125" s="1023"/>
      <c r="AN125" s="1023"/>
      <c r="AO125" s="1024"/>
      <c r="AP125" s="1026" t="s">
        <v>127</v>
      </c>
      <c r="AQ125" s="1027"/>
      <c r="AR125" s="1027"/>
      <c r="AS125" s="1027"/>
      <c r="AT125" s="1028"/>
      <c r="AU125" s="247"/>
      <c r="AV125" s="248"/>
      <c r="AW125" s="248"/>
      <c r="AX125" s="248"/>
      <c r="AY125" s="248"/>
      <c r="AZ125" s="248"/>
      <c r="BA125" s="248"/>
      <c r="BB125" s="248"/>
      <c r="BC125" s="248"/>
      <c r="BD125" s="248"/>
      <c r="BE125" s="248"/>
      <c r="BF125" s="248"/>
      <c r="BG125" s="248"/>
      <c r="BH125" s="248"/>
      <c r="BI125" s="248"/>
      <c r="BJ125" s="248"/>
      <c r="BK125" s="248"/>
      <c r="BL125" s="248"/>
      <c r="BM125" s="248"/>
      <c r="BN125" s="248"/>
      <c r="BO125" s="248"/>
      <c r="BP125" s="248"/>
      <c r="BQ125" s="227"/>
      <c r="BR125" s="227"/>
      <c r="BS125" s="227"/>
      <c r="BT125" s="227"/>
      <c r="BU125" s="227"/>
      <c r="BV125" s="227"/>
      <c r="BW125" s="227"/>
      <c r="BX125" s="227"/>
      <c r="BY125" s="227"/>
      <c r="BZ125" s="227"/>
      <c r="CA125" s="227"/>
      <c r="CB125" s="227"/>
      <c r="CC125" s="227"/>
      <c r="CD125" s="227"/>
      <c r="CE125" s="227"/>
      <c r="CF125" s="227"/>
      <c r="CG125" s="227"/>
      <c r="CH125" s="227"/>
      <c r="CI125" s="227"/>
      <c r="CJ125" s="249"/>
      <c r="CK125" s="1086" t="s">
        <v>469</v>
      </c>
      <c r="CL125" s="1071"/>
      <c r="CM125" s="1071"/>
      <c r="CN125" s="1071"/>
      <c r="CO125" s="1072"/>
      <c r="CP125" s="993" t="s">
        <v>470</v>
      </c>
      <c r="CQ125" s="961"/>
      <c r="CR125" s="961"/>
      <c r="CS125" s="961"/>
      <c r="CT125" s="961"/>
      <c r="CU125" s="961"/>
      <c r="CV125" s="961"/>
      <c r="CW125" s="961"/>
      <c r="CX125" s="961"/>
      <c r="CY125" s="961"/>
      <c r="CZ125" s="961"/>
      <c r="DA125" s="961"/>
      <c r="DB125" s="961"/>
      <c r="DC125" s="961"/>
      <c r="DD125" s="961"/>
      <c r="DE125" s="961"/>
      <c r="DF125" s="962"/>
      <c r="DG125" s="994" t="s">
        <v>127</v>
      </c>
      <c r="DH125" s="995"/>
      <c r="DI125" s="995"/>
      <c r="DJ125" s="995"/>
      <c r="DK125" s="995"/>
      <c r="DL125" s="995" t="s">
        <v>127</v>
      </c>
      <c r="DM125" s="995"/>
      <c r="DN125" s="995"/>
      <c r="DO125" s="995"/>
      <c r="DP125" s="995"/>
      <c r="DQ125" s="995" t="s">
        <v>127</v>
      </c>
      <c r="DR125" s="995"/>
      <c r="DS125" s="995"/>
      <c r="DT125" s="995"/>
      <c r="DU125" s="995"/>
      <c r="DV125" s="996" t="s">
        <v>127</v>
      </c>
      <c r="DW125" s="996"/>
      <c r="DX125" s="996"/>
      <c r="DY125" s="996"/>
      <c r="DZ125" s="997"/>
    </row>
    <row r="126" spans="1:130" s="225" customFormat="1" ht="26.25" customHeight="1" thickBot="1" x14ac:dyDescent="0.25">
      <c r="A126" s="1121"/>
      <c r="B126" s="1013"/>
      <c r="C126" s="986" t="s">
        <v>457</v>
      </c>
      <c r="D126" s="987"/>
      <c r="E126" s="987"/>
      <c r="F126" s="987"/>
      <c r="G126" s="987"/>
      <c r="H126" s="987"/>
      <c r="I126" s="987"/>
      <c r="J126" s="987"/>
      <c r="K126" s="987"/>
      <c r="L126" s="987"/>
      <c r="M126" s="987"/>
      <c r="N126" s="987"/>
      <c r="O126" s="987"/>
      <c r="P126" s="987"/>
      <c r="Q126" s="987"/>
      <c r="R126" s="987"/>
      <c r="S126" s="987"/>
      <c r="T126" s="987"/>
      <c r="U126" s="987"/>
      <c r="V126" s="987"/>
      <c r="W126" s="987"/>
      <c r="X126" s="987"/>
      <c r="Y126" s="987"/>
      <c r="Z126" s="988"/>
      <c r="AA126" s="1022">
        <v>438421</v>
      </c>
      <c r="AB126" s="1023"/>
      <c r="AC126" s="1023"/>
      <c r="AD126" s="1023"/>
      <c r="AE126" s="1024"/>
      <c r="AF126" s="1025">
        <v>453486</v>
      </c>
      <c r="AG126" s="1023"/>
      <c r="AH126" s="1023"/>
      <c r="AI126" s="1023"/>
      <c r="AJ126" s="1024"/>
      <c r="AK126" s="1025">
        <v>449239</v>
      </c>
      <c r="AL126" s="1023"/>
      <c r="AM126" s="1023"/>
      <c r="AN126" s="1023"/>
      <c r="AO126" s="1024"/>
      <c r="AP126" s="1026">
        <v>2.4</v>
      </c>
      <c r="AQ126" s="1027"/>
      <c r="AR126" s="1027"/>
      <c r="AS126" s="1027"/>
      <c r="AT126" s="1028"/>
      <c r="AU126" s="227"/>
      <c r="AV126" s="227"/>
      <c r="AW126" s="227"/>
      <c r="AX126" s="227"/>
      <c r="AY126" s="227"/>
      <c r="AZ126" s="227"/>
      <c r="BA126" s="227"/>
      <c r="BB126" s="227"/>
      <c r="BC126" s="227"/>
      <c r="BD126" s="227"/>
      <c r="BE126" s="227"/>
      <c r="BF126" s="227"/>
      <c r="BG126" s="227"/>
      <c r="BH126" s="227"/>
      <c r="BI126" s="227"/>
      <c r="BJ126" s="227"/>
      <c r="BK126" s="227"/>
      <c r="BL126" s="227"/>
      <c r="BM126" s="227"/>
      <c r="BN126" s="227"/>
      <c r="BO126" s="227"/>
      <c r="BP126" s="227"/>
      <c r="BQ126" s="227"/>
      <c r="BR126" s="227"/>
      <c r="BS126" s="227"/>
      <c r="BT126" s="227"/>
      <c r="BU126" s="227"/>
      <c r="BV126" s="227"/>
      <c r="BW126" s="227"/>
      <c r="BX126" s="227"/>
      <c r="BY126" s="227"/>
      <c r="BZ126" s="227"/>
      <c r="CA126" s="227"/>
      <c r="CB126" s="227"/>
      <c r="CC126" s="227"/>
      <c r="CD126" s="250"/>
      <c r="CE126" s="250"/>
      <c r="CF126" s="250"/>
      <c r="CG126" s="227"/>
      <c r="CH126" s="227"/>
      <c r="CI126" s="227"/>
      <c r="CJ126" s="249"/>
      <c r="CK126" s="1087"/>
      <c r="CL126" s="1074"/>
      <c r="CM126" s="1074"/>
      <c r="CN126" s="1074"/>
      <c r="CO126" s="1075"/>
      <c r="CP126" s="986" t="s">
        <v>471</v>
      </c>
      <c r="CQ126" s="987"/>
      <c r="CR126" s="987"/>
      <c r="CS126" s="987"/>
      <c r="CT126" s="987"/>
      <c r="CU126" s="987"/>
      <c r="CV126" s="987"/>
      <c r="CW126" s="987"/>
      <c r="CX126" s="987"/>
      <c r="CY126" s="987"/>
      <c r="CZ126" s="987"/>
      <c r="DA126" s="987"/>
      <c r="DB126" s="987"/>
      <c r="DC126" s="987"/>
      <c r="DD126" s="987"/>
      <c r="DE126" s="987"/>
      <c r="DF126" s="988"/>
      <c r="DG126" s="989" t="s">
        <v>127</v>
      </c>
      <c r="DH126" s="990"/>
      <c r="DI126" s="990"/>
      <c r="DJ126" s="990"/>
      <c r="DK126" s="990"/>
      <c r="DL126" s="990" t="s">
        <v>127</v>
      </c>
      <c r="DM126" s="990"/>
      <c r="DN126" s="990"/>
      <c r="DO126" s="990"/>
      <c r="DP126" s="990"/>
      <c r="DQ126" s="990" t="s">
        <v>127</v>
      </c>
      <c r="DR126" s="990"/>
      <c r="DS126" s="990"/>
      <c r="DT126" s="990"/>
      <c r="DU126" s="990"/>
      <c r="DV126" s="991" t="s">
        <v>127</v>
      </c>
      <c r="DW126" s="991"/>
      <c r="DX126" s="991"/>
      <c r="DY126" s="991"/>
      <c r="DZ126" s="992"/>
    </row>
    <row r="127" spans="1:130" s="225" customFormat="1" ht="26.25" customHeight="1" x14ac:dyDescent="0.2">
      <c r="A127" s="1122"/>
      <c r="B127" s="1015"/>
      <c r="C127" s="1037" t="s">
        <v>472</v>
      </c>
      <c r="D127" s="1029"/>
      <c r="E127" s="1029"/>
      <c r="F127" s="1029"/>
      <c r="G127" s="1029"/>
      <c r="H127" s="1029"/>
      <c r="I127" s="1029"/>
      <c r="J127" s="1029"/>
      <c r="K127" s="1029"/>
      <c r="L127" s="1029"/>
      <c r="M127" s="1029"/>
      <c r="N127" s="1029"/>
      <c r="O127" s="1029"/>
      <c r="P127" s="1029"/>
      <c r="Q127" s="1029"/>
      <c r="R127" s="1029"/>
      <c r="S127" s="1029"/>
      <c r="T127" s="1029"/>
      <c r="U127" s="1029"/>
      <c r="V127" s="1029"/>
      <c r="W127" s="1029"/>
      <c r="X127" s="1029"/>
      <c r="Y127" s="1029"/>
      <c r="Z127" s="1030"/>
      <c r="AA127" s="1022" t="s">
        <v>127</v>
      </c>
      <c r="AB127" s="1023"/>
      <c r="AC127" s="1023"/>
      <c r="AD127" s="1023"/>
      <c r="AE127" s="1024"/>
      <c r="AF127" s="1025" t="s">
        <v>127</v>
      </c>
      <c r="AG127" s="1023"/>
      <c r="AH127" s="1023"/>
      <c r="AI127" s="1023"/>
      <c r="AJ127" s="1024"/>
      <c r="AK127" s="1025" t="s">
        <v>127</v>
      </c>
      <c r="AL127" s="1023"/>
      <c r="AM127" s="1023"/>
      <c r="AN127" s="1023"/>
      <c r="AO127" s="1024"/>
      <c r="AP127" s="1026" t="s">
        <v>127</v>
      </c>
      <c r="AQ127" s="1027"/>
      <c r="AR127" s="1027"/>
      <c r="AS127" s="1027"/>
      <c r="AT127" s="1028"/>
      <c r="AU127" s="227"/>
      <c r="AV127" s="227"/>
      <c r="AW127" s="227"/>
      <c r="AX127" s="1095" t="s">
        <v>473</v>
      </c>
      <c r="AY127" s="1096"/>
      <c r="AZ127" s="1096"/>
      <c r="BA127" s="1096"/>
      <c r="BB127" s="1096"/>
      <c r="BC127" s="1096"/>
      <c r="BD127" s="1096"/>
      <c r="BE127" s="1097"/>
      <c r="BF127" s="1098" t="s">
        <v>474</v>
      </c>
      <c r="BG127" s="1096"/>
      <c r="BH127" s="1096"/>
      <c r="BI127" s="1096"/>
      <c r="BJ127" s="1096"/>
      <c r="BK127" s="1096"/>
      <c r="BL127" s="1097"/>
      <c r="BM127" s="1098" t="s">
        <v>475</v>
      </c>
      <c r="BN127" s="1096"/>
      <c r="BO127" s="1096"/>
      <c r="BP127" s="1096"/>
      <c r="BQ127" s="1096"/>
      <c r="BR127" s="1096"/>
      <c r="BS127" s="1097"/>
      <c r="BT127" s="1098" t="s">
        <v>476</v>
      </c>
      <c r="BU127" s="1096"/>
      <c r="BV127" s="1096"/>
      <c r="BW127" s="1096"/>
      <c r="BX127" s="1096"/>
      <c r="BY127" s="1096"/>
      <c r="BZ127" s="1119"/>
      <c r="CA127" s="227"/>
      <c r="CB127" s="227"/>
      <c r="CC127" s="227"/>
      <c r="CD127" s="250"/>
      <c r="CE127" s="250"/>
      <c r="CF127" s="250"/>
      <c r="CG127" s="227"/>
      <c r="CH127" s="227"/>
      <c r="CI127" s="227"/>
      <c r="CJ127" s="249"/>
      <c r="CK127" s="1087"/>
      <c r="CL127" s="1074"/>
      <c r="CM127" s="1074"/>
      <c r="CN127" s="1074"/>
      <c r="CO127" s="1075"/>
      <c r="CP127" s="986" t="s">
        <v>477</v>
      </c>
      <c r="CQ127" s="987"/>
      <c r="CR127" s="987"/>
      <c r="CS127" s="987"/>
      <c r="CT127" s="987"/>
      <c r="CU127" s="987"/>
      <c r="CV127" s="987"/>
      <c r="CW127" s="987"/>
      <c r="CX127" s="987"/>
      <c r="CY127" s="987"/>
      <c r="CZ127" s="987"/>
      <c r="DA127" s="987"/>
      <c r="DB127" s="987"/>
      <c r="DC127" s="987"/>
      <c r="DD127" s="987"/>
      <c r="DE127" s="987"/>
      <c r="DF127" s="988"/>
      <c r="DG127" s="989" t="s">
        <v>127</v>
      </c>
      <c r="DH127" s="990"/>
      <c r="DI127" s="990"/>
      <c r="DJ127" s="990"/>
      <c r="DK127" s="990"/>
      <c r="DL127" s="990" t="s">
        <v>127</v>
      </c>
      <c r="DM127" s="990"/>
      <c r="DN127" s="990"/>
      <c r="DO127" s="990"/>
      <c r="DP127" s="990"/>
      <c r="DQ127" s="990" t="s">
        <v>127</v>
      </c>
      <c r="DR127" s="990"/>
      <c r="DS127" s="990"/>
      <c r="DT127" s="990"/>
      <c r="DU127" s="990"/>
      <c r="DV127" s="991" t="s">
        <v>127</v>
      </c>
      <c r="DW127" s="991"/>
      <c r="DX127" s="991"/>
      <c r="DY127" s="991"/>
      <c r="DZ127" s="992"/>
    </row>
    <row r="128" spans="1:130" s="225" customFormat="1" ht="26.25" customHeight="1" thickBot="1" x14ac:dyDescent="0.25">
      <c r="A128" s="1105" t="s">
        <v>478</v>
      </c>
      <c r="B128" s="1106"/>
      <c r="C128" s="1106"/>
      <c r="D128" s="1106"/>
      <c r="E128" s="1106"/>
      <c r="F128" s="1106"/>
      <c r="G128" s="1106"/>
      <c r="H128" s="1106"/>
      <c r="I128" s="1106"/>
      <c r="J128" s="1106"/>
      <c r="K128" s="1106"/>
      <c r="L128" s="1106"/>
      <c r="M128" s="1106"/>
      <c r="N128" s="1106"/>
      <c r="O128" s="1106"/>
      <c r="P128" s="1106"/>
      <c r="Q128" s="1106"/>
      <c r="R128" s="1106"/>
      <c r="S128" s="1106"/>
      <c r="T128" s="1106"/>
      <c r="U128" s="1106"/>
      <c r="V128" s="1106"/>
      <c r="W128" s="1107" t="s">
        <v>479</v>
      </c>
      <c r="X128" s="1107"/>
      <c r="Y128" s="1107"/>
      <c r="Z128" s="1108"/>
      <c r="AA128" s="1109">
        <v>625098</v>
      </c>
      <c r="AB128" s="1110"/>
      <c r="AC128" s="1110"/>
      <c r="AD128" s="1110"/>
      <c r="AE128" s="1111"/>
      <c r="AF128" s="1112">
        <v>586752</v>
      </c>
      <c r="AG128" s="1110"/>
      <c r="AH128" s="1110"/>
      <c r="AI128" s="1110"/>
      <c r="AJ128" s="1111"/>
      <c r="AK128" s="1112">
        <v>569984</v>
      </c>
      <c r="AL128" s="1110"/>
      <c r="AM128" s="1110"/>
      <c r="AN128" s="1110"/>
      <c r="AO128" s="1111"/>
      <c r="AP128" s="1113"/>
      <c r="AQ128" s="1114"/>
      <c r="AR128" s="1114"/>
      <c r="AS128" s="1114"/>
      <c r="AT128" s="1115"/>
      <c r="AU128" s="227"/>
      <c r="AV128" s="227"/>
      <c r="AW128" s="227"/>
      <c r="AX128" s="960" t="s">
        <v>480</v>
      </c>
      <c r="AY128" s="961"/>
      <c r="AZ128" s="961"/>
      <c r="BA128" s="961"/>
      <c r="BB128" s="961"/>
      <c r="BC128" s="961"/>
      <c r="BD128" s="961"/>
      <c r="BE128" s="962"/>
      <c r="BF128" s="1116" t="s">
        <v>127</v>
      </c>
      <c r="BG128" s="1117"/>
      <c r="BH128" s="1117"/>
      <c r="BI128" s="1117"/>
      <c r="BJ128" s="1117"/>
      <c r="BK128" s="1117"/>
      <c r="BL128" s="1118"/>
      <c r="BM128" s="1116">
        <v>12.41</v>
      </c>
      <c r="BN128" s="1117"/>
      <c r="BO128" s="1117"/>
      <c r="BP128" s="1117"/>
      <c r="BQ128" s="1117"/>
      <c r="BR128" s="1117"/>
      <c r="BS128" s="1118"/>
      <c r="BT128" s="1116">
        <v>20</v>
      </c>
      <c r="BU128" s="1117"/>
      <c r="BV128" s="1117"/>
      <c r="BW128" s="1117"/>
      <c r="BX128" s="1117"/>
      <c r="BY128" s="1117"/>
      <c r="BZ128" s="1140"/>
      <c r="CA128" s="250"/>
      <c r="CB128" s="250"/>
      <c r="CC128" s="250"/>
      <c r="CD128" s="250"/>
      <c r="CE128" s="250"/>
      <c r="CF128" s="250"/>
      <c r="CG128" s="227"/>
      <c r="CH128" s="227"/>
      <c r="CI128" s="227"/>
      <c r="CJ128" s="249"/>
      <c r="CK128" s="1088"/>
      <c r="CL128" s="1089"/>
      <c r="CM128" s="1089"/>
      <c r="CN128" s="1089"/>
      <c r="CO128" s="1090"/>
      <c r="CP128" s="1099" t="s">
        <v>481</v>
      </c>
      <c r="CQ128" s="790"/>
      <c r="CR128" s="790"/>
      <c r="CS128" s="790"/>
      <c r="CT128" s="790"/>
      <c r="CU128" s="790"/>
      <c r="CV128" s="790"/>
      <c r="CW128" s="790"/>
      <c r="CX128" s="790"/>
      <c r="CY128" s="790"/>
      <c r="CZ128" s="790"/>
      <c r="DA128" s="790"/>
      <c r="DB128" s="790"/>
      <c r="DC128" s="790"/>
      <c r="DD128" s="790"/>
      <c r="DE128" s="790"/>
      <c r="DF128" s="1100"/>
      <c r="DG128" s="1101">
        <v>186662</v>
      </c>
      <c r="DH128" s="1102"/>
      <c r="DI128" s="1102"/>
      <c r="DJ128" s="1102"/>
      <c r="DK128" s="1102"/>
      <c r="DL128" s="1102">
        <v>157475</v>
      </c>
      <c r="DM128" s="1102"/>
      <c r="DN128" s="1102"/>
      <c r="DO128" s="1102"/>
      <c r="DP128" s="1102"/>
      <c r="DQ128" s="1102">
        <v>128288</v>
      </c>
      <c r="DR128" s="1102"/>
      <c r="DS128" s="1102"/>
      <c r="DT128" s="1102"/>
      <c r="DU128" s="1102"/>
      <c r="DV128" s="1103">
        <v>0.7</v>
      </c>
      <c r="DW128" s="1103"/>
      <c r="DX128" s="1103"/>
      <c r="DY128" s="1103"/>
      <c r="DZ128" s="1104"/>
    </row>
    <row r="129" spans="1:131" s="225" customFormat="1" ht="26.25" customHeight="1" x14ac:dyDescent="0.2">
      <c r="A129" s="998" t="s">
        <v>107</v>
      </c>
      <c r="B129" s="999"/>
      <c r="C129" s="999"/>
      <c r="D129" s="999"/>
      <c r="E129" s="999"/>
      <c r="F129" s="999"/>
      <c r="G129" s="999"/>
      <c r="H129" s="999"/>
      <c r="I129" s="999"/>
      <c r="J129" s="999"/>
      <c r="K129" s="999"/>
      <c r="L129" s="999"/>
      <c r="M129" s="999"/>
      <c r="N129" s="999"/>
      <c r="O129" s="999"/>
      <c r="P129" s="999"/>
      <c r="Q129" s="999"/>
      <c r="R129" s="999"/>
      <c r="S129" s="999"/>
      <c r="T129" s="999"/>
      <c r="U129" s="999"/>
      <c r="V129" s="999"/>
      <c r="W129" s="1134" t="s">
        <v>482</v>
      </c>
      <c r="X129" s="1135"/>
      <c r="Y129" s="1135"/>
      <c r="Z129" s="1136"/>
      <c r="AA129" s="1022">
        <v>19485324</v>
      </c>
      <c r="AB129" s="1023"/>
      <c r="AC129" s="1023"/>
      <c r="AD129" s="1023"/>
      <c r="AE129" s="1024"/>
      <c r="AF129" s="1025">
        <v>19761297</v>
      </c>
      <c r="AG129" s="1023"/>
      <c r="AH129" s="1023"/>
      <c r="AI129" s="1023"/>
      <c r="AJ129" s="1024"/>
      <c r="AK129" s="1025">
        <v>20871660</v>
      </c>
      <c r="AL129" s="1023"/>
      <c r="AM129" s="1023"/>
      <c r="AN129" s="1023"/>
      <c r="AO129" s="1024"/>
      <c r="AP129" s="1137"/>
      <c r="AQ129" s="1138"/>
      <c r="AR129" s="1138"/>
      <c r="AS129" s="1138"/>
      <c r="AT129" s="1139"/>
      <c r="AU129" s="228"/>
      <c r="AV129" s="228"/>
      <c r="AW129" s="228"/>
      <c r="AX129" s="1129" t="s">
        <v>483</v>
      </c>
      <c r="AY129" s="987"/>
      <c r="AZ129" s="987"/>
      <c r="BA129" s="987"/>
      <c r="BB129" s="987"/>
      <c r="BC129" s="987"/>
      <c r="BD129" s="987"/>
      <c r="BE129" s="988"/>
      <c r="BF129" s="1130" t="s">
        <v>127</v>
      </c>
      <c r="BG129" s="1131"/>
      <c r="BH129" s="1131"/>
      <c r="BI129" s="1131"/>
      <c r="BJ129" s="1131"/>
      <c r="BK129" s="1131"/>
      <c r="BL129" s="1132"/>
      <c r="BM129" s="1130">
        <v>17.41</v>
      </c>
      <c r="BN129" s="1131"/>
      <c r="BO129" s="1131"/>
      <c r="BP129" s="1131"/>
      <c r="BQ129" s="1131"/>
      <c r="BR129" s="1131"/>
      <c r="BS129" s="1132"/>
      <c r="BT129" s="1130">
        <v>30</v>
      </c>
      <c r="BU129" s="1131"/>
      <c r="BV129" s="1131"/>
      <c r="BW129" s="1131"/>
      <c r="BX129" s="1131"/>
      <c r="BY129" s="1131"/>
      <c r="BZ129" s="1133"/>
      <c r="CA129" s="251"/>
      <c r="CB129" s="251"/>
      <c r="CC129" s="251"/>
      <c r="CD129" s="251"/>
      <c r="CE129" s="251"/>
      <c r="CF129" s="251"/>
      <c r="CG129" s="251"/>
      <c r="CH129" s="251"/>
      <c r="CI129" s="251"/>
      <c r="CJ129" s="251"/>
      <c r="CK129" s="251"/>
      <c r="CL129" s="251"/>
      <c r="CM129" s="251"/>
      <c r="CN129" s="251"/>
      <c r="CO129" s="251"/>
      <c r="CP129" s="251"/>
      <c r="CQ129" s="251"/>
      <c r="CR129" s="251"/>
      <c r="CS129" s="251"/>
      <c r="CT129" s="251"/>
      <c r="CU129" s="251"/>
      <c r="CV129" s="251"/>
      <c r="CW129" s="251"/>
      <c r="CX129" s="251"/>
      <c r="CY129" s="251"/>
      <c r="CZ129" s="251"/>
      <c r="DA129" s="251"/>
      <c r="DB129" s="251"/>
      <c r="DC129" s="251"/>
      <c r="DD129" s="251"/>
      <c r="DE129" s="251"/>
      <c r="DF129" s="251"/>
      <c r="DG129" s="251"/>
      <c r="DH129" s="251"/>
      <c r="DI129" s="251"/>
      <c r="DJ129" s="251"/>
      <c r="DK129" s="251"/>
      <c r="DL129" s="251"/>
      <c r="DM129" s="251"/>
      <c r="DN129" s="251"/>
      <c r="DO129" s="251"/>
      <c r="DP129" s="228"/>
      <c r="DQ129" s="228"/>
      <c r="DR129" s="228"/>
      <c r="DS129" s="228"/>
      <c r="DT129" s="228"/>
      <c r="DU129" s="228"/>
      <c r="DV129" s="228"/>
      <c r="DW129" s="228"/>
      <c r="DX129" s="228"/>
      <c r="DY129" s="228"/>
      <c r="DZ129" s="228"/>
    </row>
    <row r="130" spans="1:131" s="225" customFormat="1" ht="26.25" customHeight="1" x14ac:dyDescent="0.2">
      <c r="A130" s="998" t="s">
        <v>484</v>
      </c>
      <c r="B130" s="999"/>
      <c r="C130" s="999"/>
      <c r="D130" s="999"/>
      <c r="E130" s="999"/>
      <c r="F130" s="999"/>
      <c r="G130" s="999"/>
      <c r="H130" s="999"/>
      <c r="I130" s="999"/>
      <c r="J130" s="999"/>
      <c r="K130" s="999"/>
      <c r="L130" s="999"/>
      <c r="M130" s="999"/>
      <c r="N130" s="999"/>
      <c r="O130" s="999"/>
      <c r="P130" s="999"/>
      <c r="Q130" s="999"/>
      <c r="R130" s="999"/>
      <c r="S130" s="999"/>
      <c r="T130" s="999"/>
      <c r="U130" s="999"/>
      <c r="V130" s="999"/>
      <c r="W130" s="1134" t="s">
        <v>485</v>
      </c>
      <c r="X130" s="1135"/>
      <c r="Y130" s="1135"/>
      <c r="Z130" s="1136"/>
      <c r="AA130" s="1022">
        <v>2158690</v>
      </c>
      <c r="AB130" s="1023"/>
      <c r="AC130" s="1023"/>
      <c r="AD130" s="1023"/>
      <c r="AE130" s="1024"/>
      <c r="AF130" s="1025">
        <v>2073291</v>
      </c>
      <c r="AG130" s="1023"/>
      <c r="AH130" s="1023"/>
      <c r="AI130" s="1023"/>
      <c r="AJ130" s="1024"/>
      <c r="AK130" s="1025">
        <v>2031790</v>
      </c>
      <c r="AL130" s="1023"/>
      <c r="AM130" s="1023"/>
      <c r="AN130" s="1023"/>
      <c r="AO130" s="1024"/>
      <c r="AP130" s="1137"/>
      <c r="AQ130" s="1138"/>
      <c r="AR130" s="1138"/>
      <c r="AS130" s="1138"/>
      <c r="AT130" s="1139"/>
      <c r="AU130" s="228"/>
      <c r="AV130" s="228"/>
      <c r="AW130" s="228"/>
      <c r="AX130" s="1129" t="s">
        <v>486</v>
      </c>
      <c r="AY130" s="987"/>
      <c r="AZ130" s="987"/>
      <c r="BA130" s="987"/>
      <c r="BB130" s="987"/>
      <c r="BC130" s="987"/>
      <c r="BD130" s="987"/>
      <c r="BE130" s="988"/>
      <c r="BF130" s="1165">
        <v>7.5</v>
      </c>
      <c r="BG130" s="1166"/>
      <c r="BH130" s="1166"/>
      <c r="BI130" s="1166"/>
      <c r="BJ130" s="1166"/>
      <c r="BK130" s="1166"/>
      <c r="BL130" s="1167"/>
      <c r="BM130" s="1165">
        <v>25</v>
      </c>
      <c r="BN130" s="1166"/>
      <c r="BO130" s="1166"/>
      <c r="BP130" s="1166"/>
      <c r="BQ130" s="1166"/>
      <c r="BR130" s="1166"/>
      <c r="BS130" s="1167"/>
      <c r="BT130" s="1165">
        <v>35</v>
      </c>
      <c r="BU130" s="1166"/>
      <c r="BV130" s="1166"/>
      <c r="BW130" s="1166"/>
      <c r="BX130" s="1166"/>
      <c r="BY130" s="1166"/>
      <c r="BZ130" s="1168"/>
      <c r="CA130" s="251"/>
      <c r="CB130" s="251"/>
      <c r="CC130" s="251"/>
      <c r="CD130" s="251"/>
      <c r="CE130" s="251"/>
      <c r="CF130" s="251"/>
      <c r="CG130" s="251"/>
      <c r="CH130" s="251"/>
      <c r="CI130" s="251"/>
      <c r="CJ130" s="251"/>
      <c r="CK130" s="251"/>
      <c r="CL130" s="251"/>
      <c r="CM130" s="251"/>
      <c r="CN130" s="251"/>
      <c r="CO130" s="251"/>
      <c r="CP130" s="251"/>
      <c r="CQ130" s="251"/>
      <c r="CR130" s="251"/>
      <c r="CS130" s="251"/>
      <c r="CT130" s="251"/>
      <c r="CU130" s="251"/>
      <c r="CV130" s="251"/>
      <c r="CW130" s="251"/>
      <c r="CX130" s="251"/>
      <c r="CY130" s="251"/>
      <c r="CZ130" s="251"/>
      <c r="DA130" s="251"/>
      <c r="DB130" s="251"/>
      <c r="DC130" s="251"/>
      <c r="DD130" s="251"/>
      <c r="DE130" s="251"/>
      <c r="DF130" s="251"/>
      <c r="DG130" s="251"/>
      <c r="DH130" s="251"/>
      <c r="DI130" s="251"/>
      <c r="DJ130" s="251"/>
      <c r="DK130" s="251"/>
      <c r="DL130" s="251"/>
      <c r="DM130" s="251"/>
      <c r="DN130" s="251"/>
      <c r="DO130" s="251"/>
      <c r="DP130" s="228"/>
      <c r="DQ130" s="228"/>
      <c r="DR130" s="228"/>
      <c r="DS130" s="228"/>
      <c r="DT130" s="228"/>
      <c r="DU130" s="228"/>
      <c r="DV130" s="228"/>
      <c r="DW130" s="228"/>
      <c r="DX130" s="228"/>
      <c r="DY130" s="228"/>
      <c r="DZ130" s="228"/>
    </row>
    <row r="131" spans="1:131" s="225" customFormat="1" ht="26.25" customHeight="1" thickBot="1" x14ac:dyDescent="0.25">
      <c r="A131" s="1169"/>
      <c r="B131" s="1170"/>
      <c r="C131" s="1170"/>
      <c r="D131" s="1170"/>
      <c r="E131" s="1170"/>
      <c r="F131" s="1170"/>
      <c r="G131" s="1170"/>
      <c r="H131" s="1170"/>
      <c r="I131" s="1170"/>
      <c r="J131" s="1170"/>
      <c r="K131" s="1170"/>
      <c r="L131" s="1170"/>
      <c r="M131" s="1170"/>
      <c r="N131" s="1170"/>
      <c r="O131" s="1170"/>
      <c r="P131" s="1170"/>
      <c r="Q131" s="1170"/>
      <c r="R131" s="1170"/>
      <c r="S131" s="1170"/>
      <c r="T131" s="1170"/>
      <c r="U131" s="1170"/>
      <c r="V131" s="1170"/>
      <c r="W131" s="1171" t="s">
        <v>487</v>
      </c>
      <c r="X131" s="1172"/>
      <c r="Y131" s="1172"/>
      <c r="Z131" s="1173"/>
      <c r="AA131" s="1068">
        <v>17326634</v>
      </c>
      <c r="AB131" s="1050"/>
      <c r="AC131" s="1050"/>
      <c r="AD131" s="1050"/>
      <c r="AE131" s="1051"/>
      <c r="AF131" s="1049">
        <v>17688006</v>
      </c>
      <c r="AG131" s="1050"/>
      <c r="AH131" s="1050"/>
      <c r="AI131" s="1050"/>
      <c r="AJ131" s="1051"/>
      <c r="AK131" s="1049">
        <v>18839870</v>
      </c>
      <c r="AL131" s="1050"/>
      <c r="AM131" s="1050"/>
      <c r="AN131" s="1050"/>
      <c r="AO131" s="1051"/>
      <c r="AP131" s="1174"/>
      <c r="AQ131" s="1175"/>
      <c r="AR131" s="1175"/>
      <c r="AS131" s="1175"/>
      <c r="AT131" s="1176"/>
      <c r="AU131" s="228"/>
      <c r="AV131" s="228"/>
      <c r="AW131" s="228"/>
      <c r="AX131" s="1147" t="s">
        <v>488</v>
      </c>
      <c r="AY131" s="790"/>
      <c r="AZ131" s="790"/>
      <c r="BA131" s="790"/>
      <c r="BB131" s="790"/>
      <c r="BC131" s="790"/>
      <c r="BD131" s="790"/>
      <c r="BE131" s="1100"/>
      <c r="BF131" s="1148">
        <v>42.4</v>
      </c>
      <c r="BG131" s="1149"/>
      <c r="BH131" s="1149"/>
      <c r="BI131" s="1149"/>
      <c r="BJ131" s="1149"/>
      <c r="BK131" s="1149"/>
      <c r="BL131" s="1150"/>
      <c r="BM131" s="1148">
        <v>350</v>
      </c>
      <c r="BN131" s="1149"/>
      <c r="BO131" s="1149"/>
      <c r="BP131" s="1149"/>
      <c r="BQ131" s="1149"/>
      <c r="BR131" s="1149"/>
      <c r="BS131" s="1150"/>
      <c r="BT131" s="1151"/>
      <c r="BU131" s="1152"/>
      <c r="BV131" s="1152"/>
      <c r="BW131" s="1152"/>
      <c r="BX131" s="1152"/>
      <c r="BY131" s="1152"/>
      <c r="BZ131" s="1153"/>
      <c r="CA131" s="251"/>
      <c r="CB131" s="251"/>
      <c r="CC131" s="251"/>
      <c r="CD131" s="251"/>
      <c r="CE131" s="251"/>
      <c r="CF131" s="251"/>
      <c r="CG131" s="251"/>
      <c r="CH131" s="251"/>
      <c r="CI131" s="251"/>
      <c r="CJ131" s="251"/>
      <c r="CK131" s="251"/>
      <c r="CL131" s="251"/>
      <c r="CM131" s="251"/>
      <c r="CN131" s="251"/>
      <c r="CO131" s="251"/>
      <c r="CP131" s="251"/>
      <c r="CQ131" s="251"/>
      <c r="CR131" s="251"/>
      <c r="CS131" s="251"/>
      <c r="CT131" s="251"/>
      <c r="CU131" s="251"/>
      <c r="CV131" s="251"/>
      <c r="CW131" s="251"/>
      <c r="CX131" s="251"/>
      <c r="CY131" s="251"/>
      <c r="CZ131" s="251"/>
      <c r="DA131" s="251"/>
      <c r="DB131" s="251"/>
      <c r="DC131" s="251"/>
      <c r="DD131" s="251"/>
      <c r="DE131" s="251"/>
      <c r="DF131" s="251"/>
      <c r="DG131" s="251"/>
      <c r="DH131" s="251"/>
      <c r="DI131" s="251"/>
      <c r="DJ131" s="251"/>
      <c r="DK131" s="251"/>
      <c r="DL131" s="251"/>
      <c r="DM131" s="251"/>
      <c r="DN131" s="251"/>
      <c r="DO131" s="251"/>
      <c r="DP131" s="228"/>
      <c r="DQ131" s="228"/>
      <c r="DR131" s="228"/>
      <c r="DS131" s="228"/>
      <c r="DT131" s="228"/>
      <c r="DU131" s="228"/>
      <c r="DV131" s="228"/>
      <c r="DW131" s="228"/>
      <c r="DX131" s="228"/>
      <c r="DY131" s="228"/>
      <c r="DZ131" s="228"/>
    </row>
    <row r="132" spans="1:131" s="225" customFormat="1" ht="26.25" customHeight="1" x14ac:dyDescent="0.2">
      <c r="A132" s="1154" t="s">
        <v>489</v>
      </c>
      <c r="B132" s="1155"/>
      <c r="C132" s="1155"/>
      <c r="D132" s="1155"/>
      <c r="E132" s="1155"/>
      <c r="F132" s="1155"/>
      <c r="G132" s="1155"/>
      <c r="H132" s="1155"/>
      <c r="I132" s="1155"/>
      <c r="J132" s="1155"/>
      <c r="K132" s="1155"/>
      <c r="L132" s="1155"/>
      <c r="M132" s="1155"/>
      <c r="N132" s="1155"/>
      <c r="O132" s="1155"/>
      <c r="P132" s="1155"/>
      <c r="Q132" s="1155"/>
      <c r="R132" s="1155"/>
      <c r="S132" s="1155"/>
      <c r="T132" s="1155"/>
      <c r="U132" s="1155"/>
      <c r="V132" s="1158" t="s">
        <v>490</v>
      </c>
      <c r="W132" s="1158"/>
      <c r="X132" s="1158"/>
      <c r="Y132" s="1158"/>
      <c r="Z132" s="1159"/>
      <c r="AA132" s="1160">
        <v>7.9238183250000001</v>
      </c>
      <c r="AB132" s="1161"/>
      <c r="AC132" s="1161"/>
      <c r="AD132" s="1161"/>
      <c r="AE132" s="1162"/>
      <c r="AF132" s="1163">
        <v>7.3324941209999999</v>
      </c>
      <c r="AG132" s="1161"/>
      <c r="AH132" s="1161"/>
      <c r="AI132" s="1161"/>
      <c r="AJ132" s="1162"/>
      <c r="AK132" s="1163">
        <v>7.4725250230000002</v>
      </c>
      <c r="AL132" s="1161"/>
      <c r="AM132" s="1161"/>
      <c r="AN132" s="1161"/>
      <c r="AO132" s="1162"/>
      <c r="AP132" s="1065"/>
      <c r="AQ132" s="1066"/>
      <c r="AR132" s="1066"/>
      <c r="AS132" s="1066"/>
      <c r="AT132" s="1164"/>
      <c r="AU132" s="252"/>
      <c r="AV132" s="228"/>
      <c r="AW132" s="228"/>
      <c r="AX132" s="228"/>
      <c r="AY132" s="228"/>
      <c r="AZ132" s="228"/>
      <c r="BA132" s="228"/>
      <c r="BB132" s="228"/>
      <c r="BC132" s="228"/>
      <c r="BD132" s="228"/>
      <c r="BE132" s="228"/>
      <c r="BF132" s="228"/>
      <c r="BG132" s="228"/>
      <c r="BH132" s="228"/>
      <c r="BI132" s="228"/>
      <c r="BJ132" s="228"/>
      <c r="BK132" s="228"/>
      <c r="BL132" s="228"/>
      <c r="BM132" s="228"/>
      <c r="BN132" s="228"/>
      <c r="BO132" s="228"/>
      <c r="BP132" s="228"/>
      <c r="BQ132" s="228"/>
      <c r="BR132" s="228"/>
      <c r="BS132" s="229"/>
      <c r="BT132" s="228"/>
      <c r="BU132" s="228"/>
      <c r="BV132" s="228"/>
      <c r="BW132" s="228"/>
      <c r="BX132" s="228"/>
      <c r="BY132" s="228"/>
      <c r="BZ132" s="228"/>
      <c r="CA132" s="251"/>
      <c r="CB132" s="251"/>
      <c r="CC132" s="251"/>
      <c r="CD132" s="251"/>
      <c r="CE132" s="251"/>
      <c r="CF132" s="251"/>
      <c r="CG132" s="251"/>
      <c r="CH132" s="251"/>
      <c r="CI132" s="251"/>
      <c r="CJ132" s="251"/>
      <c r="CK132" s="251"/>
      <c r="CL132" s="251"/>
      <c r="CM132" s="251"/>
      <c r="CN132" s="251"/>
      <c r="CO132" s="251"/>
      <c r="CP132" s="251"/>
      <c r="CQ132" s="251"/>
      <c r="CR132" s="251"/>
      <c r="CS132" s="251"/>
      <c r="CT132" s="251"/>
      <c r="CU132" s="251"/>
      <c r="CV132" s="251"/>
      <c r="CW132" s="251"/>
      <c r="CX132" s="251"/>
      <c r="CY132" s="251"/>
      <c r="CZ132" s="251"/>
      <c r="DA132" s="251"/>
      <c r="DB132" s="251"/>
      <c r="DC132" s="251"/>
      <c r="DD132" s="251"/>
      <c r="DE132" s="251"/>
      <c r="DF132" s="251"/>
      <c r="DG132" s="251"/>
      <c r="DH132" s="251"/>
      <c r="DI132" s="251"/>
      <c r="DJ132" s="251"/>
      <c r="DK132" s="251"/>
      <c r="DL132" s="251"/>
      <c r="DM132" s="251"/>
      <c r="DN132" s="251"/>
      <c r="DO132" s="251"/>
      <c r="DP132" s="228"/>
      <c r="DQ132" s="228"/>
      <c r="DR132" s="228"/>
      <c r="DS132" s="228"/>
      <c r="DT132" s="228"/>
      <c r="DU132" s="228"/>
      <c r="DV132" s="228"/>
      <c r="DW132" s="228"/>
      <c r="DX132" s="228"/>
      <c r="DY132" s="228"/>
      <c r="DZ132" s="228"/>
    </row>
    <row r="133" spans="1:131" s="225" customFormat="1" ht="26.25" customHeight="1" thickBot="1" x14ac:dyDescent="0.25">
      <c r="A133" s="1156"/>
      <c r="B133" s="1157"/>
      <c r="C133" s="1157"/>
      <c r="D133" s="1157"/>
      <c r="E133" s="1157"/>
      <c r="F133" s="1157"/>
      <c r="G133" s="1157"/>
      <c r="H133" s="1157"/>
      <c r="I133" s="1157"/>
      <c r="J133" s="1157"/>
      <c r="K133" s="1157"/>
      <c r="L133" s="1157"/>
      <c r="M133" s="1157"/>
      <c r="N133" s="1157"/>
      <c r="O133" s="1157"/>
      <c r="P133" s="1157"/>
      <c r="Q133" s="1157"/>
      <c r="R133" s="1157"/>
      <c r="S133" s="1157"/>
      <c r="T133" s="1157"/>
      <c r="U133" s="1157"/>
      <c r="V133" s="1141" t="s">
        <v>491</v>
      </c>
      <c r="W133" s="1141"/>
      <c r="X133" s="1141"/>
      <c r="Y133" s="1141"/>
      <c r="Z133" s="1142"/>
      <c r="AA133" s="1143">
        <v>7.4</v>
      </c>
      <c r="AB133" s="1144"/>
      <c r="AC133" s="1144"/>
      <c r="AD133" s="1144"/>
      <c r="AE133" s="1145"/>
      <c r="AF133" s="1143">
        <v>7.3</v>
      </c>
      <c r="AG133" s="1144"/>
      <c r="AH133" s="1144"/>
      <c r="AI133" s="1144"/>
      <c r="AJ133" s="1145"/>
      <c r="AK133" s="1143">
        <v>7.5</v>
      </c>
      <c r="AL133" s="1144"/>
      <c r="AM133" s="1144"/>
      <c r="AN133" s="1144"/>
      <c r="AO133" s="1145"/>
      <c r="AP133" s="1092"/>
      <c r="AQ133" s="1093"/>
      <c r="AR133" s="1093"/>
      <c r="AS133" s="1093"/>
      <c r="AT133" s="1146"/>
      <c r="AU133" s="228"/>
      <c r="AV133" s="228"/>
      <c r="AW133" s="228"/>
      <c r="AX133" s="228"/>
      <c r="AY133" s="228"/>
      <c r="AZ133" s="228"/>
      <c r="BA133" s="228"/>
      <c r="BB133" s="228"/>
      <c r="BC133" s="228"/>
      <c r="BD133" s="228"/>
      <c r="BE133" s="228"/>
      <c r="BF133" s="228"/>
      <c r="BG133" s="228"/>
      <c r="BH133" s="228"/>
      <c r="BI133" s="228"/>
      <c r="BJ133" s="228"/>
      <c r="BK133" s="228"/>
      <c r="BL133" s="228"/>
      <c r="BM133" s="228"/>
      <c r="BN133" s="251"/>
      <c r="BO133" s="251"/>
      <c r="BP133" s="251"/>
      <c r="BQ133" s="251"/>
      <c r="BR133" s="251"/>
      <c r="BS133" s="251"/>
      <c r="BT133" s="251"/>
      <c r="BU133" s="251"/>
      <c r="BV133" s="251"/>
      <c r="BW133" s="251"/>
      <c r="BX133" s="251"/>
      <c r="BY133" s="251"/>
      <c r="BZ133" s="251"/>
      <c r="CA133" s="251"/>
      <c r="CB133" s="251"/>
      <c r="CC133" s="251"/>
      <c r="CD133" s="251"/>
      <c r="CE133" s="251"/>
      <c r="CF133" s="251"/>
      <c r="CG133" s="251"/>
      <c r="CH133" s="251"/>
      <c r="CI133" s="251"/>
      <c r="CJ133" s="251"/>
      <c r="CK133" s="251"/>
      <c r="CL133" s="251"/>
      <c r="CM133" s="251"/>
      <c r="CN133" s="251"/>
      <c r="CO133" s="251"/>
      <c r="CP133" s="251"/>
      <c r="CQ133" s="251"/>
      <c r="CR133" s="251"/>
      <c r="CS133" s="251"/>
      <c r="CT133" s="251"/>
      <c r="CU133" s="251"/>
      <c r="CV133" s="251"/>
      <c r="CW133" s="251"/>
      <c r="CX133" s="251"/>
      <c r="CY133" s="251"/>
      <c r="CZ133" s="251"/>
      <c r="DA133" s="251"/>
      <c r="DB133" s="251"/>
      <c r="DC133" s="251"/>
      <c r="DD133" s="251"/>
      <c r="DE133" s="251"/>
      <c r="DF133" s="251"/>
      <c r="DG133" s="251"/>
      <c r="DH133" s="251"/>
      <c r="DI133" s="251"/>
      <c r="DJ133" s="251"/>
      <c r="DK133" s="251"/>
      <c r="DL133" s="251"/>
      <c r="DM133" s="251"/>
      <c r="DN133" s="251"/>
      <c r="DO133" s="251"/>
      <c r="DP133" s="228"/>
      <c r="DQ133" s="228"/>
      <c r="DR133" s="228"/>
      <c r="DS133" s="228"/>
      <c r="DT133" s="228"/>
      <c r="DU133" s="228"/>
      <c r="DV133" s="228"/>
      <c r="DW133" s="228"/>
      <c r="DX133" s="228"/>
      <c r="DY133" s="228"/>
      <c r="DZ133" s="228"/>
    </row>
    <row r="134" spans="1:131" ht="11.25" customHeight="1" x14ac:dyDescent="0.2">
      <c r="A134" s="253"/>
      <c r="B134" s="253"/>
      <c r="C134" s="253"/>
      <c r="D134" s="253"/>
      <c r="E134" s="253"/>
      <c r="F134" s="253"/>
      <c r="G134" s="253"/>
      <c r="H134" s="253"/>
      <c r="I134" s="253"/>
      <c r="J134" s="253"/>
      <c r="K134" s="253"/>
      <c r="L134" s="253"/>
      <c r="M134" s="253"/>
      <c r="N134" s="253"/>
      <c r="O134" s="253"/>
      <c r="P134" s="253"/>
      <c r="Q134" s="253"/>
      <c r="R134" s="253"/>
      <c r="S134" s="253"/>
      <c r="T134" s="253"/>
      <c r="U134" s="253"/>
      <c r="V134" s="253"/>
      <c r="W134" s="253"/>
      <c r="X134" s="253"/>
      <c r="Y134" s="253"/>
      <c r="Z134" s="253"/>
      <c r="AA134" s="253"/>
      <c r="AB134" s="253"/>
      <c r="AC134" s="253"/>
      <c r="AD134" s="253"/>
      <c r="AE134" s="253"/>
      <c r="AF134" s="253"/>
      <c r="AG134" s="253"/>
      <c r="AH134" s="253"/>
      <c r="AI134" s="253"/>
      <c r="AJ134" s="253"/>
      <c r="AK134" s="253"/>
      <c r="AL134" s="253"/>
      <c r="AM134" s="253"/>
      <c r="AN134" s="253"/>
      <c r="AO134" s="253"/>
      <c r="AP134" s="253"/>
      <c r="AQ134" s="253"/>
      <c r="AR134" s="253"/>
      <c r="AS134" s="253"/>
      <c r="AT134" s="253"/>
      <c r="AU134" s="228"/>
      <c r="AV134" s="228"/>
      <c r="AW134" s="228"/>
      <c r="AX134" s="228"/>
      <c r="AY134" s="228"/>
      <c r="AZ134" s="228"/>
      <c r="BA134" s="228"/>
      <c r="BB134" s="228"/>
      <c r="BC134" s="228"/>
      <c r="BD134" s="228"/>
      <c r="BE134" s="228"/>
      <c r="BF134" s="228"/>
      <c r="BG134" s="228"/>
      <c r="BH134" s="228"/>
      <c r="BI134" s="228"/>
      <c r="BJ134" s="228"/>
      <c r="BK134" s="228"/>
      <c r="BL134" s="228"/>
      <c r="BM134" s="228"/>
      <c r="BN134" s="251"/>
      <c r="BO134" s="251"/>
      <c r="BP134" s="251"/>
      <c r="BQ134" s="251"/>
      <c r="BR134" s="251"/>
      <c r="BS134" s="251"/>
      <c r="BT134" s="251"/>
      <c r="BU134" s="251"/>
      <c r="BV134" s="251"/>
      <c r="BW134" s="251"/>
      <c r="BX134" s="251"/>
      <c r="BY134" s="251"/>
      <c r="BZ134" s="251"/>
      <c r="CA134" s="251"/>
      <c r="CB134" s="251"/>
      <c r="CC134" s="251"/>
      <c r="CD134" s="251"/>
      <c r="CE134" s="251"/>
      <c r="CF134" s="251"/>
      <c r="CG134" s="251"/>
      <c r="CH134" s="251"/>
      <c r="CI134" s="251"/>
      <c r="CJ134" s="251"/>
      <c r="CK134" s="251"/>
      <c r="CL134" s="251"/>
      <c r="CM134" s="251"/>
      <c r="CN134" s="251"/>
      <c r="CO134" s="251"/>
      <c r="CP134" s="251"/>
      <c r="CQ134" s="251"/>
      <c r="CR134" s="251"/>
      <c r="CS134" s="251"/>
      <c r="CT134" s="251"/>
      <c r="CU134" s="251"/>
      <c r="CV134" s="251"/>
      <c r="CW134" s="251"/>
      <c r="CX134" s="251"/>
      <c r="CY134" s="251"/>
      <c r="CZ134" s="251"/>
      <c r="DA134" s="251"/>
      <c r="DB134" s="251"/>
      <c r="DC134" s="251"/>
      <c r="DD134" s="251"/>
      <c r="DE134" s="251"/>
      <c r="DF134" s="251"/>
      <c r="DG134" s="251"/>
      <c r="DH134" s="251"/>
      <c r="DI134" s="251"/>
      <c r="DJ134" s="251"/>
      <c r="DK134" s="251"/>
      <c r="DL134" s="251"/>
      <c r="DM134" s="251"/>
      <c r="DN134" s="251"/>
      <c r="DO134" s="251"/>
      <c r="DP134" s="228"/>
      <c r="DQ134" s="228"/>
      <c r="DR134" s="228"/>
      <c r="DS134" s="228"/>
      <c r="DT134" s="228"/>
      <c r="DU134" s="228"/>
      <c r="DV134" s="228"/>
      <c r="DW134" s="228"/>
      <c r="DX134" s="228"/>
      <c r="DY134" s="228"/>
      <c r="DZ134" s="228"/>
      <c r="EA134" s="225"/>
    </row>
    <row r="135" spans="1:131" ht="14.4" hidden="1" x14ac:dyDescent="0.2">
      <c r="AU135" s="253"/>
      <c r="AV135" s="253"/>
      <c r="AW135" s="253"/>
      <c r="AX135" s="253"/>
      <c r="AY135" s="253"/>
      <c r="AZ135" s="253"/>
      <c r="BA135" s="253"/>
      <c r="BB135" s="253"/>
      <c r="BC135" s="253"/>
      <c r="BD135" s="253"/>
      <c r="BE135" s="253"/>
      <c r="BF135" s="253"/>
      <c r="BG135" s="253"/>
      <c r="BH135" s="253"/>
      <c r="BI135" s="253"/>
      <c r="BJ135" s="253"/>
      <c r="BK135" s="253"/>
      <c r="BL135" s="253"/>
      <c r="BM135" s="253"/>
      <c r="BN135" s="253"/>
      <c r="BO135" s="253"/>
      <c r="BP135" s="253"/>
      <c r="BQ135" s="253"/>
      <c r="BR135" s="253"/>
      <c r="BS135" s="253"/>
      <c r="BT135" s="253"/>
      <c r="BU135" s="253"/>
      <c r="BV135" s="253"/>
      <c r="BW135" s="253"/>
      <c r="BX135" s="253"/>
      <c r="BY135" s="253"/>
      <c r="BZ135" s="253"/>
      <c r="CA135" s="253"/>
      <c r="CB135" s="253"/>
      <c r="CC135" s="253"/>
      <c r="CD135" s="253"/>
      <c r="CE135" s="253"/>
      <c r="CF135" s="253"/>
      <c r="CG135" s="253"/>
      <c r="CH135" s="253"/>
      <c r="CI135" s="253"/>
      <c r="CJ135" s="253"/>
      <c r="CK135" s="253"/>
      <c r="CL135" s="253"/>
      <c r="CM135" s="253"/>
      <c r="CN135" s="253"/>
      <c r="CO135" s="253"/>
      <c r="CP135" s="253"/>
      <c r="CQ135" s="253"/>
      <c r="CR135" s="253"/>
      <c r="CS135" s="253"/>
      <c r="CT135" s="253"/>
      <c r="CU135" s="253"/>
      <c r="CV135" s="253"/>
      <c r="CW135" s="253"/>
      <c r="CX135" s="253"/>
      <c r="CY135" s="253"/>
      <c r="CZ135" s="253"/>
      <c r="DA135" s="253"/>
      <c r="DB135" s="253"/>
      <c r="DC135" s="253"/>
      <c r="DD135" s="253"/>
      <c r="DE135" s="253"/>
      <c r="DF135" s="253"/>
      <c r="DG135" s="253"/>
      <c r="DH135" s="253"/>
      <c r="DI135" s="253"/>
      <c r="DJ135" s="253"/>
      <c r="DK135" s="253"/>
      <c r="DL135" s="253"/>
      <c r="DM135" s="253"/>
      <c r="DN135" s="253"/>
      <c r="DO135" s="253"/>
      <c r="DP135" s="253"/>
      <c r="DQ135" s="253"/>
      <c r="DR135" s="253"/>
      <c r="DS135" s="253"/>
      <c r="DT135" s="253"/>
      <c r="DU135" s="253"/>
      <c r="DV135" s="253"/>
      <c r="DW135" s="253"/>
      <c r="DX135" s="253"/>
      <c r="DY135" s="253"/>
      <c r="DZ135" s="253"/>
    </row>
  </sheetData>
  <sheetProtection algorithmName="SHA-512" hashValue="cft1KDiP6eUIfRn52/zlfVwFDrwkaPJd+1Jpl7XKwraCWIA2ZHO4nmaajkhgTCC1Z+yvVtx6hetN5QSe7bRXEw==" saltValue="x/DQkA6HORJ5wtXNP3F7b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55" customWidth="1"/>
    <col min="121" max="121" width="0" style="254" hidden="1" customWidth="1"/>
    <col min="122" max="16384" width="9" style="254" hidden="1"/>
  </cols>
  <sheetData>
    <row r="1" spans="1:120" ht="13.2" x14ac:dyDescent="0.2">
      <c r="A1" s="254"/>
      <c r="B1" s="254"/>
      <c r="C1" s="254"/>
      <c r="D1" s="254"/>
      <c r="E1" s="254"/>
      <c r="F1" s="254"/>
      <c r="G1" s="254"/>
      <c r="H1" s="254"/>
      <c r="I1" s="254"/>
      <c r="J1" s="254"/>
      <c r="K1" s="254"/>
      <c r="L1" s="254"/>
      <c r="M1" s="254"/>
      <c r="N1" s="254"/>
      <c r="O1" s="254"/>
      <c r="P1" s="254"/>
      <c r="Q1" s="254"/>
      <c r="R1" s="254"/>
      <c r="S1" s="254"/>
      <c r="T1" s="254"/>
      <c r="U1" s="254"/>
      <c r="V1" s="254"/>
      <c r="W1" s="254"/>
      <c r="X1" s="254"/>
      <c r="Y1" s="254"/>
      <c r="Z1" s="254"/>
      <c r="AA1" s="254"/>
      <c r="AB1" s="254"/>
      <c r="AC1" s="254"/>
      <c r="AD1" s="254"/>
      <c r="AE1" s="254"/>
      <c r="AF1" s="254"/>
      <c r="AG1" s="254"/>
      <c r="AH1" s="254"/>
      <c r="AI1" s="254"/>
      <c r="AJ1" s="254"/>
      <c r="AK1" s="254"/>
      <c r="AL1" s="254"/>
      <c r="AM1" s="254"/>
      <c r="AN1" s="254"/>
      <c r="AO1" s="254"/>
      <c r="AP1" s="254"/>
      <c r="AQ1" s="254"/>
      <c r="AR1" s="254"/>
      <c r="AS1" s="254"/>
      <c r="AT1" s="254"/>
      <c r="AU1" s="254"/>
      <c r="AV1" s="254"/>
      <c r="AW1" s="254"/>
      <c r="AX1" s="254"/>
      <c r="AY1" s="254"/>
      <c r="AZ1" s="254"/>
      <c r="BA1" s="254"/>
      <c r="BB1" s="254"/>
      <c r="BC1" s="254"/>
      <c r="BD1" s="254"/>
      <c r="BE1" s="254"/>
      <c r="BF1" s="254"/>
      <c r="BG1" s="254"/>
      <c r="BH1" s="254"/>
      <c r="BI1" s="254"/>
      <c r="BJ1" s="254"/>
      <c r="BK1" s="254"/>
      <c r="BL1" s="254"/>
      <c r="BM1" s="254"/>
      <c r="BN1" s="254"/>
      <c r="BO1" s="254"/>
      <c r="BP1" s="254"/>
      <c r="BQ1" s="254"/>
      <c r="BR1" s="254"/>
      <c r="BS1" s="254"/>
      <c r="BT1" s="254"/>
      <c r="BU1" s="254"/>
      <c r="BV1" s="254"/>
      <c r="BW1" s="254"/>
      <c r="BX1" s="254"/>
      <c r="BY1" s="254"/>
      <c r="BZ1" s="254"/>
      <c r="CA1" s="254"/>
      <c r="CB1" s="254"/>
      <c r="CC1" s="254"/>
      <c r="CD1" s="254"/>
      <c r="CE1" s="254"/>
      <c r="CF1" s="254"/>
      <c r="CG1" s="254"/>
      <c r="CH1" s="254"/>
      <c r="CI1" s="254"/>
      <c r="CJ1" s="254"/>
      <c r="CK1" s="254"/>
      <c r="CL1" s="254"/>
      <c r="CM1" s="254"/>
      <c r="CN1" s="254"/>
      <c r="CO1" s="254"/>
      <c r="CP1" s="254"/>
      <c r="CQ1" s="254"/>
      <c r="CR1" s="254"/>
      <c r="CS1" s="254"/>
      <c r="CT1" s="254"/>
      <c r="CU1" s="254"/>
      <c r="CV1" s="254"/>
      <c r="CW1" s="254"/>
      <c r="CX1" s="254"/>
      <c r="CY1" s="254"/>
      <c r="CZ1" s="254"/>
      <c r="DA1" s="254"/>
      <c r="DB1" s="254"/>
      <c r="DC1" s="254"/>
      <c r="DD1" s="254"/>
      <c r="DE1" s="254"/>
      <c r="DF1" s="254"/>
      <c r="DG1" s="254"/>
      <c r="DH1" s="254"/>
      <c r="DI1" s="254"/>
      <c r="DJ1" s="254"/>
      <c r="DK1" s="254"/>
      <c r="DL1" s="254"/>
      <c r="DM1" s="254"/>
      <c r="DN1" s="254"/>
      <c r="DO1" s="254"/>
      <c r="DP1" s="254"/>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4"/>
    </row>
    <row r="17" spans="119:120" ht="13.2" x14ac:dyDescent="0.2">
      <c r="DP17" s="254"/>
    </row>
    <row r="18" spans="119:120" ht="13.2" x14ac:dyDescent="0.2"/>
    <row r="19" spans="119:120" ht="13.2" x14ac:dyDescent="0.2"/>
    <row r="20" spans="119:120" ht="13.2" x14ac:dyDescent="0.2">
      <c r="DO20" s="254"/>
      <c r="DP20" s="254"/>
    </row>
    <row r="21" spans="119:120" ht="13.2" x14ac:dyDescent="0.2">
      <c r="DP21" s="254"/>
    </row>
    <row r="22" spans="119:120" ht="13.2" x14ac:dyDescent="0.2"/>
    <row r="23" spans="119:120" ht="13.2" x14ac:dyDescent="0.2">
      <c r="DO23" s="254"/>
      <c r="DP23" s="254"/>
    </row>
    <row r="24" spans="119:120" ht="13.2" x14ac:dyDescent="0.2">
      <c r="DP24" s="254"/>
    </row>
    <row r="25" spans="119:120" ht="13.2" x14ac:dyDescent="0.2">
      <c r="DP25" s="254"/>
    </row>
    <row r="26" spans="119:120" ht="13.2" x14ac:dyDescent="0.2">
      <c r="DO26" s="254"/>
      <c r="DP26" s="254"/>
    </row>
    <row r="27" spans="119:120" ht="13.2" x14ac:dyDescent="0.2"/>
    <row r="28" spans="119:120" ht="13.2" x14ac:dyDescent="0.2">
      <c r="DO28" s="254"/>
      <c r="DP28" s="254"/>
    </row>
    <row r="29" spans="119:120" ht="13.2" x14ac:dyDescent="0.2">
      <c r="DP29" s="254"/>
    </row>
    <row r="30" spans="119:120" ht="13.2" x14ac:dyDescent="0.2"/>
    <row r="31" spans="119:120" ht="13.2" x14ac:dyDescent="0.2">
      <c r="DO31" s="254"/>
      <c r="DP31" s="254"/>
    </row>
    <row r="32" spans="119:120" ht="13.2" x14ac:dyDescent="0.2"/>
    <row r="33" spans="98:120" ht="13.2" x14ac:dyDescent="0.2">
      <c r="DO33" s="254"/>
      <c r="DP33" s="254"/>
    </row>
    <row r="34" spans="98:120" ht="13.2" x14ac:dyDescent="0.2">
      <c r="DM34" s="254"/>
    </row>
    <row r="35" spans="98:120" ht="13.2" x14ac:dyDescent="0.2">
      <c r="CT35" s="254"/>
      <c r="CU35" s="254"/>
      <c r="CV35" s="254"/>
      <c r="CY35" s="254"/>
      <c r="CZ35" s="254"/>
      <c r="DA35" s="254"/>
      <c r="DD35" s="254"/>
      <c r="DE35" s="254"/>
      <c r="DF35" s="254"/>
      <c r="DI35" s="254"/>
      <c r="DJ35" s="254"/>
      <c r="DK35" s="254"/>
      <c r="DM35" s="254"/>
      <c r="DN35" s="254"/>
      <c r="DO35" s="254"/>
      <c r="DP35" s="254"/>
    </row>
    <row r="36" spans="98:120" ht="13.2" x14ac:dyDescent="0.2"/>
    <row r="37" spans="98:120" ht="13.2" x14ac:dyDescent="0.2">
      <c r="CW37" s="254"/>
      <c r="DB37" s="254"/>
      <c r="DG37" s="254"/>
      <c r="DL37" s="254"/>
      <c r="DP37" s="254"/>
    </row>
    <row r="38" spans="98:120" ht="13.2" x14ac:dyDescent="0.2">
      <c r="CT38" s="254"/>
      <c r="CU38" s="254"/>
      <c r="CV38" s="254"/>
      <c r="CW38" s="254"/>
      <c r="CY38" s="254"/>
      <c r="CZ38" s="254"/>
      <c r="DA38" s="254"/>
      <c r="DB38" s="254"/>
      <c r="DD38" s="254"/>
      <c r="DE38" s="254"/>
      <c r="DF38" s="254"/>
      <c r="DG38" s="254"/>
      <c r="DI38" s="254"/>
      <c r="DJ38" s="254"/>
      <c r="DK38" s="254"/>
      <c r="DL38" s="254"/>
      <c r="DN38" s="254"/>
      <c r="DO38" s="254"/>
      <c r="DP38" s="254"/>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4"/>
      <c r="DO49" s="254"/>
      <c r="DP49" s="254"/>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4"/>
      <c r="CS63" s="254"/>
      <c r="CX63" s="254"/>
      <c r="DC63" s="254"/>
      <c r="DH63" s="254"/>
    </row>
    <row r="64" spans="22:120" ht="13.2" x14ac:dyDescent="0.2">
      <c r="V64" s="254"/>
    </row>
    <row r="65" spans="15:120" ht="13.2" x14ac:dyDescent="0.2">
      <c r="X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54"/>
      <c r="BF65" s="254"/>
      <c r="BG65" s="254"/>
      <c r="BH65" s="254"/>
      <c r="BI65" s="254"/>
      <c r="BJ65" s="254"/>
      <c r="BK65" s="254"/>
      <c r="BL65" s="254"/>
      <c r="BM65" s="254"/>
      <c r="BN65" s="254"/>
      <c r="BO65" s="254"/>
      <c r="BP65" s="254"/>
      <c r="BQ65" s="254"/>
      <c r="BR65" s="254"/>
      <c r="BS65" s="254"/>
      <c r="BT65" s="254"/>
      <c r="BU65" s="254"/>
      <c r="BV65" s="254"/>
      <c r="BW65" s="254"/>
      <c r="BX65" s="254"/>
      <c r="BY65" s="254"/>
      <c r="BZ65" s="254"/>
      <c r="CA65" s="254"/>
      <c r="CB65" s="254"/>
      <c r="CC65" s="254"/>
      <c r="CD65" s="254"/>
      <c r="CE65" s="254"/>
      <c r="CF65" s="254"/>
      <c r="CG65" s="254"/>
      <c r="CH65" s="254"/>
      <c r="CI65" s="254"/>
      <c r="CJ65" s="254"/>
      <c r="CK65" s="254"/>
      <c r="CL65" s="254"/>
      <c r="CM65" s="254"/>
      <c r="CN65" s="254"/>
      <c r="CO65" s="254"/>
      <c r="CP65" s="254"/>
      <c r="CQ65" s="254"/>
      <c r="CR65" s="254"/>
      <c r="CU65" s="254"/>
      <c r="CZ65" s="254"/>
      <c r="DE65" s="254"/>
      <c r="DJ65" s="254"/>
    </row>
    <row r="66" spans="15:120" ht="13.2" x14ac:dyDescent="0.2">
      <c r="Q66" s="254"/>
      <c r="S66" s="254"/>
      <c r="U66" s="254"/>
      <c r="DM66" s="254"/>
    </row>
    <row r="67" spans="15:120" ht="13.2" x14ac:dyDescent="0.2">
      <c r="O67" s="254"/>
      <c r="P67" s="254"/>
      <c r="R67" s="254"/>
      <c r="T67" s="254"/>
      <c r="Y67" s="254"/>
      <c r="CT67" s="254"/>
      <c r="CV67" s="254"/>
      <c r="CW67" s="254"/>
      <c r="CY67" s="254"/>
      <c r="DA67" s="254"/>
      <c r="DB67" s="254"/>
      <c r="DD67" s="254"/>
      <c r="DF67" s="254"/>
      <c r="DG67" s="254"/>
      <c r="DI67" s="254"/>
      <c r="DK67" s="254"/>
      <c r="DL67" s="254"/>
      <c r="DN67" s="254"/>
      <c r="DO67" s="254"/>
      <c r="DP67" s="254"/>
    </row>
    <row r="68" spans="15:120" ht="13.2" x14ac:dyDescent="0.2"/>
    <row r="69" spans="15:120" ht="13.2" x14ac:dyDescent="0.2"/>
    <row r="70" spans="15:120" ht="13.2" x14ac:dyDescent="0.2"/>
    <row r="71" spans="15:120" ht="13.2" x14ac:dyDescent="0.2"/>
    <row r="72" spans="15:120" ht="13.2" x14ac:dyDescent="0.2">
      <c r="DP72" s="254"/>
    </row>
    <row r="73" spans="15:120" ht="13.2" x14ac:dyDescent="0.2">
      <c r="DP73" s="254"/>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4"/>
      <c r="CX96" s="254"/>
      <c r="DC96" s="254"/>
      <c r="DH96" s="254"/>
    </row>
    <row r="97" spans="24:120" ht="13.2" x14ac:dyDescent="0.2">
      <c r="CS97" s="254"/>
      <c r="CX97" s="254"/>
      <c r="DC97" s="254"/>
      <c r="DH97" s="254"/>
      <c r="DP97" s="255" t="s">
        <v>492</v>
      </c>
    </row>
    <row r="98" spans="24:120" ht="13.2" hidden="1" x14ac:dyDescent="0.2">
      <c r="CS98" s="254"/>
      <c r="CX98" s="254"/>
      <c r="DC98" s="254"/>
      <c r="DH98" s="254"/>
    </row>
    <row r="99" spans="24:120" ht="13.2" hidden="1" x14ac:dyDescent="0.2">
      <c r="CS99" s="254"/>
      <c r="CX99" s="254"/>
      <c r="DC99" s="254"/>
      <c r="DH99" s="254"/>
    </row>
    <row r="101" spans="24:120" ht="12" hidden="1" customHeight="1" x14ac:dyDescent="0.2">
      <c r="X101" s="254"/>
      <c r="Y101" s="254"/>
      <c r="Z101" s="254"/>
      <c r="AA101" s="254"/>
      <c r="AB101" s="254"/>
      <c r="AC101" s="254"/>
      <c r="AD101" s="254"/>
      <c r="AE101" s="254"/>
      <c r="AF101" s="254"/>
      <c r="AG101" s="254"/>
      <c r="AH101" s="254"/>
      <c r="AI101" s="254"/>
      <c r="AJ101" s="254"/>
      <c r="AK101" s="254"/>
      <c r="AL101" s="254"/>
      <c r="AM101" s="254"/>
      <c r="AN101" s="254"/>
      <c r="AO101" s="254"/>
      <c r="AP101" s="254"/>
      <c r="AQ101" s="254"/>
      <c r="AR101" s="254"/>
      <c r="AS101" s="254"/>
      <c r="AT101" s="254"/>
      <c r="AU101" s="254"/>
      <c r="AV101" s="254"/>
      <c r="AW101" s="254"/>
      <c r="AX101" s="254"/>
      <c r="AY101" s="254"/>
      <c r="AZ101" s="254"/>
      <c r="BA101" s="254"/>
      <c r="BB101" s="254"/>
      <c r="BC101" s="254"/>
      <c r="BD101" s="254"/>
      <c r="BE101" s="254"/>
      <c r="BF101" s="254"/>
      <c r="BG101" s="254"/>
      <c r="BH101" s="254"/>
      <c r="BI101" s="254"/>
      <c r="BJ101" s="254"/>
      <c r="BK101" s="254"/>
      <c r="BL101" s="254"/>
      <c r="BM101" s="254"/>
      <c r="BN101" s="254"/>
      <c r="BO101" s="254"/>
      <c r="BP101" s="254"/>
      <c r="BQ101" s="254"/>
      <c r="BR101" s="254"/>
      <c r="BS101" s="254"/>
      <c r="BT101" s="254"/>
      <c r="BU101" s="254"/>
      <c r="BV101" s="254"/>
      <c r="BW101" s="254"/>
      <c r="BX101" s="254"/>
      <c r="BY101" s="254"/>
      <c r="BZ101" s="254"/>
      <c r="CA101" s="254"/>
      <c r="CB101" s="254"/>
      <c r="CC101" s="254"/>
      <c r="CD101" s="254"/>
      <c r="CE101" s="254"/>
      <c r="CF101" s="254"/>
      <c r="CG101" s="254"/>
      <c r="CH101" s="254"/>
      <c r="CI101" s="254"/>
      <c r="CJ101" s="254"/>
      <c r="CK101" s="254"/>
      <c r="CL101" s="254"/>
      <c r="CM101" s="254"/>
      <c r="CN101" s="254"/>
      <c r="CO101" s="254"/>
      <c r="CP101" s="254"/>
      <c r="CQ101" s="254"/>
      <c r="CR101" s="254"/>
      <c r="CU101" s="254"/>
      <c r="CZ101" s="254"/>
      <c r="DE101" s="254"/>
      <c r="DJ101" s="254"/>
    </row>
    <row r="102" spans="24:120" ht="1.5" hidden="1" customHeight="1" x14ac:dyDescent="0.2">
      <c r="CU102" s="254"/>
      <c r="CZ102" s="254"/>
      <c r="DE102" s="254"/>
      <c r="DJ102" s="254"/>
      <c r="DM102" s="254"/>
    </row>
    <row r="103" spans="24:120" ht="13.2" hidden="1" x14ac:dyDescent="0.2">
      <c r="CT103" s="254"/>
      <c r="CV103" s="254"/>
      <c r="CW103" s="254"/>
      <c r="CY103" s="254"/>
      <c r="DA103" s="254"/>
      <c r="DB103" s="254"/>
      <c r="DD103" s="254"/>
      <c r="DF103" s="254"/>
      <c r="DG103" s="254"/>
      <c r="DI103" s="254"/>
      <c r="DK103" s="254"/>
      <c r="DL103" s="254"/>
      <c r="DM103" s="254"/>
      <c r="DN103" s="254"/>
      <c r="DO103" s="254"/>
      <c r="DP103" s="254"/>
    </row>
    <row r="104" spans="24:120" ht="13.2" hidden="1" x14ac:dyDescent="0.2">
      <c r="CV104" s="254"/>
      <c r="CW104" s="254"/>
      <c r="DA104" s="254"/>
      <c r="DB104" s="254"/>
      <c r="DF104" s="254"/>
      <c r="DG104" s="254"/>
      <c r="DK104" s="254"/>
      <c r="DL104" s="254"/>
      <c r="DN104" s="254"/>
      <c r="DO104" s="254"/>
      <c r="DP104" s="254"/>
    </row>
    <row r="105" spans="24:120" ht="12.75" hidden="1" customHeight="1" x14ac:dyDescent="0.2"/>
  </sheetData>
  <sheetProtection algorithmName="SHA-512" hashValue="qxKtUni0b/khC5opJd0Ip+VVp/e6TfgJKVbHoGT2T7B/VKP3nI6Zqy2g0gfjllM4CKrfIf2rGTLVBV+38L06eg==" saltValue="CNXc1VkqikqAdulSTv7c0Q==" spinCount="100000" sheet="1" objects="1" scenarios="1"/>
  <dataConsolidate/>
  <phoneticPr fontId="2"/>
  <printOptions horizontalCentered="1" verticalCentered="1"/>
  <pageMargins left="0" right="0" top="0" bottom="0" header="0" footer="0"/>
  <pageSetup paperSize="9" scale="46"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55" customWidth="1"/>
    <col min="117" max="16384" width="9" style="254" hidden="1"/>
  </cols>
  <sheetData>
    <row r="1" spans="2:116" ht="13.2" x14ac:dyDescent="0.2">
      <c r="B1" s="254"/>
      <c r="C1" s="254"/>
      <c r="D1" s="254"/>
      <c r="E1" s="254"/>
      <c r="F1" s="254"/>
      <c r="G1" s="254"/>
      <c r="H1" s="254"/>
      <c r="I1" s="254"/>
      <c r="J1" s="254"/>
      <c r="K1" s="254"/>
      <c r="L1" s="254"/>
      <c r="M1" s="254"/>
      <c r="N1" s="254"/>
      <c r="O1" s="254"/>
      <c r="P1" s="254"/>
      <c r="Q1" s="254"/>
      <c r="R1" s="254"/>
      <c r="S1" s="254"/>
      <c r="T1" s="254"/>
      <c r="U1" s="254"/>
      <c r="V1" s="254"/>
      <c r="W1" s="254"/>
      <c r="X1" s="254"/>
      <c r="Y1" s="254"/>
      <c r="Z1" s="254"/>
      <c r="AA1" s="254"/>
      <c r="AB1" s="254"/>
      <c r="AC1" s="254"/>
      <c r="AD1" s="254"/>
      <c r="AE1" s="254"/>
      <c r="AF1" s="254"/>
      <c r="AG1" s="254"/>
      <c r="AH1" s="254"/>
      <c r="AI1" s="254"/>
      <c r="AJ1" s="254"/>
      <c r="AK1" s="254"/>
      <c r="AL1" s="254"/>
      <c r="AM1" s="254"/>
      <c r="AN1" s="254"/>
      <c r="AO1" s="254"/>
      <c r="AP1" s="254"/>
      <c r="AQ1" s="254"/>
      <c r="AR1" s="254"/>
      <c r="AS1" s="254"/>
      <c r="AT1" s="254"/>
      <c r="AU1" s="254"/>
      <c r="AV1" s="254"/>
      <c r="AW1" s="254"/>
      <c r="AX1" s="254"/>
      <c r="AY1" s="254"/>
      <c r="AZ1" s="254"/>
      <c r="BA1" s="254"/>
      <c r="BB1" s="254"/>
      <c r="BC1" s="254"/>
      <c r="BD1" s="254"/>
      <c r="BE1" s="254"/>
      <c r="BF1" s="254"/>
      <c r="BG1" s="254"/>
      <c r="BH1" s="254"/>
      <c r="BI1" s="254"/>
      <c r="BJ1" s="254"/>
      <c r="BK1" s="254"/>
      <c r="BL1" s="254"/>
      <c r="BM1" s="254"/>
      <c r="BN1" s="254"/>
      <c r="BO1" s="254"/>
      <c r="BP1" s="254"/>
      <c r="BQ1" s="254"/>
      <c r="BR1" s="254"/>
      <c r="BS1" s="254"/>
      <c r="BT1" s="254"/>
      <c r="BU1" s="254"/>
      <c r="BV1" s="254"/>
      <c r="BW1" s="254"/>
      <c r="BX1" s="254"/>
      <c r="BY1" s="254"/>
      <c r="BZ1" s="254"/>
      <c r="CA1" s="254"/>
      <c r="CB1" s="254"/>
      <c r="CC1" s="254"/>
      <c r="CD1" s="254"/>
      <c r="CE1" s="254"/>
      <c r="CF1" s="254"/>
      <c r="CG1" s="254"/>
      <c r="CH1" s="254"/>
      <c r="CI1" s="254"/>
      <c r="CJ1" s="254"/>
      <c r="CK1" s="254"/>
      <c r="CL1" s="254"/>
      <c r="CM1" s="254"/>
      <c r="CN1" s="254"/>
      <c r="CO1" s="254"/>
      <c r="CP1" s="254"/>
      <c r="CQ1" s="254"/>
      <c r="CR1" s="254"/>
      <c r="CS1" s="254"/>
      <c r="CT1" s="254"/>
      <c r="CU1" s="254"/>
      <c r="CV1" s="254"/>
      <c r="CW1" s="254"/>
      <c r="CX1" s="254"/>
      <c r="CY1" s="254"/>
      <c r="CZ1" s="254"/>
      <c r="DA1" s="254"/>
      <c r="DB1" s="254"/>
      <c r="DC1" s="254"/>
      <c r="DD1" s="254"/>
      <c r="DE1" s="254"/>
      <c r="DF1" s="254"/>
      <c r="DG1" s="254"/>
      <c r="DH1" s="254"/>
      <c r="DI1" s="254"/>
      <c r="DJ1" s="254"/>
      <c r="DK1" s="254"/>
      <c r="DL1" s="254"/>
    </row>
    <row r="2" spans="2:116" ht="13.2" x14ac:dyDescent="0.2"/>
    <row r="3" spans="2:116" ht="13.2" x14ac:dyDescent="0.2"/>
    <row r="4" spans="2:116" ht="13.2" x14ac:dyDescent="0.2">
      <c r="R4" s="254"/>
      <c r="S4" s="254"/>
      <c r="T4" s="254"/>
      <c r="U4" s="254"/>
      <c r="V4" s="254"/>
      <c r="W4" s="254"/>
      <c r="X4" s="254"/>
      <c r="Y4" s="254"/>
      <c r="Z4" s="254"/>
      <c r="AA4" s="254"/>
      <c r="AB4" s="254"/>
      <c r="AC4" s="254"/>
      <c r="AD4" s="254"/>
      <c r="AE4" s="254"/>
      <c r="AF4" s="254"/>
      <c r="AG4" s="254"/>
      <c r="AH4" s="254"/>
      <c r="AI4" s="254"/>
      <c r="AJ4" s="254"/>
      <c r="AK4" s="254"/>
      <c r="AL4" s="254"/>
      <c r="AM4" s="254"/>
      <c r="AN4" s="254"/>
      <c r="AO4" s="254"/>
      <c r="AP4" s="254"/>
      <c r="AQ4" s="254"/>
      <c r="AR4" s="254"/>
      <c r="AS4" s="254"/>
      <c r="AT4" s="254"/>
      <c r="AU4" s="254"/>
      <c r="AV4" s="254"/>
      <c r="AW4" s="254"/>
      <c r="AX4" s="254"/>
      <c r="AY4" s="254"/>
      <c r="AZ4" s="254"/>
      <c r="BA4" s="254"/>
      <c r="BB4" s="254"/>
      <c r="BC4" s="254"/>
      <c r="BD4" s="254"/>
      <c r="BE4" s="254"/>
      <c r="BF4" s="254"/>
      <c r="BG4" s="254"/>
      <c r="BH4" s="254"/>
      <c r="BI4" s="254"/>
      <c r="BJ4" s="254"/>
      <c r="BK4" s="254"/>
      <c r="BL4" s="254"/>
      <c r="BM4" s="254"/>
      <c r="BN4" s="254"/>
      <c r="BO4" s="254"/>
      <c r="BP4" s="254"/>
      <c r="BQ4" s="254"/>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row>
    <row r="5" spans="2:116" ht="13.2" x14ac:dyDescent="0.2">
      <c r="R5" s="254"/>
      <c r="S5" s="254"/>
      <c r="T5" s="254"/>
      <c r="U5" s="254"/>
      <c r="V5" s="254"/>
      <c r="W5" s="254"/>
      <c r="X5" s="254"/>
      <c r="Y5" s="254"/>
      <c r="Z5" s="254"/>
      <c r="AA5" s="254"/>
      <c r="AB5" s="254"/>
      <c r="AC5" s="254"/>
      <c r="AD5" s="254"/>
      <c r="AE5" s="254"/>
      <c r="AF5" s="254"/>
      <c r="AG5" s="254"/>
      <c r="AH5" s="254"/>
      <c r="AI5" s="254"/>
      <c r="AJ5" s="254"/>
      <c r="AK5" s="254"/>
      <c r="AL5" s="254"/>
      <c r="AM5" s="254"/>
      <c r="AN5" s="254"/>
      <c r="AO5" s="254"/>
      <c r="AP5" s="254"/>
      <c r="AQ5" s="254"/>
      <c r="AR5" s="254"/>
      <c r="AS5" s="254"/>
      <c r="AT5" s="254"/>
      <c r="AU5" s="254"/>
      <c r="AV5" s="254"/>
      <c r="AW5" s="254"/>
      <c r="AX5" s="254"/>
      <c r="AY5" s="254"/>
      <c r="AZ5" s="254"/>
      <c r="BA5" s="254"/>
      <c r="BB5" s="254"/>
      <c r="BC5" s="254"/>
      <c r="BD5" s="254"/>
      <c r="BE5" s="254"/>
      <c r="BF5" s="254"/>
      <c r="BG5" s="254"/>
      <c r="BH5" s="254"/>
      <c r="BI5" s="254"/>
      <c r="BJ5" s="254"/>
      <c r="BK5" s="254"/>
      <c r="BL5" s="254"/>
      <c r="BM5" s="254"/>
      <c r="BN5" s="254"/>
      <c r="BO5" s="254"/>
      <c r="BP5" s="254"/>
      <c r="BQ5" s="254"/>
      <c r="BR5" s="254"/>
      <c r="BS5" s="254"/>
      <c r="BT5" s="254"/>
      <c r="BU5" s="254"/>
      <c r="BV5" s="254"/>
      <c r="BW5" s="254"/>
      <c r="BX5" s="254"/>
      <c r="BY5" s="254"/>
      <c r="BZ5" s="254"/>
      <c r="CA5" s="254"/>
      <c r="CB5" s="254"/>
      <c r="CC5" s="254"/>
      <c r="CD5" s="254"/>
      <c r="CE5" s="254"/>
      <c r="CF5" s="254"/>
      <c r="CG5" s="254"/>
      <c r="CH5" s="254"/>
      <c r="CI5" s="254"/>
      <c r="CJ5" s="254"/>
      <c r="CK5" s="254"/>
      <c r="CL5" s="254"/>
      <c r="CM5" s="254"/>
      <c r="CN5" s="254"/>
      <c r="CO5" s="254"/>
      <c r="CP5" s="254"/>
      <c r="CQ5" s="254"/>
      <c r="CR5" s="254"/>
      <c r="CS5" s="254"/>
      <c r="CT5" s="254"/>
      <c r="CU5" s="254"/>
      <c r="CV5" s="254"/>
      <c r="CW5" s="254"/>
      <c r="CX5" s="254"/>
      <c r="CY5" s="254"/>
      <c r="CZ5" s="254"/>
      <c r="DA5" s="254"/>
      <c r="DB5" s="254"/>
      <c r="DC5" s="254"/>
      <c r="DD5" s="254"/>
      <c r="DE5" s="254"/>
      <c r="DF5" s="254"/>
      <c r="DG5" s="254"/>
      <c r="DH5" s="254"/>
      <c r="DI5" s="254"/>
      <c r="DJ5" s="254"/>
      <c r="DK5" s="254"/>
      <c r="DL5" s="254"/>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4"/>
      <c r="J18" s="254"/>
      <c r="K18" s="254"/>
      <c r="L18" s="254"/>
      <c r="M18" s="254"/>
      <c r="N18" s="254"/>
      <c r="O18" s="254"/>
      <c r="P18" s="254"/>
      <c r="Q18" s="254"/>
      <c r="R18" s="254"/>
      <c r="S18" s="254"/>
      <c r="T18" s="254"/>
      <c r="U18" s="254"/>
      <c r="V18" s="254"/>
      <c r="W18" s="254"/>
      <c r="X18" s="254"/>
      <c r="Y18" s="254"/>
      <c r="Z18" s="254"/>
      <c r="AA18" s="254"/>
      <c r="AB18" s="254"/>
      <c r="AC18" s="254"/>
      <c r="AD18" s="254"/>
      <c r="AE18" s="254"/>
      <c r="AF18" s="254"/>
      <c r="AG18" s="254"/>
      <c r="AH18" s="254"/>
      <c r="AI18" s="254"/>
      <c r="AJ18" s="254"/>
      <c r="AK18" s="254"/>
      <c r="AL18" s="254"/>
      <c r="AM18" s="254"/>
      <c r="AN18" s="254"/>
      <c r="AO18" s="254"/>
      <c r="AP18" s="254"/>
      <c r="AQ18" s="254"/>
      <c r="AR18" s="254"/>
      <c r="AS18" s="254"/>
      <c r="AT18" s="254"/>
      <c r="AU18" s="254"/>
      <c r="AV18" s="254"/>
      <c r="AW18" s="254"/>
      <c r="AX18" s="254"/>
      <c r="AY18" s="254"/>
      <c r="AZ18" s="254"/>
      <c r="BA18" s="254"/>
      <c r="BB18" s="254"/>
      <c r="BC18" s="254"/>
      <c r="BD18" s="254"/>
      <c r="BE18" s="254"/>
      <c r="BF18" s="254"/>
      <c r="BG18" s="254"/>
      <c r="BH18" s="254"/>
      <c r="BI18" s="254"/>
      <c r="BJ18" s="254"/>
      <c r="BK18" s="254"/>
      <c r="BL18" s="254"/>
      <c r="BM18" s="254"/>
      <c r="BN18" s="254"/>
      <c r="BO18" s="254"/>
      <c r="BP18" s="254"/>
      <c r="BQ18" s="254"/>
      <c r="BR18" s="254"/>
      <c r="BS18" s="254"/>
      <c r="BT18" s="254"/>
      <c r="BU18" s="254"/>
      <c r="BV18" s="254"/>
      <c r="BW18" s="254"/>
      <c r="BX18" s="254"/>
      <c r="BY18" s="254"/>
      <c r="BZ18" s="254"/>
      <c r="CA18" s="254"/>
      <c r="CB18" s="254"/>
      <c r="CC18" s="254"/>
      <c r="CD18" s="254"/>
      <c r="CE18" s="254"/>
      <c r="CF18" s="254"/>
      <c r="CG18" s="254"/>
      <c r="CH18" s="254"/>
      <c r="CI18" s="254"/>
      <c r="CJ18" s="254"/>
      <c r="CK18" s="254"/>
      <c r="CL18" s="254"/>
      <c r="CM18" s="254"/>
      <c r="CN18" s="254"/>
      <c r="CO18" s="254"/>
      <c r="CP18" s="254"/>
      <c r="CQ18" s="254"/>
      <c r="CR18" s="254"/>
      <c r="CS18" s="254"/>
      <c r="CT18" s="254"/>
      <c r="CU18" s="254"/>
      <c r="CV18" s="254"/>
      <c r="CW18" s="254"/>
      <c r="CX18" s="254"/>
      <c r="CY18" s="254"/>
      <c r="CZ18" s="254"/>
      <c r="DA18" s="254"/>
      <c r="DB18" s="254"/>
      <c r="DC18" s="254"/>
      <c r="DD18" s="254"/>
      <c r="DE18" s="254"/>
      <c r="DF18" s="254"/>
      <c r="DG18" s="254"/>
      <c r="DH18" s="254"/>
      <c r="DI18" s="254"/>
      <c r="DJ18" s="254"/>
      <c r="DK18" s="254"/>
      <c r="DL18" s="254"/>
    </row>
    <row r="19" spans="9:116" ht="13.2" x14ac:dyDescent="0.2"/>
    <row r="20" spans="9:116" ht="13.2" x14ac:dyDescent="0.2"/>
    <row r="21" spans="9:116" ht="13.2" x14ac:dyDescent="0.2">
      <c r="DL21" s="254"/>
    </row>
    <row r="22" spans="9:116" ht="13.2" x14ac:dyDescent="0.2">
      <c r="DI22" s="254"/>
      <c r="DJ22" s="254"/>
      <c r="DK22" s="254"/>
      <c r="DL22" s="254"/>
    </row>
    <row r="23" spans="9:116" ht="13.2" x14ac:dyDescent="0.2">
      <c r="CY23" s="254"/>
      <c r="CZ23" s="254"/>
      <c r="DA23" s="254"/>
      <c r="DB23" s="254"/>
      <c r="DC23" s="254"/>
      <c r="DD23" s="254"/>
      <c r="DE23" s="254"/>
      <c r="DF23" s="254"/>
      <c r="DG23" s="254"/>
      <c r="DH23" s="254"/>
      <c r="DI23" s="254"/>
      <c r="DJ23" s="254"/>
      <c r="DK23" s="254"/>
      <c r="DL23" s="254"/>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4"/>
      <c r="DA35" s="254"/>
      <c r="DB35" s="254"/>
      <c r="DC35" s="254"/>
      <c r="DD35" s="254"/>
      <c r="DE35" s="254"/>
      <c r="DF35" s="254"/>
      <c r="DG35" s="254"/>
      <c r="DH35" s="254"/>
      <c r="DI35" s="254"/>
      <c r="DJ35" s="254"/>
      <c r="DK35" s="254"/>
      <c r="DL35" s="254"/>
    </row>
    <row r="36" spans="15:116" ht="13.2" x14ac:dyDescent="0.2"/>
    <row r="37" spans="15:116" ht="13.2" x14ac:dyDescent="0.2">
      <c r="DL37" s="254"/>
    </row>
    <row r="38" spans="15:116" ht="13.2" x14ac:dyDescent="0.2">
      <c r="DI38" s="254"/>
      <c r="DJ38" s="254"/>
      <c r="DK38" s="254"/>
      <c r="DL38" s="254"/>
    </row>
    <row r="39" spans="15:116" ht="13.2" x14ac:dyDescent="0.2"/>
    <row r="40" spans="15:116" ht="13.2" x14ac:dyDescent="0.2"/>
    <row r="41" spans="15:116" ht="13.2" x14ac:dyDescent="0.2"/>
    <row r="42" spans="15:116" ht="13.2" x14ac:dyDescent="0.2"/>
    <row r="43" spans="15:116" ht="13.2" x14ac:dyDescent="0.2">
      <c r="O43" s="254"/>
      <c r="P43" s="254"/>
      <c r="Q43" s="254"/>
      <c r="R43" s="254"/>
      <c r="S43" s="254"/>
      <c r="T43" s="254"/>
      <c r="U43" s="254"/>
      <c r="V43" s="254"/>
      <c r="W43" s="254"/>
      <c r="X43" s="254"/>
      <c r="Y43" s="254"/>
      <c r="Z43" s="254"/>
      <c r="AA43" s="254"/>
      <c r="AB43" s="254"/>
      <c r="AC43" s="254"/>
      <c r="AD43" s="254"/>
      <c r="AE43" s="254"/>
      <c r="AF43" s="254"/>
      <c r="AG43" s="254"/>
      <c r="AH43" s="254"/>
      <c r="AI43" s="254"/>
      <c r="AJ43" s="254"/>
      <c r="AK43" s="254"/>
      <c r="AL43" s="254"/>
      <c r="AM43" s="254"/>
      <c r="AN43" s="254"/>
      <c r="AO43" s="254"/>
      <c r="AP43" s="254"/>
      <c r="AQ43" s="254"/>
      <c r="AR43" s="254"/>
      <c r="AS43" s="254"/>
      <c r="AT43" s="254"/>
      <c r="AU43" s="254"/>
      <c r="AV43" s="254"/>
      <c r="AW43" s="254"/>
      <c r="AX43" s="254"/>
      <c r="AY43" s="254"/>
      <c r="AZ43" s="254"/>
      <c r="BA43" s="254"/>
      <c r="BB43" s="254"/>
      <c r="BC43" s="254"/>
      <c r="BD43" s="254"/>
      <c r="BE43" s="254"/>
      <c r="BF43" s="254"/>
      <c r="BG43" s="254"/>
      <c r="BH43" s="254"/>
      <c r="BI43" s="254"/>
      <c r="BJ43" s="254"/>
      <c r="BK43" s="254"/>
      <c r="BL43" s="254"/>
      <c r="BM43" s="254"/>
      <c r="BN43" s="254"/>
      <c r="BO43" s="254"/>
      <c r="BP43" s="254"/>
      <c r="BQ43" s="254"/>
      <c r="BR43" s="254"/>
      <c r="BS43" s="254"/>
      <c r="BT43" s="254"/>
      <c r="BU43" s="254"/>
      <c r="BV43" s="254"/>
      <c r="BW43" s="254"/>
      <c r="BX43" s="254"/>
      <c r="BY43" s="254"/>
      <c r="BZ43" s="254"/>
      <c r="CA43" s="254"/>
      <c r="CB43" s="254"/>
      <c r="CC43" s="254"/>
      <c r="CD43" s="254"/>
      <c r="CE43" s="254"/>
      <c r="CF43" s="254"/>
      <c r="CG43" s="254"/>
      <c r="CH43" s="254"/>
      <c r="CI43" s="254"/>
      <c r="CJ43" s="254"/>
      <c r="CK43" s="254"/>
      <c r="CL43" s="254"/>
      <c r="CM43" s="254"/>
      <c r="CN43" s="254"/>
      <c r="CO43" s="254"/>
      <c r="CP43" s="254"/>
      <c r="CQ43" s="254"/>
      <c r="CR43" s="254"/>
      <c r="CS43" s="254"/>
      <c r="CT43" s="254"/>
      <c r="CU43" s="254"/>
      <c r="CV43" s="254"/>
      <c r="CW43" s="254"/>
      <c r="CX43" s="254"/>
      <c r="CY43" s="254"/>
      <c r="CZ43" s="254"/>
      <c r="DA43" s="254"/>
      <c r="DB43" s="254"/>
      <c r="DC43" s="254"/>
      <c r="DD43" s="254"/>
      <c r="DE43" s="254"/>
      <c r="DF43" s="254"/>
      <c r="DG43" s="254"/>
      <c r="DH43" s="254"/>
      <c r="DI43" s="254"/>
      <c r="DJ43" s="254"/>
      <c r="DK43" s="254"/>
      <c r="DL43" s="254"/>
    </row>
    <row r="44" spans="15:116" ht="13.2" x14ac:dyDescent="0.2">
      <c r="DL44" s="254"/>
    </row>
    <row r="45" spans="15:116" ht="13.2" x14ac:dyDescent="0.2"/>
    <row r="46" spans="15:116" ht="13.2" x14ac:dyDescent="0.2">
      <c r="DA46" s="254"/>
      <c r="DB46" s="254"/>
      <c r="DC46" s="254"/>
      <c r="DD46" s="254"/>
      <c r="DE46" s="254"/>
      <c r="DF46" s="254"/>
      <c r="DG46" s="254"/>
      <c r="DH46" s="254"/>
      <c r="DI46" s="254"/>
      <c r="DJ46" s="254"/>
      <c r="DK46" s="254"/>
      <c r="DL46" s="254"/>
    </row>
    <row r="47" spans="15:116" ht="13.2" x14ac:dyDescent="0.2"/>
    <row r="48" spans="15:116" ht="13.2" x14ac:dyDescent="0.2"/>
    <row r="49" spans="104:116" ht="13.2" x14ac:dyDescent="0.2"/>
    <row r="50" spans="104:116" ht="13.2" x14ac:dyDescent="0.2">
      <c r="CZ50" s="254"/>
      <c r="DA50" s="254"/>
      <c r="DB50" s="254"/>
      <c r="DC50" s="254"/>
      <c r="DD50" s="254"/>
      <c r="DE50" s="254"/>
      <c r="DF50" s="254"/>
      <c r="DG50" s="254"/>
      <c r="DH50" s="254"/>
      <c r="DI50" s="254"/>
      <c r="DJ50" s="254"/>
      <c r="DK50" s="254"/>
      <c r="DL50" s="254"/>
    </row>
    <row r="51" spans="104:116" ht="13.2" x14ac:dyDescent="0.2"/>
    <row r="52" spans="104:116" ht="13.2" x14ac:dyDescent="0.2"/>
    <row r="53" spans="104:116" ht="13.2" x14ac:dyDescent="0.2">
      <c r="DL53" s="254"/>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4"/>
      <c r="DD67" s="254"/>
      <c r="DE67" s="254"/>
      <c r="DF67" s="254"/>
      <c r="DG67" s="254"/>
      <c r="DH67" s="254"/>
      <c r="DI67" s="254"/>
      <c r="DJ67" s="254"/>
      <c r="DK67" s="254"/>
      <c r="DL67" s="254"/>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TSV0IbUDbrp7rFVndbpBcSlov3qPW+dKCJnTn9xCrg84bq3/Jf1TD1uz8B1yGPlo2xQtOzskVLmjuOdDc8TsIA==" saltValue="gPN0po6uujSHiLPC46tDb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56" customWidth="1"/>
    <col min="37" max="44" width="17" style="256" customWidth="1"/>
    <col min="45" max="45" width="6.109375" style="263" customWidth="1"/>
    <col min="46" max="46" width="3" style="261" customWidth="1"/>
    <col min="47" max="47" width="19.109375" style="256" hidden="1" customWidth="1"/>
    <col min="48" max="52" width="12.6640625" style="256" hidden="1" customWidth="1"/>
    <col min="53" max="16384" width="8.6640625" style="256" hidden="1"/>
  </cols>
  <sheetData>
    <row r="1" spans="1:46" ht="13.2" x14ac:dyDescent="0.2">
      <c r="AS1" s="257"/>
      <c r="AT1" s="257"/>
    </row>
    <row r="2" spans="1:46" ht="13.2" x14ac:dyDescent="0.2">
      <c r="AS2" s="257"/>
      <c r="AT2" s="257"/>
    </row>
    <row r="3" spans="1:46" ht="13.2" x14ac:dyDescent="0.2">
      <c r="AS3" s="257"/>
      <c r="AT3" s="257"/>
    </row>
    <row r="4" spans="1:46" ht="13.2" x14ac:dyDescent="0.2">
      <c r="AS4" s="257"/>
      <c r="AT4" s="257"/>
    </row>
    <row r="5" spans="1:46" ht="16.2" x14ac:dyDescent="0.2">
      <c r="A5" s="258" t="s">
        <v>493</v>
      </c>
      <c r="B5" s="259"/>
      <c r="C5" s="259"/>
      <c r="D5" s="259"/>
      <c r="E5" s="259"/>
      <c r="F5" s="259"/>
      <c r="G5" s="259"/>
      <c r="H5" s="259"/>
      <c r="I5" s="259"/>
      <c r="J5" s="259"/>
      <c r="K5" s="259"/>
      <c r="L5" s="259"/>
      <c r="M5" s="259"/>
      <c r="N5" s="259"/>
      <c r="O5" s="259"/>
      <c r="P5" s="259"/>
      <c r="Q5" s="259"/>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60"/>
    </row>
    <row r="6" spans="1:46" ht="13.2" x14ac:dyDescent="0.2">
      <c r="A6" s="261"/>
      <c r="B6" s="257"/>
      <c r="C6" s="257"/>
      <c r="D6" s="257"/>
      <c r="E6" s="257"/>
      <c r="F6" s="257"/>
      <c r="G6" s="257"/>
      <c r="H6" s="257"/>
      <c r="I6" s="257"/>
      <c r="J6" s="257"/>
      <c r="K6" s="257"/>
      <c r="L6" s="257"/>
      <c r="M6" s="257"/>
      <c r="N6" s="257"/>
      <c r="O6" s="257"/>
      <c r="P6" s="257"/>
      <c r="Q6" s="257"/>
      <c r="R6" s="257"/>
      <c r="S6" s="257"/>
      <c r="T6" s="257"/>
      <c r="U6" s="257"/>
      <c r="V6" s="257"/>
      <c r="W6" s="257"/>
      <c r="X6" s="257"/>
      <c r="Y6" s="257"/>
      <c r="Z6" s="257"/>
      <c r="AA6" s="257"/>
      <c r="AB6" s="257"/>
      <c r="AC6" s="257"/>
      <c r="AD6" s="257"/>
      <c r="AE6" s="257"/>
      <c r="AF6" s="257"/>
      <c r="AG6" s="257"/>
      <c r="AH6" s="257"/>
      <c r="AI6" s="257"/>
      <c r="AJ6" s="257"/>
      <c r="AK6" s="262" t="s">
        <v>494</v>
      </c>
      <c r="AL6" s="262"/>
      <c r="AM6" s="262"/>
      <c r="AN6" s="262"/>
      <c r="AO6" s="257"/>
      <c r="AP6" s="257"/>
      <c r="AQ6" s="257"/>
      <c r="AR6" s="257"/>
    </row>
    <row r="7" spans="1:46" ht="13.5" customHeight="1" x14ac:dyDescent="0.2">
      <c r="A7" s="261"/>
      <c r="B7" s="257"/>
      <c r="C7" s="257"/>
      <c r="D7" s="257"/>
      <c r="E7" s="257"/>
      <c r="F7" s="257"/>
      <c r="G7" s="257"/>
      <c r="H7" s="257"/>
      <c r="I7" s="257"/>
      <c r="J7" s="257"/>
      <c r="K7" s="257"/>
      <c r="L7" s="257"/>
      <c r="M7" s="257"/>
      <c r="N7" s="257"/>
      <c r="O7" s="257"/>
      <c r="P7" s="257"/>
      <c r="Q7" s="257"/>
      <c r="R7" s="257"/>
      <c r="S7" s="257"/>
      <c r="T7" s="257"/>
      <c r="U7" s="257"/>
      <c r="V7" s="257"/>
      <c r="W7" s="257"/>
      <c r="X7" s="257"/>
      <c r="Y7" s="257"/>
      <c r="Z7" s="257"/>
      <c r="AA7" s="257"/>
      <c r="AB7" s="257"/>
      <c r="AC7" s="257"/>
      <c r="AD7" s="257"/>
      <c r="AE7" s="257"/>
      <c r="AF7" s="257"/>
      <c r="AG7" s="257"/>
      <c r="AH7" s="257"/>
      <c r="AI7" s="257"/>
      <c r="AJ7" s="257"/>
      <c r="AK7" s="264"/>
      <c r="AL7" s="265"/>
      <c r="AM7" s="265"/>
      <c r="AN7" s="266"/>
      <c r="AO7" s="1178" t="s">
        <v>495</v>
      </c>
      <c r="AP7" s="267"/>
      <c r="AQ7" s="268" t="s">
        <v>496</v>
      </c>
      <c r="AR7" s="269"/>
    </row>
    <row r="8" spans="1:46" ht="13.2" x14ac:dyDescent="0.2">
      <c r="A8" s="261"/>
      <c r="B8" s="257"/>
      <c r="C8" s="257"/>
      <c r="D8" s="257"/>
      <c r="E8" s="257"/>
      <c r="F8" s="257"/>
      <c r="G8" s="257"/>
      <c r="H8" s="257"/>
      <c r="I8" s="257"/>
      <c r="J8" s="257"/>
      <c r="K8" s="257"/>
      <c r="L8" s="257"/>
      <c r="M8" s="257"/>
      <c r="N8" s="257"/>
      <c r="O8" s="257"/>
      <c r="P8" s="257"/>
      <c r="Q8" s="257"/>
      <c r="R8" s="257"/>
      <c r="S8" s="257"/>
      <c r="T8" s="257"/>
      <c r="U8" s="257"/>
      <c r="V8" s="257"/>
      <c r="W8" s="257"/>
      <c r="X8" s="257"/>
      <c r="Y8" s="257"/>
      <c r="Z8" s="257"/>
      <c r="AA8" s="257"/>
      <c r="AB8" s="257"/>
      <c r="AC8" s="257"/>
      <c r="AD8" s="257"/>
      <c r="AE8" s="257"/>
      <c r="AF8" s="257"/>
      <c r="AG8" s="257"/>
      <c r="AH8" s="257"/>
      <c r="AI8" s="257"/>
      <c r="AJ8" s="257"/>
      <c r="AK8" s="270"/>
      <c r="AL8" s="271"/>
      <c r="AM8" s="271"/>
      <c r="AN8" s="272"/>
      <c r="AO8" s="1179"/>
      <c r="AP8" s="273" t="s">
        <v>497</v>
      </c>
      <c r="AQ8" s="274" t="s">
        <v>498</v>
      </c>
      <c r="AR8" s="275" t="s">
        <v>499</v>
      </c>
    </row>
    <row r="9" spans="1:46" ht="13.2" x14ac:dyDescent="0.2">
      <c r="A9" s="261"/>
      <c r="B9" s="257"/>
      <c r="C9" s="257"/>
      <c r="D9" s="257"/>
      <c r="E9" s="257"/>
      <c r="F9" s="257"/>
      <c r="G9" s="257"/>
      <c r="H9" s="257"/>
      <c r="I9" s="257"/>
      <c r="J9" s="257"/>
      <c r="K9" s="257"/>
      <c r="L9" s="257"/>
      <c r="M9" s="257"/>
      <c r="N9" s="257"/>
      <c r="O9" s="257"/>
      <c r="P9" s="257"/>
      <c r="Q9" s="257"/>
      <c r="R9" s="257"/>
      <c r="S9" s="257"/>
      <c r="T9" s="257"/>
      <c r="U9" s="257"/>
      <c r="V9" s="257"/>
      <c r="W9" s="257"/>
      <c r="X9" s="257"/>
      <c r="Y9" s="257"/>
      <c r="Z9" s="257"/>
      <c r="AA9" s="257"/>
      <c r="AB9" s="257"/>
      <c r="AC9" s="257"/>
      <c r="AD9" s="257"/>
      <c r="AE9" s="257"/>
      <c r="AF9" s="257"/>
      <c r="AG9" s="257"/>
      <c r="AH9" s="257"/>
      <c r="AI9" s="257"/>
      <c r="AJ9" s="257"/>
      <c r="AK9" s="1180" t="s">
        <v>500</v>
      </c>
      <c r="AL9" s="1181"/>
      <c r="AM9" s="1181"/>
      <c r="AN9" s="1182"/>
      <c r="AO9" s="276">
        <v>6487079</v>
      </c>
      <c r="AP9" s="276">
        <v>65004</v>
      </c>
      <c r="AQ9" s="277">
        <v>62021</v>
      </c>
      <c r="AR9" s="278">
        <v>4.8</v>
      </c>
    </row>
    <row r="10" spans="1:46" ht="13.5" customHeight="1" x14ac:dyDescent="0.2">
      <c r="A10" s="261"/>
      <c r="B10" s="257"/>
      <c r="C10" s="257"/>
      <c r="D10" s="257"/>
      <c r="E10" s="257"/>
      <c r="F10" s="257"/>
      <c r="G10" s="257"/>
      <c r="H10" s="257"/>
      <c r="I10" s="257"/>
      <c r="J10" s="257"/>
      <c r="K10" s="257"/>
      <c r="L10" s="257"/>
      <c r="M10" s="257"/>
      <c r="N10" s="257"/>
      <c r="O10" s="257"/>
      <c r="P10" s="257"/>
      <c r="Q10" s="257"/>
      <c r="R10" s="257"/>
      <c r="S10" s="257"/>
      <c r="T10" s="257"/>
      <c r="U10" s="257"/>
      <c r="V10" s="257"/>
      <c r="W10" s="257"/>
      <c r="X10" s="257"/>
      <c r="Y10" s="257"/>
      <c r="Z10" s="257"/>
      <c r="AA10" s="257"/>
      <c r="AB10" s="257"/>
      <c r="AC10" s="257"/>
      <c r="AD10" s="257"/>
      <c r="AE10" s="257"/>
      <c r="AF10" s="257"/>
      <c r="AG10" s="257"/>
      <c r="AH10" s="257"/>
      <c r="AI10" s="257"/>
      <c r="AJ10" s="257"/>
      <c r="AK10" s="1180" t="s">
        <v>501</v>
      </c>
      <c r="AL10" s="1181"/>
      <c r="AM10" s="1181"/>
      <c r="AN10" s="1182"/>
      <c r="AO10" s="279">
        <v>88681</v>
      </c>
      <c r="AP10" s="279">
        <v>889</v>
      </c>
      <c r="AQ10" s="280">
        <v>4339</v>
      </c>
      <c r="AR10" s="281">
        <v>-79.5</v>
      </c>
    </row>
    <row r="11" spans="1:46" ht="13.5" customHeight="1" x14ac:dyDescent="0.2">
      <c r="A11" s="261"/>
      <c r="B11" s="257"/>
      <c r="C11" s="257"/>
      <c r="D11" s="257"/>
      <c r="E11" s="257"/>
      <c r="F11" s="257"/>
      <c r="G11" s="257"/>
      <c r="H11" s="257"/>
      <c r="I11" s="257"/>
      <c r="J11" s="257"/>
      <c r="K11" s="257"/>
      <c r="L11" s="257"/>
      <c r="M11" s="257"/>
      <c r="N11" s="257"/>
      <c r="O11" s="257"/>
      <c r="P11" s="257"/>
      <c r="Q11" s="257"/>
      <c r="R11" s="257"/>
      <c r="S11" s="257"/>
      <c r="T11" s="257"/>
      <c r="U11" s="257"/>
      <c r="V11" s="257"/>
      <c r="W11" s="257"/>
      <c r="X11" s="257"/>
      <c r="Y11" s="257"/>
      <c r="Z11" s="257"/>
      <c r="AA11" s="257"/>
      <c r="AB11" s="257"/>
      <c r="AC11" s="257"/>
      <c r="AD11" s="257"/>
      <c r="AE11" s="257"/>
      <c r="AF11" s="257"/>
      <c r="AG11" s="257"/>
      <c r="AH11" s="257"/>
      <c r="AI11" s="257"/>
      <c r="AJ11" s="257"/>
      <c r="AK11" s="1180" t="s">
        <v>502</v>
      </c>
      <c r="AL11" s="1181"/>
      <c r="AM11" s="1181"/>
      <c r="AN11" s="1182"/>
      <c r="AO11" s="279">
        <v>32133</v>
      </c>
      <c r="AP11" s="279">
        <v>322</v>
      </c>
      <c r="AQ11" s="280">
        <v>554</v>
      </c>
      <c r="AR11" s="281">
        <v>-41.9</v>
      </c>
    </row>
    <row r="12" spans="1:46" ht="13.5" customHeight="1" x14ac:dyDescent="0.2">
      <c r="A12" s="261"/>
      <c r="B12" s="257"/>
      <c r="C12" s="257"/>
      <c r="D12" s="257"/>
      <c r="E12" s="257"/>
      <c r="F12" s="257"/>
      <c r="G12" s="257"/>
      <c r="H12" s="257"/>
      <c r="I12" s="257"/>
      <c r="J12" s="257"/>
      <c r="K12" s="257"/>
      <c r="L12" s="257"/>
      <c r="M12" s="257"/>
      <c r="N12" s="257"/>
      <c r="O12" s="257"/>
      <c r="P12" s="257"/>
      <c r="Q12" s="257"/>
      <c r="R12" s="257"/>
      <c r="S12" s="257"/>
      <c r="T12" s="257"/>
      <c r="U12" s="257"/>
      <c r="V12" s="257"/>
      <c r="W12" s="257"/>
      <c r="X12" s="257"/>
      <c r="Y12" s="257"/>
      <c r="Z12" s="257"/>
      <c r="AA12" s="257"/>
      <c r="AB12" s="257"/>
      <c r="AC12" s="257"/>
      <c r="AD12" s="257"/>
      <c r="AE12" s="257"/>
      <c r="AF12" s="257"/>
      <c r="AG12" s="257"/>
      <c r="AH12" s="257"/>
      <c r="AI12" s="257"/>
      <c r="AJ12" s="257"/>
      <c r="AK12" s="1180" t="s">
        <v>503</v>
      </c>
      <c r="AL12" s="1181"/>
      <c r="AM12" s="1181"/>
      <c r="AN12" s="1182"/>
      <c r="AO12" s="279" t="s">
        <v>504</v>
      </c>
      <c r="AP12" s="279" t="s">
        <v>504</v>
      </c>
      <c r="AQ12" s="280">
        <v>17</v>
      </c>
      <c r="AR12" s="281" t="s">
        <v>504</v>
      </c>
    </row>
    <row r="13" spans="1:46" ht="13.5" customHeight="1" x14ac:dyDescent="0.2">
      <c r="A13" s="261"/>
      <c r="B13" s="257"/>
      <c r="C13" s="257"/>
      <c r="D13" s="257"/>
      <c r="E13" s="257"/>
      <c r="F13" s="257"/>
      <c r="G13" s="257"/>
      <c r="H13" s="257"/>
      <c r="I13" s="257"/>
      <c r="J13" s="257"/>
      <c r="K13" s="257"/>
      <c r="L13" s="257"/>
      <c r="M13" s="257"/>
      <c r="N13" s="257"/>
      <c r="O13" s="257"/>
      <c r="P13" s="257"/>
      <c r="Q13" s="257"/>
      <c r="R13" s="257"/>
      <c r="S13" s="257"/>
      <c r="T13" s="257"/>
      <c r="U13" s="257"/>
      <c r="V13" s="257"/>
      <c r="W13" s="257"/>
      <c r="X13" s="257"/>
      <c r="Y13" s="257"/>
      <c r="Z13" s="257"/>
      <c r="AA13" s="257"/>
      <c r="AB13" s="257"/>
      <c r="AC13" s="257"/>
      <c r="AD13" s="257"/>
      <c r="AE13" s="257"/>
      <c r="AF13" s="257"/>
      <c r="AG13" s="257"/>
      <c r="AH13" s="257"/>
      <c r="AI13" s="257"/>
      <c r="AJ13" s="257"/>
      <c r="AK13" s="1180" t="s">
        <v>505</v>
      </c>
      <c r="AL13" s="1181"/>
      <c r="AM13" s="1181"/>
      <c r="AN13" s="1182"/>
      <c r="AO13" s="279">
        <v>269048</v>
      </c>
      <c r="AP13" s="279">
        <v>2696</v>
      </c>
      <c r="AQ13" s="280">
        <v>2525</v>
      </c>
      <c r="AR13" s="281">
        <v>6.8</v>
      </c>
    </row>
    <row r="14" spans="1:46" ht="13.5" customHeight="1" x14ac:dyDescent="0.2">
      <c r="A14" s="261"/>
      <c r="B14" s="257"/>
      <c r="C14" s="257"/>
      <c r="D14" s="257"/>
      <c r="E14" s="257"/>
      <c r="F14" s="257"/>
      <c r="G14" s="257"/>
      <c r="H14" s="257"/>
      <c r="I14" s="257"/>
      <c r="J14" s="257"/>
      <c r="K14" s="257"/>
      <c r="L14" s="257"/>
      <c r="M14" s="257"/>
      <c r="N14" s="257"/>
      <c r="O14" s="257"/>
      <c r="P14" s="257"/>
      <c r="Q14" s="257"/>
      <c r="R14" s="257"/>
      <c r="S14" s="257"/>
      <c r="T14" s="257"/>
      <c r="U14" s="257"/>
      <c r="V14" s="257"/>
      <c r="W14" s="257"/>
      <c r="X14" s="257"/>
      <c r="Y14" s="257"/>
      <c r="Z14" s="257"/>
      <c r="AA14" s="257"/>
      <c r="AB14" s="257"/>
      <c r="AC14" s="257"/>
      <c r="AD14" s="257"/>
      <c r="AE14" s="257"/>
      <c r="AF14" s="257"/>
      <c r="AG14" s="257"/>
      <c r="AH14" s="257"/>
      <c r="AI14" s="257"/>
      <c r="AJ14" s="257"/>
      <c r="AK14" s="1180" t="s">
        <v>506</v>
      </c>
      <c r="AL14" s="1181"/>
      <c r="AM14" s="1181"/>
      <c r="AN14" s="1182"/>
      <c r="AO14" s="279">
        <v>53012</v>
      </c>
      <c r="AP14" s="279">
        <v>531</v>
      </c>
      <c r="AQ14" s="280">
        <v>1158</v>
      </c>
      <c r="AR14" s="281">
        <v>-54.1</v>
      </c>
    </row>
    <row r="15" spans="1:46" ht="13.5" customHeight="1" x14ac:dyDescent="0.2">
      <c r="A15" s="261"/>
      <c r="B15" s="257"/>
      <c r="C15" s="257"/>
      <c r="D15" s="257"/>
      <c r="E15" s="257"/>
      <c r="F15" s="257"/>
      <c r="G15" s="257"/>
      <c r="H15" s="257"/>
      <c r="I15" s="257"/>
      <c r="J15" s="257"/>
      <c r="K15" s="257"/>
      <c r="L15" s="257"/>
      <c r="M15" s="257"/>
      <c r="N15" s="257"/>
      <c r="O15" s="257"/>
      <c r="P15" s="257"/>
      <c r="Q15" s="257"/>
      <c r="R15" s="257"/>
      <c r="S15" s="257"/>
      <c r="T15" s="257"/>
      <c r="U15" s="257"/>
      <c r="V15" s="257"/>
      <c r="W15" s="257"/>
      <c r="X15" s="257"/>
      <c r="Y15" s="257"/>
      <c r="Z15" s="257"/>
      <c r="AA15" s="257"/>
      <c r="AB15" s="257"/>
      <c r="AC15" s="257"/>
      <c r="AD15" s="257"/>
      <c r="AE15" s="257"/>
      <c r="AF15" s="257"/>
      <c r="AG15" s="257"/>
      <c r="AH15" s="257"/>
      <c r="AI15" s="257"/>
      <c r="AJ15" s="257"/>
      <c r="AK15" s="1183" t="s">
        <v>507</v>
      </c>
      <c r="AL15" s="1184"/>
      <c r="AM15" s="1184"/>
      <c r="AN15" s="1185"/>
      <c r="AO15" s="279">
        <v>-420496</v>
      </c>
      <c r="AP15" s="279">
        <v>-4214</v>
      </c>
      <c r="AQ15" s="280">
        <v>-4174</v>
      </c>
      <c r="AR15" s="281">
        <v>1</v>
      </c>
    </row>
    <row r="16" spans="1:46" ht="13.2" x14ac:dyDescent="0.2">
      <c r="A16" s="261"/>
      <c r="B16" s="257"/>
      <c r="C16" s="257"/>
      <c r="D16" s="257"/>
      <c r="E16" s="257"/>
      <c r="F16" s="257"/>
      <c r="G16" s="257"/>
      <c r="H16" s="257"/>
      <c r="I16" s="257"/>
      <c r="J16" s="257"/>
      <c r="K16" s="257"/>
      <c r="L16" s="257"/>
      <c r="M16" s="257"/>
      <c r="N16" s="257"/>
      <c r="O16" s="257"/>
      <c r="P16" s="257"/>
      <c r="Q16" s="257"/>
      <c r="R16" s="257"/>
      <c r="S16" s="257"/>
      <c r="T16" s="257"/>
      <c r="U16" s="257"/>
      <c r="V16" s="257"/>
      <c r="W16" s="257"/>
      <c r="X16" s="257"/>
      <c r="Y16" s="257"/>
      <c r="Z16" s="257"/>
      <c r="AA16" s="257"/>
      <c r="AB16" s="257"/>
      <c r="AC16" s="257"/>
      <c r="AD16" s="257"/>
      <c r="AE16" s="257"/>
      <c r="AF16" s="257"/>
      <c r="AG16" s="257"/>
      <c r="AH16" s="257"/>
      <c r="AI16" s="257"/>
      <c r="AJ16" s="257"/>
      <c r="AK16" s="1183" t="s">
        <v>184</v>
      </c>
      <c r="AL16" s="1184"/>
      <c r="AM16" s="1184"/>
      <c r="AN16" s="1185"/>
      <c r="AO16" s="279">
        <v>6509457</v>
      </c>
      <c r="AP16" s="279">
        <v>65228</v>
      </c>
      <c r="AQ16" s="280">
        <v>66439</v>
      </c>
      <c r="AR16" s="281">
        <v>-1.8</v>
      </c>
    </row>
    <row r="17" spans="1:46" ht="13.2" x14ac:dyDescent="0.2">
      <c r="A17" s="261"/>
      <c r="B17" s="257"/>
      <c r="C17" s="257"/>
      <c r="D17" s="257"/>
      <c r="E17" s="257"/>
      <c r="F17" s="257"/>
      <c r="G17" s="257"/>
      <c r="H17" s="257"/>
      <c r="I17" s="257"/>
      <c r="J17" s="257"/>
      <c r="K17" s="257"/>
      <c r="L17" s="257"/>
      <c r="M17" s="257"/>
      <c r="N17" s="257"/>
      <c r="O17" s="257"/>
      <c r="P17" s="257"/>
      <c r="Q17" s="257"/>
      <c r="R17" s="257"/>
      <c r="S17" s="257"/>
      <c r="T17" s="257"/>
      <c r="U17" s="257"/>
      <c r="V17" s="257"/>
      <c r="W17" s="257"/>
      <c r="X17" s="257"/>
      <c r="Y17" s="257"/>
      <c r="Z17" s="257"/>
      <c r="AA17" s="257"/>
      <c r="AB17" s="257"/>
      <c r="AC17" s="257"/>
      <c r="AD17" s="257"/>
      <c r="AE17" s="257"/>
      <c r="AF17" s="257"/>
      <c r="AG17" s="257"/>
      <c r="AH17" s="257"/>
      <c r="AI17" s="257"/>
      <c r="AJ17" s="257"/>
      <c r="AK17" s="257"/>
      <c r="AL17" s="257"/>
      <c r="AM17" s="257"/>
      <c r="AN17" s="257"/>
      <c r="AO17" s="257"/>
      <c r="AP17" s="257"/>
      <c r="AQ17" s="257"/>
      <c r="AR17" s="282"/>
    </row>
    <row r="18" spans="1:46" ht="13.2" x14ac:dyDescent="0.2">
      <c r="A18" s="261"/>
      <c r="B18" s="257"/>
      <c r="C18" s="257"/>
      <c r="D18" s="257"/>
      <c r="E18" s="257"/>
      <c r="F18" s="257"/>
      <c r="G18" s="257"/>
      <c r="H18" s="257"/>
      <c r="I18" s="257"/>
      <c r="J18" s="257"/>
      <c r="K18" s="257"/>
      <c r="L18" s="257"/>
      <c r="M18" s="257"/>
      <c r="N18" s="257"/>
      <c r="O18" s="257"/>
      <c r="P18" s="257"/>
      <c r="Q18" s="257"/>
      <c r="R18" s="257"/>
      <c r="S18" s="257"/>
      <c r="T18" s="257"/>
      <c r="U18" s="257"/>
      <c r="V18" s="257"/>
      <c r="W18" s="257"/>
      <c r="X18" s="257"/>
      <c r="Y18" s="257"/>
      <c r="Z18" s="257"/>
      <c r="AA18" s="257"/>
      <c r="AB18" s="257"/>
      <c r="AC18" s="257"/>
      <c r="AD18" s="257"/>
      <c r="AE18" s="257"/>
      <c r="AF18" s="257"/>
      <c r="AG18" s="257"/>
      <c r="AH18" s="257"/>
      <c r="AI18" s="257"/>
      <c r="AJ18" s="257"/>
      <c r="AK18" s="257"/>
      <c r="AL18" s="257"/>
      <c r="AM18" s="257"/>
      <c r="AN18" s="257"/>
      <c r="AO18" s="257"/>
      <c r="AP18" s="257"/>
      <c r="AQ18" s="283"/>
      <c r="AR18" s="283"/>
    </row>
    <row r="19" spans="1:46" ht="13.2" x14ac:dyDescent="0.2">
      <c r="A19" s="261"/>
      <c r="B19" s="257"/>
      <c r="C19" s="257"/>
      <c r="D19" s="257"/>
      <c r="E19" s="257"/>
      <c r="F19" s="257"/>
      <c r="G19" s="257"/>
      <c r="H19" s="257"/>
      <c r="I19" s="257"/>
      <c r="J19" s="257"/>
      <c r="K19" s="257"/>
      <c r="L19" s="257"/>
      <c r="M19" s="257"/>
      <c r="N19" s="257"/>
      <c r="O19" s="257"/>
      <c r="P19" s="257"/>
      <c r="Q19" s="257"/>
      <c r="R19" s="257"/>
      <c r="S19" s="257"/>
      <c r="T19" s="257"/>
      <c r="U19" s="257"/>
      <c r="V19" s="257"/>
      <c r="W19" s="257"/>
      <c r="X19" s="257"/>
      <c r="Y19" s="257"/>
      <c r="Z19" s="257"/>
      <c r="AA19" s="257"/>
      <c r="AB19" s="257"/>
      <c r="AC19" s="257"/>
      <c r="AD19" s="257"/>
      <c r="AE19" s="257"/>
      <c r="AF19" s="257"/>
      <c r="AG19" s="257"/>
      <c r="AH19" s="257"/>
      <c r="AI19" s="257"/>
      <c r="AJ19" s="257"/>
      <c r="AK19" s="257" t="s">
        <v>508</v>
      </c>
      <c r="AL19" s="257"/>
      <c r="AM19" s="257"/>
      <c r="AN19" s="257"/>
      <c r="AO19" s="257"/>
      <c r="AP19" s="257"/>
      <c r="AQ19" s="257"/>
      <c r="AR19" s="257"/>
    </row>
    <row r="20" spans="1:46" ht="13.2" x14ac:dyDescent="0.2">
      <c r="A20" s="261"/>
      <c r="B20" s="257"/>
      <c r="C20" s="257"/>
      <c r="D20" s="257"/>
      <c r="E20" s="257"/>
      <c r="F20" s="257"/>
      <c r="G20" s="257"/>
      <c r="H20" s="257"/>
      <c r="I20" s="257"/>
      <c r="J20" s="257"/>
      <c r="K20" s="257"/>
      <c r="L20" s="257"/>
      <c r="M20" s="257"/>
      <c r="N20" s="257"/>
      <c r="O20" s="257"/>
      <c r="P20" s="257"/>
      <c r="Q20" s="257"/>
      <c r="R20" s="257"/>
      <c r="S20" s="257"/>
      <c r="T20" s="257"/>
      <c r="U20" s="257"/>
      <c r="V20" s="257"/>
      <c r="W20" s="257"/>
      <c r="X20" s="257"/>
      <c r="Y20" s="257"/>
      <c r="Z20" s="257"/>
      <c r="AA20" s="257"/>
      <c r="AB20" s="257"/>
      <c r="AC20" s="257"/>
      <c r="AD20" s="257"/>
      <c r="AE20" s="257"/>
      <c r="AF20" s="257"/>
      <c r="AG20" s="257"/>
      <c r="AH20" s="257"/>
      <c r="AI20" s="257"/>
      <c r="AJ20" s="257"/>
      <c r="AK20" s="284"/>
      <c r="AL20" s="285"/>
      <c r="AM20" s="285"/>
      <c r="AN20" s="286"/>
      <c r="AO20" s="287" t="s">
        <v>509</v>
      </c>
      <c r="AP20" s="288" t="s">
        <v>510</v>
      </c>
      <c r="AQ20" s="289" t="s">
        <v>511</v>
      </c>
      <c r="AR20" s="290"/>
    </row>
    <row r="21" spans="1:46" s="296" customFormat="1" ht="13.2" x14ac:dyDescent="0.2">
      <c r="A21" s="291"/>
      <c r="B21" s="262"/>
      <c r="C21" s="262"/>
      <c r="D21" s="262"/>
      <c r="E21" s="262"/>
      <c r="F21" s="262"/>
      <c r="G21" s="262"/>
      <c r="H21" s="262"/>
      <c r="I21" s="262"/>
      <c r="J21" s="262"/>
      <c r="K21" s="262"/>
      <c r="L21" s="262"/>
      <c r="M21" s="262"/>
      <c r="N21" s="262"/>
      <c r="O21" s="262"/>
      <c r="P21" s="262"/>
      <c r="Q21" s="262"/>
      <c r="R21" s="262"/>
      <c r="S21" s="262"/>
      <c r="T21" s="262"/>
      <c r="U21" s="262"/>
      <c r="V21" s="262"/>
      <c r="W21" s="262"/>
      <c r="X21" s="262"/>
      <c r="Y21" s="262"/>
      <c r="Z21" s="262"/>
      <c r="AA21" s="262"/>
      <c r="AB21" s="262"/>
      <c r="AC21" s="262"/>
      <c r="AD21" s="262"/>
      <c r="AE21" s="262"/>
      <c r="AF21" s="262"/>
      <c r="AG21" s="262"/>
      <c r="AH21" s="262"/>
      <c r="AI21" s="262"/>
      <c r="AJ21" s="262"/>
      <c r="AK21" s="1186" t="s">
        <v>512</v>
      </c>
      <c r="AL21" s="1187"/>
      <c r="AM21" s="1187"/>
      <c r="AN21" s="1188"/>
      <c r="AO21" s="292">
        <v>6.1</v>
      </c>
      <c r="AP21" s="293">
        <v>6.1</v>
      </c>
      <c r="AQ21" s="294">
        <v>0</v>
      </c>
      <c r="AR21" s="262"/>
      <c r="AS21" s="295"/>
      <c r="AT21" s="291"/>
    </row>
    <row r="22" spans="1:46" s="296" customFormat="1" ht="13.2" x14ac:dyDescent="0.2">
      <c r="A22" s="291"/>
      <c r="B22" s="262"/>
      <c r="C22" s="262"/>
      <c r="D22" s="262"/>
      <c r="E22" s="262"/>
      <c r="F22" s="262"/>
      <c r="G22" s="262"/>
      <c r="H22" s="262"/>
      <c r="I22" s="262"/>
      <c r="J22" s="262"/>
      <c r="K22" s="262"/>
      <c r="L22" s="262"/>
      <c r="M22" s="262"/>
      <c r="N22" s="262"/>
      <c r="O22" s="262"/>
      <c r="P22" s="262"/>
      <c r="Q22" s="262"/>
      <c r="R22" s="262"/>
      <c r="S22" s="262"/>
      <c r="T22" s="262"/>
      <c r="U22" s="262"/>
      <c r="V22" s="262"/>
      <c r="W22" s="262"/>
      <c r="X22" s="262"/>
      <c r="Y22" s="262"/>
      <c r="Z22" s="262"/>
      <c r="AA22" s="262"/>
      <c r="AB22" s="262"/>
      <c r="AC22" s="262"/>
      <c r="AD22" s="262"/>
      <c r="AE22" s="262"/>
      <c r="AF22" s="262"/>
      <c r="AG22" s="262"/>
      <c r="AH22" s="262"/>
      <c r="AI22" s="262"/>
      <c r="AJ22" s="262"/>
      <c r="AK22" s="1186" t="s">
        <v>513</v>
      </c>
      <c r="AL22" s="1187"/>
      <c r="AM22" s="1187"/>
      <c r="AN22" s="1188"/>
      <c r="AO22" s="297">
        <v>99.9</v>
      </c>
      <c r="AP22" s="298">
        <v>99</v>
      </c>
      <c r="AQ22" s="299">
        <v>0.9</v>
      </c>
      <c r="AR22" s="283"/>
      <c r="AS22" s="295"/>
      <c r="AT22" s="291"/>
    </row>
    <row r="23" spans="1:46" s="296" customFormat="1" ht="13.2" x14ac:dyDescent="0.2">
      <c r="A23" s="291"/>
      <c r="B23" s="262"/>
      <c r="C23" s="262"/>
      <c r="D23" s="262"/>
      <c r="E23" s="262"/>
      <c r="F23" s="262"/>
      <c r="G23" s="262"/>
      <c r="H23" s="262"/>
      <c r="I23" s="262"/>
      <c r="J23" s="262"/>
      <c r="K23" s="262"/>
      <c r="L23" s="262"/>
      <c r="M23" s="262"/>
      <c r="N23" s="262"/>
      <c r="O23" s="262"/>
      <c r="P23" s="262"/>
      <c r="Q23" s="262"/>
      <c r="R23" s="262"/>
      <c r="S23" s="262"/>
      <c r="T23" s="262"/>
      <c r="U23" s="262"/>
      <c r="V23" s="262"/>
      <c r="W23" s="262"/>
      <c r="X23" s="262"/>
      <c r="Y23" s="262"/>
      <c r="Z23" s="262"/>
      <c r="AA23" s="262"/>
      <c r="AB23" s="262"/>
      <c r="AC23" s="262"/>
      <c r="AD23" s="262"/>
      <c r="AE23" s="262"/>
      <c r="AF23" s="262"/>
      <c r="AG23" s="262"/>
      <c r="AH23" s="262"/>
      <c r="AI23" s="262"/>
      <c r="AJ23" s="262"/>
      <c r="AK23" s="262"/>
      <c r="AL23" s="262"/>
      <c r="AM23" s="262"/>
      <c r="AN23" s="262"/>
      <c r="AO23" s="262"/>
      <c r="AP23" s="283"/>
      <c r="AQ23" s="283"/>
      <c r="AR23" s="283"/>
      <c r="AS23" s="295"/>
      <c r="AT23" s="291"/>
    </row>
    <row r="24" spans="1:46" s="296" customFormat="1" ht="13.2" x14ac:dyDescent="0.2">
      <c r="A24" s="291"/>
      <c r="B24" s="262"/>
      <c r="C24" s="262"/>
      <c r="D24" s="262"/>
      <c r="E24" s="262"/>
      <c r="F24" s="262"/>
      <c r="G24" s="262"/>
      <c r="H24" s="262"/>
      <c r="I24" s="262"/>
      <c r="J24" s="262"/>
      <c r="K24" s="262"/>
      <c r="L24" s="262"/>
      <c r="M24" s="262"/>
      <c r="N24" s="262"/>
      <c r="O24" s="262"/>
      <c r="P24" s="262"/>
      <c r="Q24" s="262"/>
      <c r="R24" s="262"/>
      <c r="S24" s="262"/>
      <c r="T24" s="262"/>
      <c r="U24" s="262"/>
      <c r="V24" s="262"/>
      <c r="W24" s="262"/>
      <c r="X24" s="262"/>
      <c r="Y24" s="262"/>
      <c r="Z24" s="262"/>
      <c r="AA24" s="262"/>
      <c r="AB24" s="262"/>
      <c r="AC24" s="262"/>
      <c r="AD24" s="262"/>
      <c r="AE24" s="262"/>
      <c r="AF24" s="262"/>
      <c r="AG24" s="262"/>
      <c r="AH24" s="262"/>
      <c r="AI24" s="262"/>
      <c r="AJ24" s="262"/>
      <c r="AK24" s="262"/>
      <c r="AL24" s="262"/>
      <c r="AM24" s="262"/>
      <c r="AN24" s="262"/>
      <c r="AO24" s="262"/>
      <c r="AP24" s="283"/>
      <c r="AQ24" s="283"/>
      <c r="AR24" s="283"/>
      <c r="AS24" s="295"/>
      <c r="AT24" s="291"/>
    </row>
    <row r="25" spans="1:46" s="296" customFormat="1" ht="13.2" x14ac:dyDescent="0.2">
      <c r="A25" s="300"/>
      <c r="B25" s="301"/>
      <c r="C25" s="301"/>
      <c r="D25" s="301"/>
      <c r="E25" s="301"/>
      <c r="F25" s="301"/>
      <c r="G25" s="301"/>
      <c r="H25" s="301"/>
      <c r="I25" s="301"/>
      <c r="J25" s="301"/>
      <c r="K25" s="301"/>
      <c r="L25" s="301"/>
      <c r="M25" s="301"/>
      <c r="N25" s="301"/>
      <c r="O25" s="301"/>
      <c r="P25" s="301"/>
      <c r="Q25" s="301"/>
      <c r="R25" s="301"/>
      <c r="S25" s="301"/>
      <c r="T25" s="301"/>
      <c r="U25" s="301"/>
      <c r="V25" s="301"/>
      <c r="W25" s="301"/>
      <c r="X25" s="301"/>
      <c r="Y25" s="301"/>
      <c r="Z25" s="301"/>
      <c r="AA25" s="301"/>
      <c r="AB25" s="301"/>
      <c r="AC25" s="301"/>
      <c r="AD25" s="301"/>
      <c r="AE25" s="301"/>
      <c r="AF25" s="301"/>
      <c r="AG25" s="301"/>
      <c r="AH25" s="301"/>
      <c r="AI25" s="301"/>
      <c r="AJ25" s="301"/>
      <c r="AK25" s="301"/>
      <c r="AL25" s="301"/>
      <c r="AM25" s="301"/>
      <c r="AN25" s="301"/>
      <c r="AO25" s="301"/>
      <c r="AP25" s="302"/>
      <c r="AQ25" s="302"/>
      <c r="AR25" s="302"/>
      <c r="AS25" s="303"/>
      <c r="AT25" s="291"/>
    </row>
    <row r="26" spans="1:46" s="296" customFormat="1" ht="13.2" x14ac:dyDescent="0.2">
      <c r="A26" s="1177" t="s">
        <v>514</v>
      </c>
      <c r="B26" s="1177"/>
      <c r="C26" s="1177"/>
      <c r="D26" s="1177"/>
      <c r="E26" s="1177"/>
      <c r="F26" s="1177"/>
      <c r="G26" s="1177"/>
      <c r="H26" s="1177"/>
      <c r="I26" s="1177"/>
      <c r="J26" s="1177"/>
      <c r="K26" s="1177"/>
      <c r="L26" s="1177"/>
      <c r="M26" s="1177"/>
      <c r="N26" s="1177"/>
      <c r="O26" s="1177"/>
      <c r="P26" s="1177"/>
      <c r="Q26" s="1177"/>
      <c r="R26" s="1177"/>
      <c r="S26" s="1177"/>
      <c r="T26" s="1177"/>
      <c r="U26" s="1177"/>
      <c r="V26" s="1177"/>
      <c r="W26" s="1177"/>
      <c r="X26" s="1177"/>
      <c r="Y26" s="1177"/>
      <c r="Z26" s="1177"/>
      <c r="AA26" s="1177"/>
      <c r="AB26" s="1177"/>
      <c r="AC26" s="1177"/>
      <c r="AD26" s="1177"/>
      <c r="AE26" s="1177"/>
      <c r="AF26" s="1177"/>
      <c r="AG26" s="1177"/>
      <c r="AH26" s="1177"/>
      <c r="AI26" s="1177"/>
      <c r="AJ26" s="1177"/>
      <c r="AK26" s="1177"/>
      <c r="AL26" s="1177"/>
      <c r="AM26" s="1177"/>
      <c r="AN26" s="1177"/>
      <c r="AO26" s="1177"/>
      <c r="AP26" s="1177"/>
      <c r="AQ26" s="1177"/>
      <c r="AR26" s="1177"/>
      <c r="AS26" s="1177"/>
      <c r="AT26" s="262"/>
    </row>
    <row r="27" spans="1:46" ht="13.2" x14ac:dyDescent="0.2">
      <c r="A27" s="304"/>
      <c r="AO27" s="257"/>
      <c r="AP27" s="257"/>
      <c r="AQ27" s="257"/>
      <c r="AR27" s="257"/>
      <c r="AS27" s="257"/>
      <c r="AT27" s="257"/>
    </row>
    <row r="28" spans="1:46" ht="16.2" x14ac:dyDescent="0.2">
      <c r="A28" s="258" t="s">
        <v>515</v>
      </c>
      <c r="B28" s="259"/>
      <c r="C28" s="259"/>
      <c r="D28" s="259"/>
      <c r="E28" s="259"/>
      <c r="F28" s="259"/>
      <c r="G28" s="259"/>
      <c r="H28" s="259"/>
      <c r="I28" s="259"/>
      <c r="J28" s="259"/>
      <c r="K28" s="259"/>
      <c r="L28" s="259"/>
      <c r="M28" s="259"/>
      <c r="N28" s="259"/>
      <c r="O28" s="259"/>
      <c r="P28" s="259"/>
      <c r="Q28" s="259"/>
      <c r="R28" s="259"/>
      <c r="S28" s="259"/>
      <c r="T28" s="259"/>
      <c r="U28" s="259"/>
      <c r="V28" s="259"/>
      <c r="W28" s="259"/>
      <c r="X28" s="259"/>
      <c r="Y28" s="259"/>
      <c r="Z28" s="259"/>
      <c r="AA28" s="259"/>
      <c r="AB28" s="259"/>
      <c r="AC28" s="259"/>
      <c r="AD28" s="259"/>
      <c r="AE28" s="259"/>
      <c r="AF28" s="259"/>
      <c r="AG28" s="259"/>
      <c r="AH28" s="259"/>
      <c r="AI28" s="259"/>
      <c r="AJ28" s="259"/>
      <c r="AK28" s="259"/>
      <c r="AL28" s="259"/>
      <c r="AM28" s="259"/>
      <c r="AN28" s="259"/>
      <c r="AO28" s="259"/>
      <c r="AP28" s="259"/>
      <c r="AQ28" s="259"/>
      <c r="AR28" s="259"/>
      <c r="AS28" s="305"/>
    </row>
    <row r="29" spans="1:46" ht="13.2" x14ac:dyDescent="0.2">
      <c r="A29" s="261"/>
      <c r="B29" s="257"/>
      <c r="C29" s="257"/>
      <c r="D29" s="257"/>
      <c r="E29" s="257"/>
      <c r="F29" s="257"/>
      <c r="G29" s="257"/>
      <c r="H29" s="257"/>
      <c r="I29" s="257"/>
      <c r="J29" s="257"/>
      <c r="K29" s="257"/>
      <c r="L29" s="257"/>
      <c r="M29" s="257"/>
      <c r="N29" s="257"/>
      <c r="O29" s="257"/>
      <c r="P29" s="257"/>
      <c r="Q29" s="257"/>
      <c r="R29" s="257"/>
      <c r="S29" s="257"/>
      <c r="T29" s="257"/>
      <c r="U29" s="257"/>
      <c r="V29" s="257"/>
      <c r="W29" s="257"/>
      <c r="X29" s="257"/>
      <c r="Y29" s="257"/>
      <c r="Z29" s="257"/>
      <c r="AA29" s="257"/>
      <c r="AB29" s="257"/>
      <c r="AC29" s="257"/>
      <c r="AD29" s="257"/>
      <c r="AE29" s="257"/>
      <c r="AF29" s="257"/>
      <c r="AG29" s="257"/>
      <c r="AH29" s="257"/>
      <c r="AI29" s="257"/>
      <c r="AJ29" s="257"/>
      <c r="AK29" s="262" t="s">
        <v>516</v>
      </c>
      <c r="AL29" s="262"/>
      <c r="AM29" s="262"/>
      <c r="AN29" s="262"/>
      <c r="AO29" s="257"/>
      <c r="AP29" s="257"/>
      <c r="AQ29" s="257"/>
      <c r="AR29" s="257"/>
      <c r="AS29" s="306"/>
    </row>
    <row r="30" spans="1:46" ht="13.5" customHeight="1" x14ac:dyDescent="0.2">
      <c r="A30" s="261"/>
      <c r="B30" s="257"/>
      <c r="C30" s="257"/>
      <c r="D30" s="257"/>
      <c r="E30" s="257"/>
      <c r="F30" s="257"/>
      <c r="G30" s="257"/>
      <c r="H30" s="257"/>
      <c r="I30" s="257"/>
      <c r="J30" s="257"/>
      <c r="K30" s="257"/>
      <c r="L30" s="257"/>
      <c r="M30" s="257"/>
      <c r="N30" s="257"/>
      <c r="O30" s="257"/>
      <c r="P30" s="257"/>
      <c r="Q30" s="257"/>
      <c r="R30" s="257"/>
      <c r="S30" s="257"/>
      <c r="T30" s="257"/>
      <c r="U30" s="257"/>
      <c r="V30" s="257"/>
      <c r="W30" s="257"/>
      <c r="X30" s="257"/>
      <c r="Y30" s="257"/>
      <c r="Z30" s="257"/>
      <c r="AA30" s="257"/>
      <c r="AB30" s="257"/>
      <c r="AC30" s="257"/>
      <c r="AD30" s="257"/>
      <c r="AE30" s="257"/>
      <c r="AF30" s="257"/>
      <c r="AG30" s="257"/>
      <c r="AH30" s="257"/>
      <c r="AI30" s="257"/>
      <c r="AJ30" s="257"/>
      <c r="AK30" s="264"/>
      <c r="AL30" s="265"/>
      <c r="AM30" s="265"/>
      <c r="AN30" s="266"/>
      <c r="AO30" s="1178" t="s">
        <v>495</v>
      </c>
      <c r="AP30" s="267"/>
      <c r="AQ30" s="268" t="s">
        <v>496</v>
      </c>
      <c r="AR30" s="269"/>
    </row>
    <row r="31" spans="1:46" ht="13.2" x14ac:dyDescent="0.2">
      <c r="A31" s="261"/>
      <c r="B31" s="257"/>
      <c r="C31" s="257"/>
      <c r="D31" s="257"/>
      <c r="E31" s="257"/>
      <c r="F31" s="257"/>
      <c r="G31" s="257"/>
      <c r="H31" s="257"/>
      <c r="I31" s="257"/>
      <c r="J31" s="257"/>
      <c r="K31" s="257"/>
      <c r="L31" s="257"/>
      <c r="M31" s="257"/>
      <c r="N31" s="257"/>
      <c r="O31" s="257"/>
      <c r="P31" s="257"/>
      <c r="Q31" s="257"/>
      <c r="R31" s="257"/>
      <c r="S31" s="257"/>
      <c r="T31" s="257"/>
      <c r="U31" s="257"/>
      <c r="V31" s="257"/>
      <c r="W31" s="257"/>
      <c r="X31" s="257"/>
      <c r="Y31" s="257"/>
      <c r="Z31" s="257"/>
      <c r="AA31" s="257"/>
      <c r="AB31" s="257"/>
      <c r="AC31" s="257"/>
      <c r="AD31" s="257"/>
      <c r="AE31" s="257"/>
      <c r="AF31" s="257"/>
      <c r="AG31" s="257"/>
      <c r="AH31" s="257"/>
      <c r="AI31" s="257"/>
      <c r="AJ31" s="257"/>
      <c r="AK31" s="270"/>
      <c r="AL31" s="271"/>
      <c r="AM31" s="271"/>
      <c r="AN31" s="272"/>
      <c r="AO31" s="1179"/>
      <c r="AP31" s="273" t="s">
        <v>497</v>
      </c>
      <c r="AQ31" s="274" t="s">
        <v>498</v>
      </c>
      <c r="AR31" s="275" t="s">
        <v>499</v>
      </c>
    </row>
    <row r="32" spans="1:46" ht="27" customHeight="1" x14ac:dyDescent="0.2">
      <c r="A32" s="261"/>
      <c r="B32" s="257"/>
      <c r="C32" s="257"/>
      <c r="D32" s="257"/>
      <c r="E32" s="257"/>
      <c r="F32" s="257"/>
      <c r="G32" s="257"/>
      <c r="H32" s="257"/>
      <c r="I32" s="257"/>
      <c r="J32" s="257"/>
      <c r="K32" s="257"/>
      <c r="L32" s="257"/>
      <c r="M32" s="257"/>
      <c r="N32" s="257"/>
      <c r="O32" s="257"/>
      <c r="P32" s="257"/>
      <c r="Q32" s="257"/>
      <c r="R32" s="257"/>
      <c r="S32" s="257"/>
      <c r="T32" s="257"/>
      <c r="U32" s="257"/>
      <c r="V32" s="257"/>
      <c r="W32" s="257"/>
      <c r="X32" s="257"/>
      <c r="Y32" s="257"/>
      <c r="Z32" s="257"/>
      <c r="AA32" s="257"/>
      <c r="AB32" s="257"/>
      <c r="AC32" s="257"/>
      <c r="AD32" s="257"/>
      <c r="AE32" s="257"/>
      <c r="AF32" s="257"/>
      <c r="AG32" s="257"/>
      <c r="AH32" s="257"/>
      <c r="AI32" s="257"/>
      <c r="AJ32" s="257"/>
      <c r="AK32" s="1194" t="s">
        <v>517</v>
      </c>
      <c r="AL32" s="1195"/>
      <c r="AM32" s="1195"/>
      <c r="AN32" s="1196"/>
      <c r="AO32" s="307">
        <v>2799306</v>
      </c>
      <c r="AP32" s="307">
        <v>28051</v>
      </c>
      <c r="AQ32" s="308">
        <v>33147</v>
      </c>
      <c r="AR32" s="309">
        <v>-15.4</v>
      </c>
    </row>
    <row r="33" spans="1:46" ht="13.5" customHeight="1" x14ac:dyDescent="0.2">
      <c r="A33" s="261"/>
      <c r="B33" s="257"/>
      <c r="C33" s="257"/>
      <c r="D33" s="257"/>
      <c r="E33" s="257"/>
      <c r="F33" s="257"/>
      <c r="G33" s="257"/>
      <c r="H33" s="257"/>
      <c r="I33" s="257"/>
      <c r="J33" s="257"/>
      <c r="K33" s="257"/>
      <c r="L33" s="257"/>
      <c r="M33" s="257"/>
      <c r="N33" s="257"/>
      <c r="O33" s="257"/>
      <c r="P33" s="257"/>
      <c r="Q33" s="257"/>
      <c r="R33" s="257"/>
      <c r="S33" s="257"/>
      <c r="T33" s="257"/>
      <c r="U33" s="257"/>
      <c r="V33" s="257"/>
      <c r="W33" s="257"/>
      <c r="X33" s="257"/>
      <c r="Y33" s="257"/>
      <c r="Z33" s="257"/>
      <c r="AA33" s="257"/>
      <c r="AB33" s="257"/>
      <c r="AC33" s="257"/>
      <c r="AD33" s="257"/>
      <c r="AE33" s="257"/>
      <c r="AF33" s="257"/>
      <c r="AG33" s="257"/>
      <c r="AH33" s="257"/>
      <c r="AI33" s="257"/>
      <c r="AJ33" s="257"/>
      <c r="AK33" s="1194" t="s">
        <v>518</v>
      </c>
      <c r="AL33" s="1195"/>
      <c r="AM33" s="1195"/>
      <c r="AN33" s="1196"/>
      <c r="AO33" s="307" t="s">
        <v>504</v>
      </c>
      <c r="AP33" s="307" t="s">
        <v>504</v>
      </c>
      <c r="AQ33" s="308">
        <v>7</v>
      </c>
      <c r="AR33" s="309" t="s">
        <v>504</v>
      </c>
    </row>
    <row r="34" spans="1:46" ht="27" customHeight="1" x14ac:dyDescent="0.2">
      <c r="A34" s="261"/>
      <c r="B34" s="257"/>
      <c r="C34" s="257"/>
      <c r="D34" s="257"/>
      <c r="E34" s="257"/>
      <c r="F34" s="257"/>
      <c r="G34" s="257"/>
      <c r="H34" s="257"/>
      <c r="I34" s="257"/>
      <c r="J34" s="257"/>
      <c r="K34" s="257"/>
      <c r="L34" s="257"/>
      <c r="M34" s="257"/>
      <c r="N34" s="257"/>
      <c r="O34" s="257"/>
      <c r="P34" s="257"/>
      <c r="Q34" s="257"/>
      <c r="R34" s="257"/>
      <c r="S34" s="257"/>
      <c r="T34" s="257"/>
      <c r="U34" s="257"/>
      <c r="V34" s="257"/>
      <c r="W34" s="257"/>
      <c r="X34" s="257"/>
      <c r="Y34" s="257"/>
      <c r="Z34" s="257"/>
      <c r="AA34" s="257"/>
      <c r="AB34" s="257"/>
      <c r="AC34" s="257"/>
      <c r="AD34" s="257"/>
      <c r="AE34" s="257"/>
      <c r="AF34" s="257"/>
      <c r="AG34" s="257"/>
      <c r="AH34" s="257"/>
      <c r="AI34" s="257"/>
      <c r="AJ34" s="257"/>
      <c r="AK34" s="1194" t="s">
        <v>519</v>
      </c>
      <c r="AL34" s="1195"/>
      <c r="AM34" s="1195"/>
      <c r="AN34" s="1196"/>
      <c r="AO34" s="307" t="s">
        <v>504</v>
      </c>
      <c r="AP34" s="307" t="s">
        <v>504</v>
      </c>
      <c r="AQ34" s="308">
        <v>24</v>
      </c>
      <c r="AR34" s="309" t="s">
        <v>504</v>
      </c>
    </row>
    <row r="35" spans="1:46" ht="27" customHeight="1" x14ac:dyDescent="0.2">
      <c r="A35" s="261"/>
      <c r="B35" s="257"/>
      <c r="C35" s="257"/>
      <c r="D35" s="257"/>
      <c r="E35" s="257"/>
      <c r="F35" s="257"/>
      <c r="G35" s="257"/>
      <c r="H35" s="257"/>
      <c r="I35" s="257"/>
      <c r="J35" s="257"/>
      <c r="K35" s="257"/>
      <c r="L35" s="257"/>
      <c r="M35" s="257"/>
      <c r="N35" s="257"/>
      <c r="O35" s="257"/>
      <c r="P35" s="257"/>
      <c r="Q35" s="257"/>
      <c r="R35" s="257"/>
      <c r="S35" s="257"/>
      <c r="T35" s="257"/>
      <c r="U35" s="257"/>
      <c r="V35" s="257"/>
      <c r="W35" s="257"/>
      <c r="X35" s="257"/>
      <c r="Y35" s="257"/>
      <c r="Z35" s="257"/>
      <c r="AA35" s="257"/>
      <c r="AB35" s="257"/>
      <c r="AC35" s="257"/>
      <c r="AD35" s="257"/>
      <c r="AE35" s="257"/>
      <c r="AF35" s="257"/>
      <c r="AG35" s="257"/>
      <c r="AH35" s="257"/>
      <c r="AI35" s="257"/>
      <c r="AJ35" s="257"/>
      <c r="AK35" s="1194" t="s">
        <v>520</v>
      </c>
      <c r="AL35" s="1195"/>
      <c r="AM35" s="1195"/>
      <c r="AN35" s="1196"/>
      <c r="AO35" s="307">
        <v>500492</v>
      </c>
      <c r="AP35" s="307">
        <v>5015</v>
      </c>
      <c r="AQ35" s="308">
        <v>5872</v>
      </c>
      <c r="AR35" s="309">
        <v>-14.6</v>
      </c>
    </row>
    <row r="36" spans="1:46" ht="27" customHeight="1" x14ac:dyDescent="0.2">
      <c r="A36" s="261"/>
      <c r="B36" s="257"/>
      <c r="C36" s="257"/>
      <c r="D36" s="257"/>
      <c r="E36" s="257"/>
      <c r="F36" s="257"/>
      <c r="G36" s="257"/>
      <c r="H36" s="257"/>
      <c r="I36" s="257"/>
      <c r="J36" s="257"/>
      <c r="K36" s="257"/>
      <c r="L36" s="257"/>
      <c r="M36" s="257"/>
      <c r="N36" s="257"/>
      <c r="O36" s="257"/>
      <c r="P36" s="257"/>
      <c r="Q36" s="257"/>
      <c r="R36" s="257"/>
      <c r="S36" s="257"/>
      <c r="T36" s="257"/>
      <c r="U36" s="257"/>
      <c r="V36" s="257"/>
      <c r="W36" s="257"/>
      <c r="X36" s="257"/>
      <c r="Y36" s="257"/>
      <c r="Z36" s="257"/>
      <c r="AA36" s="257"/>
      <c r="AB36" s="257"/>
      <c r="AC36" s="257"/>
      <c r="AD36" s="257"/>
      <c r="AE36" s="257"/>
      <c r="AF36" s="257"/>
      <c r="AG36" s="257"/>
      <c r="AH36" s="257"/>
      <c r="AI36" s="257"/>
      <c r="AJ36" s="257"/>
      <c r="AK36" s="1194" t="s">
        <v>521</v>
      </c>
      <c r="AL36" s="1195"/>
      <c r="AM36" s="1195"/>
      <c r="AN36" s="1196"/>
      <c r="AO36" s="307">
        <v>259945</v>
      </c>
      <c r="AP36" s="307">
        <v>2605</v>
      </c>
      <c r="AQ36" s="308">
        <v>1168</v>
      </c>
      <c r="AR36" s="309">
        <v>123</v>
      </c>
    </row>
    <row r="37" spans="1:46" ht="13.5" customHeight="1" x14ac:dyDescent="0.2">
      <c r="A37" s="261"/>
      <c r="B37" s="257"/>
      <c r="C37" s="257"/>
      <c r="D37" s="257"/>
      <c r="E37" s="257"/>
      <c r="F37" s="257"/>
      <c r="G37" s="257"/>
      <c r="H37" s="257"/>
      <c r="I37" s="257"/>
      <c r="J37" s="257"/>
      <c r="K37" s="257"/>
      <c r="L37" s="257"/>
      <c r="M37" s="257"/>
      <c r="N37" s="257"/>
      <c r="O37" s="257"/>
      <c r="P37" s="257"/>
      <c r="Q37" s="257"/>
      <c r="R37" s="257"/>
      <c r="S37" s="257"/>
      <c r="T37" s="257"/>
      <c r="U37" s="257"/>
      <c r="V37" s="257"/>
      <c r="W37" s="257"/>
      <c r="X37" s="257"/>
      <c r="Y37" s="257"/>
      <c r="Z37" s="257"/>
      <c r="AA37" s="257"/>
      <c r="AB37" s="257"/>
      <c r="AC37" s="257"/>
      <c r="AD37" s="257"/>
      <c r="AE37" s="257"/>
      <c r="AF37" s="257"/>
      <c r="AG37" s="257"/>
      <c r="AH37" s="257"/>
      <c r="AI37" s="257"/>
      <c r="AJ37" s="257"/>
      <c r="AK37" s="1194" t="s">
        <v>522</v>
      </c>
      <c r="AL37" s="1195"/>
      <c r="AM37" s="1195"/>
      <c r="AN37" s="1196"/>
      <c r="AO37" s="307">
        <v>449239</v>
      </c>
      <c r="AP37" s="307">
        <v>4502</v>
      </c>
      <c r="AQ37" s="308">
        <v>720</v>
      </c>
      <c r="AR37" s="309">
        <v>525.29999999999995</v>
      </c>
    </row>
    <row r="38" spans="1:46" ht="27" customHeight="1" x14ac:dyDescent="0.2">
      <c r="A38" s="261"/>
      <c r="B38" s="257"/>
      <c r="C38" s="257"/>
      <c r="D38" s="257"/>
      <c r="E38" s="257"/>
      <c r="F38" s="257"/>
      <c r="G38" s="257"/>
      <c r="H38" s="257"/>
      <c r="I38" s="257"/>
      <c r="J38" s="257"/>
      <c r="K38" s="257"/>
      <c r="L38" s="257"/>
      <c r="M38" s="257"/>
      <c r="N38" s="257"/>
      <c r="O38" s="257"/>
      <c r="P38" s="257"/>
      <c r="Q38" s="257"/>
      <c r="R38" s="257"/>
      <c r="S38" s="257"/>
      <c r="T38" s="257"/>
      <c r="U38" s="257"/>
      <c r="V38" s="257"/>
      <c r="W38" s="257"/>
      <c r="X38" s="257"/>
      <c r="Y38" s="257"/>
      <c r="Z38" s="257"/>
      <c r="AA38" s="257"/>
      <c r="AB38" s="257"/>
      <c r="AC38" s="257"/>
      <c r="AD38" s="257"/>
      <c r="AE38" s="257"/>
      <c r="AF38" s="257"/>
      <c r="AG38" s="257"/>
      <c r="AH38" s="257"/>
      <c r="AI38" s="257"/>
      <c r="AJ38" s="257"/>
      <c r="AK38" s="1197" t="s">
        <v>523</v>
      </c>
      <c r="AL38" s="1198"/>
      <c r="AM38" s="1198"/>
      <c r="AN38" s="1199"/>
      <c r="AO38" s="310">
        <v>606</v>
      </c>
      <c r="AP38" s="310">
        <v>6</v>
      </c>
      <c r="AQ38" s="311">
        <v>1</v>
      </c>
      <c r="AR38" s="299">
        <v>500</v>
      </c>
      <c r="AS38" s="306"/>
    </row>
    <row r="39" spans="1:46" ht="13.2" x14ac:dyDescent="0.2">
      <c r="A39" s="261"/>
      <c r="B39" s="257"/>
      <c r="C39" s="257"/>
      <c r="D39" s="257"/>
      <c r="E39" s="257"/>
      <c r="F39" s="257"/>
      <c r="G39" s="257"/>
      <c r="H39" s="257"/>
      <c r="I39" s="257"/>
      <c r="J39" s="257"/>
      <c r="K39" s="257"/>
      <c r="L39" s="257"/>
      <c r="M39" s="257"/>
      <c r="N39" s="257"/>
      <c r="O39" s="257"/>
      <c r="P39" s="257"/>
      <c r="Q39" s="257"/>
      <c r="R39" s="257"/>
      <c r="S39" s="257"/>
      <c r="T39" s="257"/>
      <c r="U39" s="257"/>
      <c r="V39" s="257"/>
      <c r="W39" s="257"/>
      <c r="X39" s="257"/>
      <c r="Y39" s="257"/>
      <c r="Z39" s="257"/>
      <c r="AA39" s="257"/>
      <c r="AB39" s="257"/>
      <c r="AC39" s="257"/>
      <c r="AD39" s="257"/>
      <c r="AE39" s="257"/>
      <c r="AF39" s="257"/>
      <c r="AG39" s="257"/>
      <c r="AH39" s="257"/>
      <c r="AI39" s="257"/>
      <c r="AJ39" s="257"/>
      <c r="AK39" s="1197" t="s">
        <v>524</v>
      </c>
      <c r="AL39" s="1198"/>
      <c r="AM39" s="1198"/>
      <c r="AN39" s="1199"/>
      <c r="AO39" s="307">
        <v>-569984</v>
      </c>
      <c r="AP39" s="307">
        <v>-5712</v>
      </c>
      <c r="AQ39" s="308">
        <v>-6245</v>
      </c>
      <c r="AR39" s="309">
        <v>-8.5</v>
      </c>
      <c r="AS39" s="306"/>
    </row>
    <row r="40" spans="1:46" ht="27" customHeight="1" x14ac:dyDescent="0.2">
      <c r="A40" s="261"/>
      <c r="B40" s="257"/>
      <c r="C40" s="257"/>
      <c r="D40" s="257"/>
      <c r="E40" s="257"/>
      <c r="F40" s="257"/>
      <c r="G40" s="257"/>
      <c r="H40" s="257"/>
      <c r="I40" s="257"/>
      <c r="J40" s="257"/>
      <c r="K40" s="257"/>
      <c r="L40" s="257"/>
      <c r="M40" s="257"/>
      <c r="N40" s="257"/>
      <c r="O40" s="257"/>
      <c r="P40" s="257"/>
      <c r="Q40" s="257"/>
      <c r="R40" s="257"/>
      <c r="S40" s="257"/>
      <c r="T40" s="257"/>
      <c r="U40" s="257"/>
      <c r="V40" s="257"/>
      <c r="W40" s="257"/>
      <c r="X40" s="257"/>
      <c r="Y40" s="257"/>
      <c r="Z40" s="257"/>
      <c r="AA40" s="257"/>
      <c r="AB40" s="257"/>
      <c r="AC40" s="257"/>
      <c r="AD40" s="257"/>
      <c r="AE40" s="257"/>
      <c r="AF40" s="257"/>
      <c r="AG40" s="257"/>
      <c r="AH40" s="257"/>
      <c r="AI40" s="257"/>
      <c r="AJ40" s="257"/>
      <c r="AK40" s="1194" t="s">
        <v>525</v>
      </c>
      <c r="AL40" s="1195"/>
      <c r="AM40" s="1195"/>
      <c r="AN40" s="1196"/>
      <c r="AO40" s="307">
        <v>-2031790</v>
      </c>
      <c r="AP40" s="307">
        <v>-20360</v>
      </c>
      <c r="AQ40" s="308">
        <v>-25563</v>
      </c>
      <c r="AR40" s="309">
        <v>-20.399999999999999</v>
      </c>
      <c r="AS40" s="306"/>
    </row>
    <row r="41" spans="1:46" ht="13.2" x14ac:dyDescent="0.2">
      <c r="A41" s="261"/>
      <c r="B41" s="257"/>
      <c r="C41" s="257"/>
      <c r="D41" s="257"/>
      <c r="E41" s="257"/>
      <c r="F41" s="257"/>
      <c r="G41" s="257"/>
      <c r="H41" s="257"/>
      <c r="I41" s="257"/>
      <c r="J41" s="257"/>
      <c r="K41" s="257"/>
      <c r="L41" s="257"/>
      <c r="M41" s="257"/>
      <c r="N41" s="257"/>
      <c r="O41" s="257"/>
      <c r="P41" s="257"/>
      <c r="Q41" s="257"/>
      <c r="R41" s="257"/>
      <c r="S41" s="257"/>
      <c r="T41" s="257"/>
      <c r="U41" s="257"/>
      <c r="V41" s="257"/>
      <c r="W41" s="257"/>
      <c r="X41" s="257"/>
      <c r="Y41" s="257"/>
      <c r="Z41" s="257"/>
      <c r="AA41" s="257"/>
      <c r="AB41" s="257"/>
      <c r="AC41" s="257"/>
      <c r="AD41" s="257"/>
      <c r="AE41" s="257"/>
      <c r="AF41" s="257"/>
      <c r="AG41" s="257"/>
      <c r="AH41" s="257"/>
      <c r="AI41" s="257"/>
      <c r="AJ41" s="257"/>
      <c r="AK41" s="1200" t="s">
        <v>295</v>
      </c>
      <c r="AL41" s="1201"/>
      <c r="AM41" s="1201"/>
      <c r="AN41" s="1202"/>
      <c r="AO41" s="307">
        <v>1407814</v>
      </c>
      <c r="AP41" s="307">
        <v>14107</v>
      </c>
      <c r="AQ41" s="308">
        <v>9130</v>
      </c>
      <c r="AR41" s="309">
        <v>54.5</v>
      </c>
      <c r="AS41" s="306"/>
    </row>
    <row r="42" spans="1:46" ht="13.2" x14ac:dyDescent="0.2">
      <c r="A42" s="261"/>
      <c r="B42" s="257"/>
      <c r="C42" s="257"/>
      <c r="D42" s="257"/>
      <c r="E42" s="257"/>
      <c r="F42" s="257"/>
      <c r="G42" s="257"/>
      <c r="H42" s="257"/>
      <c r="I42" s="257"/>
      <c r="J42" s="257"/>
      <c r="K42" s="257"/>
      <c r="L42" s="257"/>
      <c r="M42" s="257"/>
      <c r="N42" s="257"/>
      <c r="O42" s="257"/>
      <c r="P42" s="257"/>
      <c r="Q42" s="257"/>
      <c r="R42" s="257"/>
      <c r="S42" s="257"/>
      <c r="T42" s="257"/>
      <c r="U42" s="257"/>
      <c r="V42" s="257"/>
      <c r="W42" s="257"/>
      <c r="X42" s="257"/>
      <c r="Y42" s="257"/>
      <c r="Z42" s="257"/>
      <c r="AA42" s="257"/>
      <c r="AB42" s="257"/>
      <c r="AC42" s="257"/>
      <c r="AD42" s="257"/>
      <c r="AE42" s="257"/>
      <c r="AF42" s="257"/>
      <c r="AG42" s="257"/>
      <c r="AH42" s="257"/>
      <c r="AI42" s="257"/>
      <c r="AJ42" s="257"/>
      <c r="AK42" s="312" t="s">
        <v>526</v>
      </c>
      <c r="AL42" s="257"/>
      <c r="AM42" s="257"/>
      <c r="AN42" s="257"/>
      <c r="AO42" s="257"/>
      <c r="AP42" s="257"/>
      <c r="AQ42" s="283"/>
      <c r="AR42" s="283"/>
      <c r="AS42" s="306"/>
    </row>
    <row r="43" spans="1:46" ht="13.2" x14ac:dyDescent="0.2">
      <c r="A43" s="261"/>
      <c r="B43" s="257"/>
      <c r="C43" s="257"/>
      <c r="D43" s="257"/>
      <c r="E43" s="257"/>
      <c r="F43" s="257"/>
      <c r="G43" s="257"/>
      <c r="H43" s="257"/>
      <c r="I43" s="257"/>
      <c r="J43" s="257"/>
      <c r="K43" s="257"/>
      <c r="L43" s="257"/>
      <c r="M43" s="257"/>
      <c r="N43" s="257"/>
      <c r="O43" s="257"/>
      <c r="P43" s="257"/>
      <c r="Q43" s="257"/>
      <c r="R43" s="257"/>
      <c r="S43" s="257"/>
      <c r="T43" s="257"/>
      <c r="U43" s="257"/>
      <c r="V43" s="257"/>
      <c r="W43" s="257"/>
      <c r="X43" s="257"/>
      <c r="Y43" s="257"/>
      <c r="Z43" s="257"/>
      <c r="AA43" s="257"/>
      <c r="AB43" s="257"/>
      <c r="AC43" s="257"/>
      <c r="AD43" s="257"/>
      <c r="AE43" s="257"/>
      <c r="AF43" s="257"/>
      <c r="AG43" s="257"/>
      <c r="AH43" s="257"/>
      <c r="AI43" s="257"/>
      <c r="AJ43" s="257"/>
      <c r="AK43" s="257"/>
      <c r="AL43" s="257"/>
      <c r="AM43" s="257"/>
      <c r="AN43" s="257"/>
      <c r="AO43" s="257"/>
      <c r="AP43" s="313"/>
      <c r="AQ43" s="283"/>
      <c r="AR43" s="257"/>
      <c r="AS43" s="306"/>
    </row>
    <row r="44" spans="1:46" ht="13.2" x14ac:dyDescent="0.2">
      <c r="A44" s="261"/>
      <c r="B44" s="257"/>
      <c r="C44" s="257"/>
      <c r="D44" s="257"/>
      <c r="E44" s="257"/>
      <c r="F44" s="257"/>
      <c r="G44" s="257"/>
      <c r="H44" s="257"/>
      <c r="I44" s="257"/>
      <c r="J44" s="257"/>
      <c r="K44" s="257"/>
      <c r="L44" s="257"/>
      <c r="M44" s="257"/>
      <c r="N44" s="257"/>
      <c r="O44" s="257"/>
      <c r="P44" s="257"/>
      <c r="Q44" s="257"/>
      <c r="R44" s="257"/>
      <c r="S44" s="257"/>
      <c r="T44" s="257"/>
      <c r="U44" s="257"/>
      <c r="V44" s="257"/>
      <c r="W44" s="257"/>
      <c r="X44" s="257"/>
      <c r="Y44" s="257"/>
      <c r="Z44" s="257"/>
      <c r="AA44" s="257"/>
      <c r="AB44" s="257"/>
      <c r="AC44" s="257"/>
      <c r="AD44" s="257"/>
      <c r="AE44" s="257"/>
      <c r="AF44" s="257"/>
      <c r="AG44" s="257"/>
      <c r="AH44" s="257"/>
      <c r="AI44" s="257"/>
      <c r="AJ44" s="257"/>
      <c r="AK44" s="257"/>
      <c r="AL44" s="257"/>
      <c r="AM44" s="257"/>
      <c r="AN44" s="257"/>
      <c r="AO44" s="257"/>
      <c r="AP44" s="257"/>
      <c r="AQ44" s="283"/>
      <c r="AR44" s="257"/>
    </row>
    <row r="45" spans="1:46" ht="13.2" x14ac:dyDescent="0.2">
      <c r="A45" s="259"/>
      <c r="B45" s="259"/>
      <c r="C45" s="259"/>
      <c r="D45" s="259"/>
      <c r="E45" s="259"/>
      <c r="F45" s="259"/>
      <c r="G45" s="259"/>
      <c r="H45" s="259"/>
      <c r="I45" s="259"/>
      <c r="J45" s="259"/>
      <c r="K45" s="259"/>
      <c r="L45" s="259"/>
      <c r="M45" s="259"/>
      <c r="N45" s="259"/>
      <c r="O45" s="259"/>
      <c r="P45" s="259"/>
      <c r="Q45" s="259"/>
      <c r="R45" s="259"/>
      <c r="S45" s="259"/>
      <c r="T45" s="259"/>
      <c r="U45" s="259"/>
      <c r="V45" s="259"/>
      <c r="W45" s="259"/>
      <c r="X45" s="259"/>
      <c r="Y45" s="259"/>
      <c r="Z45" s="259"/>
      <c r="AA45" s="259"/>
      <c r="AB45" s="259"/>
      <c r="AC45" s="259"/>
      <c r="AD45" s="259"/>
      <c r="AE45" s="259"/>
      <c r="AF45" s="259"/>
      <c r="AG45" s="259"/>
      <c r="AH45" s="259"/>
      <c r="AI45" s="259"/>
      <c r="AJ45" s="259"/>
      <c r="AK45" s="259"/>
      <c r="AL45" s="259"/>
      <c r="AM45" s="259"/>
      <c r="AN45" s="259"/>
      <c r="AO45" s="259"/>
      <c r="AP45" s="259"/>
      <c r="AQ45" s="314"/>
      <c r="AR45" s="259"/>
      <c r="AS45" s="259"/>
      <c r="AT45" s="257"/>
    </row>
    <row r="46" spans="1:46" ht="13.2" x14ac:dyDescent="0.2">
      <c r="A46" s="315"/>
      <c r="B46" s="315"/>
      <c r="C46" s="315"/>
      <c r="D46" s="315"/>
      <c r="E46" s="315"/>
      <c r="F46" s="315"/>
      <c r="G46" s="315"/>
      <c r="H46" s="315"/>
      <c r="I46" s="315"/>
      <c r="J46" s="315"/>
      <c r="K46" s="315"/>
      <c r="L46" s="315"/>
      <c r="M46" s="315"/>
      <c r="N46" s="315"/>
      <c r="O46" s="315"/>
      <c r="P46" s="315"/>
      <c r="Q46" s="315"/>
      <c r="R46" s="315"/>
      <c r="S46" s="315"/>
      <c r="T46" s="315"/>
      <c r="U46" s="315"/>
      <c r="V46" s="315"/>
      <c r="W46" s="315"/>
      <c r="X46" s="315"/>
      <c r="Y46" s="315"/>
      <c r="Z46" s="315"/>
      <c r="AA46" s="315"/>
      <c r="AB46" s="315"/>
      <c r="AC46" s="315"/>
      <c r="AD46" s="315"/>
      <c r="AE46" s="315"/>
      <c r="AF46" s="315"/>
      <c r="AG46" s="315"/>
      <c r="AH46" s="315"/>
      <c r="AI46" s="315"/>
      <c r="AJ46" s="315"/>
      <c r="AK46" s="315"/>
      <c r="AL46" s="315"/>
      <c r="AM46" s="315"/>
      <c r="AN46" s="315"/>
      <c r="AO46" s="315"/>
      <c r="AP46" s="315"/>
      <c r="AQ46" s="315"/>
      <c r="AR46" s="315"/>
      <c r="AS46" s="315"/>
      <c r="AT46" s="257"/>
    </row>
    <row r="47" spans="1:46" ht="17.25" customHeight="1" x14ac:dyDescent="0.2">
      <c r="A47" s="316" t="s">
        <v>527</v>
      </c>
      <c r="B47" s="257"/>
      <c r="C47" s="257"/>
      <c r="D47" s="257"/>
      <c r="E47" s="257"/>
      <c r="F47" s="257"/>
      <c r="G47" s="257"/>
      <c r="H47" s="257"/>
      <c r="I47" s="257"/>
      <c r="J47" s="257"/>
      <c r="K47" s="257"/>
      <c r="L47" s="257"/>
      <c r="M47" s="257"/>
      <c r="N47" s="257"/>
      <c r="O47" s="257"/>
      <c r="P47" s="257"/>
      <c r="Q47" s="257"/>
      <c r="R47" s="257"/>
      <c r="S47" s="257"/>
      <c r="T47" s="257"/>
      <c r="U47" s="257"/>
      <c r="V47" s="257"/>
      <c r="W47" s="257"/>
      <c r="X47" s="257"/>
      <c r="Y47" s="257"/>
      <c r="Z47" s="257"/>
      <c r="AA47" s="257"/>
      <c r="AB47" s="257"/>
      <c r="AC47" s="257"/>
      <c r="AD47" s="257"/>
      <c r="AE47" s="257"/>
      <c r="AF47" s="257"/>
      <c r="AG47" s="257"/>
      <c r="AH47" s="257"/>
      <c r="AI47" s="257"/>
      <c r="AJ47" s="257"/>
      <c r="AK47" s="257"/>
      <c r="AL47" s="257"/>
      <c r="AM47" s="257"/>
      <c r="AN47" s="257"/>
      <c r="AO47" s="257"/>
      <c r="AP47" s="257"/>
      <c r="AQ47" s="257"/>
      <c r="AR47" s="257"/>
    </row>
    <row r="48" spans="1:46" ht="13.2" x14ac:dyDescent="0.2">
      <c r="A48" s="261"/>
      <c r="B48" s="257"/>
      <c r="C48" s="257"/>
      <c r="D48" s="257"/>
      <c r="E48" s="257"/>
      <c r="F48" s="257"/>
      <c r="G48" s="257"/>
      <c r="H48" s="257"/>
      <c r="I48" s="257"/>
      <c r="J48" s="257"/>
      <c r="K48" s="257"/>
      <c r="L48" s="257"/>
      <c r="M48" s="257"/>
      <c r="N48" s="257"/>
      <c r="O48" s="257"/>
      <c r="P48" s="257"/>
      <c r="Q48" s="257"/>
      <c r="R48" s="257"/>
      <c r="S48" s="257"/>
      <c r="T48" s="257"/>
      <c r="U48" s="257"/>
      <c r="V48" s="257"/>
      <c r="W48" s="257"/>
      <c r="X48" s="257"/>
      <c r="Y48" s="257"/>
      <c r="Z48" s="257"/>
      <c r="AA48" s="257"/>
      <c r="AB48" s="257"/>
      <c r="AC48" s="257"/>
      <c r="AD48" s="257"/>
      <c r="AE48" s="257"/>
      <c r="AF48" s="257"/>
      <c r="AG48" s="257"/>
      <c r="AH48" s="257"/>
      <c r="AI48" s="257"/>
      <c r="AJ48" s="257"/>
      <c r="AK48" s="317" t="s">
        <v>528</v>
      </c>
      <c r="AL48" s="317"/>
      <c r="AM48" s="317"/>
      <c r="AN48" s="317"/>
      <c r="AO48" s="317"/>
      <c r="AP48" s="317"/>
      <c r="AQ48" s="318"/>
      <c r="AR48" s="317"/>
    </row>
    <row r="49" spans="1:44" ht="13.5" customHeight="1" x14ac:dyDescent="0.2">
      <c r="A49" s="261"/>
      <c r="B49" s="257"/>
      <c r="C49" s="257"/>
      <c r="D49" s="257"/>
      <c r="E49" s="257"/>
      <c r="F49" s="257"/>
      <c r="G49" s="257"/>
      <c r="H49" s="257"/>
      <c r="I49" s="257"/>
      <c r="J49" s="257"/>
      <c r="K49" s="257"/>
      <c r="L49" s="257"/>
      <c r="M49" s="257"/>
      <c r="N49" s="257"/>
      <c r="O49" s="257"/>
      <c r="P49" s="257"/>
      <c r="Q49" s="257"/>
      <c r="R49" s="257"/>
      <c r="S49" s="257"/>
      <c r="T49" s="257"/>
      <c r="U49" s="257"/>
      <c r="V49" s="257"/>
      <c r="W49" s="257"/>
      <c r="X49" s="257"/>
      <c r="Y49" s="257"/>
      <c r="Z49" s="257"/>
      <c r="AA49" s="257"/>
      <c r="AB49" s="257"/>
      <c r="AC49" s="257"/>
      <c r="AD49" s="257"/>
      <c r="AE49" s="257"/>
      <c r="AF49" s="257"/>
      <c r="AG49" s="257"/>
      <c r="AH49" s="257"/>
      <c r="AI49" s="257"/>
      <c r="AJ49" s="257"/>
      <c r="AK49" s="319"/>
      <c r="AL49" s="320"/>
      <c r="AM49" s="1189" t="s">
        <v>495</v>
      </c>
      <c r="AN49" s="1191" t="s">
        <v>529</v>
      </c>
      <c r="AO49" s="1192"/>
      <c r="AP49" s="1192"/>
      <c r="AQ49" s="1192"/>
      <c r="AR49" s="1193"/>
    </row>
    <row r="50" spans="1:44" ht="13.2" x14ac:dyDescent="0.2">
      <c r="A50" s="261"/>
      <c r="B50" s="257"/>
      <c r="C50" s="257"/>
      <c r="D50" s="257"/>
      <c r="E50" s="257"/>
      <c r="F50" s="257"/>
      <c r="G50" s="257"/>
      <c r="H50" s="257"/>
      <c r="I50" s="257"/>
      <c r="J50" s="257"/>
      <c r="K50" s="257"/>
      <c r="L50" s="257"/>
      <c r="M50" s="257"/>
      <c r="N50" s="257"/>
      <c r="O50" s="257"/>
      <c r="P50" s="257"/>
      <c r="Q50" s="257"/>
      <c r="R50" s="257"/>
      <c r="S50" s="257"/>
      <c r="T50" s="257"/>
      <c r="U50" s="257"/>
      <c r="V50" s="257"/>
      <c r="W50" s="257"/>
      <c r="X50" s="257"/>
      <c r="Y50" s="257"/>
      <c r="Z50" s="257"/>
      <c r="AA50" s="257"/>
      <c r="AB50" s="257"/>
      <c r="AC50" s="257"/>
      <c r="AD50" s="257"/>
      <c r="AE50" s="257"/>
      <c r="AF50" s="257"/>
      <c r="AG50" s="257"/>
      <c r="AH50" s="257"/>
      <c r="AI50" s="257"/>
      <c r="AJ50" s="257"/>
      <c r="AK50" s="321"/>
      <c r="AL50" s="322"/>
      <c r="AM50" s="1190"/>
      <c r="AN50" s="323" t="s">
        <v>530</v>
      </c>
      <c r="AO50" s="324" t="s">
        <v>531</v>
      </c>
      <c r="AP50" s="325" t="s">
        <v>532</v>
      </c>
      <c r="AQ50" s="326" t="s">
        <v>533</v>
      </c>
      <c r="AR50" s="327" t="s">
        <v>534</v>
      </c>
    </row>
    <row r="51" spans="1:44" ht="13.2" x14ac:dyDescent="0.2">
      <c r="A51" s="261"/>
      <c r="B51" s="257"/>
      <c r="C51" s="257"/>
      <c r="D51" s="257"/>
      <c r="E51" s="257"/>
      <c r="F51" s="257"/>
      <c r="G51" s="257"/>
      <c r="H51" s="257"/>
      <c r="I51" s="257"/>
      <c r="J51" s="257"/>
      <c r="K51" s="257"/>
      <c r="L51" s="257"/>
      <c r="M51" s="257"/>
      <c r="N51" s="257"/>
      <c r="O51" s="257"/>
      <c r="P51" s="257"/>
      <c r="Q51" s="257"/>
      <c r="R51" s="257"/>
      <c r="S51" s="257"/>
      <c r="T51" s="257"/>
      <c r="U51" s="257"/>
      <c r="V51" s="257"/>
      <c r="W51" s="257"/>
      <c r="X51" s="257"/>
      <c r="Y51" s="257"/>
      <c r="Z51" s="257"/>
      <c r="AA51" s="257"/>
      <c r="AB51" s="257"/>
      <c r="AC51" s="257"/>
      <c r="AD51" s="257"/>
      <c r="AE51" s="257"/>
      <c r="AF51" s="257"/>
      <c r="AG51" s="257"/>
      <c r="AH51" s="257"/>
      <c r="AI51" s="257"/>
      <c r="AJ51" s="257"/>
      <c r="AK51" s="319" t="s">
        <v>535</v>
      </c>
      <c r="AL51" s="320"/>
      <c r="AM51" s="328">
        <v>2847526</v>
      </c>
      <c r="AN51" s="329">
        <v>28329</v>
      </c>
      <c r="AO51" s="330">
        <v>2.7</v>
      </c>
      <c r="AP51" s="331">
        <v>42651</v>
      </c>
      <c r="AQ51" s="332">
        <v>4.3</v>
      </c>
      <c r="AR51" s="333">
        <v>-1.6</v>
      </c>
    </row>
    <row r="52" spans="1:44" ht="13.2" x14ac:dyDescent="0.2">
      <c r="A52" s="261"/>
      <c r="B52" s="257"/>
      <c r="C52" s="257"/>
      <c r="D52" s="257"/>
      <c r="E52" s="257"/>
      <c r="F52" s="257"/>
      <c r="G52" s="257"/>
      <c r="H52" s="257"/>
      <c r="I52" s="257"/>
      <c r="J52" s="257"/>
      <c r="K52" s="257"/>
      <c r="L52" s="257"/>
      <c r="M52" s="257"/>
      <c r="N52" s="257"/>
      <c r="O52" s="257"/>
      <c r="P52" s="257"/>
      <c r="Q52" s="257"/>
      <c r="R52" s="257"/>
      <c r="S52" s="257"/>
      <c r="T52" s="257"/>
      <c r="U52" s="257"/>
      <c r="V52" s="257"/>
      <c r="W52" s="257"/>
      <c r="X52" s="257"/>
      <c r="Y52" s="257"/>
      <c r="Z52" s="257"/>
      <c r="AA52" s="257"/>
      <c r="AB52" s="257"/>
      <c r="AC52" s="257"/>
      <c r="AD52" s="257"/>
      <c r="AE52" s="257"/>
      <c r="AF52" s="257"/>
      <c r="AG52" s="257"/>
      <c r="AH52" s="257"/>
      <c r="AI52" s="257"/>
      <c r="AJ52" s="257"/>
      <c r="AK52" s="334"/>
      <c r="AL52" s="335" t="s">
        <v>536</v>
      </c>
      <c r="AM52" s="336">
        <v>1412822</v>
      </c>
      <c r="AN52" s="337">
        <v>14055</v>
      </c>
      <c r="AO52" s="338">
        <v>4.5</v>
      </c>
      <c r="AP52" s="339">
        <v>22675</v>
      </c>
      <c r="AQ52" s="340">
        <v>-5.9</v>
      </c>
      <c r="AR52" s="341">
        <v>10.4</v>
      </c>
    </row>
    <row r="53" spans="1:44" ht="13.2" x14ac:dyDescent="0.2">
      <c r="A53" s="261"/>
      <c r="B53" s="257"/>
      <c r="C53" s="257"/>
      <c r="D53" s="257"/>
      <c r="E53" s="257"/>
      <c r="F53" s="257"/>
      <c r="G53" s="257"/>
      <c r="H53" s="257"/>
      <c r="I53" s="257"/>
      <c r="J53" s="257"/>
      <c r="K53" s="257"/>
      <c r="L53" s="257"/>
      <c r="M53" s="257"/>
      <c r="N53" s="257"/>
      <c r="O53" s="257"/>
      <c r="P53" s="257"/>
      <c r="Q53" s="257"/>
      <c r="R53" s="257"/>
      <c r="S53" s="257"/>
      <c r="T53" s="257"/>
      <c r="U53" s="257"/>
      <c r="V53" s="257"/>
      <c r="W53" s="257"/>
      <c r="X53" s="257"/>
      <c r="Y53" s="257"/>
      <c r="Z53" s="257"/>
      <c r="AA53" s="257"/>
      <c r="AB53" s="257"/>
      <c r="AC53" s="257"/>
      <c r="AD53" s="257"/>
      <c r="AE53" s="257"/>
      <c r="AF53" s="257"/>
      <c r="AG53" s="257"/>
      <c r="AH53" s="257"/>
      <c r="AI53" s="257"/>
      <c r="AJ53" s="257"/>
      <c r="AK53" s="319" t="s">
        <v>537</v>
      </c>
      <c r="AL53" s="320"/>
      <c r="AM53" s="328">
        <v>2267170</v>
      </c>
      <c r="AN53" s="329">
        <v>22497</v>
      </c>
      <c r="AO53" s="330">
        <v>-20.6</v>
      </c>
      <c r="AP53" s="331">
        <v>43226</v>
      </c>
      <c r="AQ53" s="332">
        <v>1.3</v>
      </c>
      <c r="AR53" s="333">
        <v>-21.9</v>
      </c>
    </row>
    <row r="54" spans="1:44" ht="13.2" x14ac:dyDescent="0.2">
      <c r="A54" s="261"/>
      <c r="B54" s="257"/>
      <c r="C54" s="257"/>
      <c r="D54" s="257"/>
      <c r="E54" s="257"/>
      <c r="F54" s="257"/>
      <c r="G54" s="257"/>
      <c r="H54" s="257"/>
      <c r="I54" s="257"/>
      <c r="J54" s="257"/>
      <c r="K54" s="257"/>
      <c r="L54" s="257"/>
      <c r="M54" s="257"/>
      <c r="N54" s="257"/>
      <c r="O54" s="257"/>
      <c r="P54" s="257"/>
      <c r="Q54" s="257"/>
      <c r="R54" s="257"/>
      <c r="S54" s="257"/>
      <c r="T54" s="257"/>
      <c r="U54" s="257"/>
      <c r="V54" s="257"/>
      <c r="W54" s="257"/>
      <c r="X54" s="257"/>
      <c r="Y54" s="257"/>
      <c r="Z54" s="257"/>
      <c r="AA54" s="257"/>
      <c r="AB54" s="257"/>
      <c r="AC54" s="257"/>
      <c r="AD54" s="257"/>
      <c r="AE54" s="257"/>
      <c r="AF54" s="257"/>
      <c r="AG54" s="257"/>
      <c r="AH54" s="257"/>
      <c r="AI54" s="257"/>
      <c r="AJ54" s="257"/>
      <c r="AK54" s="334"/>
      <c r="AL54" s="335" t="s">
        <v>536</v>
      </c>
      <c r="AM54" s="336">
        <v>964072</v>
      </c>
      <c r="AN54" s="337">
        <v>9566</v>
      </c>
      <c r="AO54" s="338">
        <v>-31.9</v>
      </c>
      <c r="AP54" s="339">
        <v>22622</v>
      </c>
      <c r="AQ54" s="340">
        <v>-0.2</v>
      </c>
      <c r="AR54" s="341">
        <v>-31.7</v>
      </c>
    </row>
    <row r="55" spans="1:44" ht="13.2" x14ac:dyDescent="0.2">
      <c r="A55" s="261"/>
      <c r="B55" s="257"/>
      <c r="C55" s="257"/>
      <c r="D55" s="257"/>
      <c r="E55" s="257"/>
      <c r="F55" s="257"/>
      <c r="G55" s="257"/>
      <c r="H55" s="257"/>
      <c r="I55" s="257"/>
      <c r="J55" s="257"/>
      <c r="K55" s="257"/>
      <c r="L55" s="257"/>
      <c r="M55" s="257"/>
      <c r="N55" s="257"/>
      <c r="O55" s="257"/>
      <c r="P55" s="257"/>
      <c r="Q55" s="257"/>
      <c r="R55" s="257"/>
      <c r="S55" s="257"/>
      <c r="T55" s="257"/>
      <c r="U55" s="257"/>
      <c r="V55" s="257"/>
      <c r="W55" s="257"/>
      <c r="X55" s="257"/>
      <c r="Y55" s="257"/>
      <c r="Z55" s="257"/>
      <c r="AA55" s="257"/>
      <c r="AB55" s="257"/>
      <c r="AC55" s="257"/>
      <c r="AD55" s="257"/>
      <c r="AE55" s="257"/>
      <c r="AF55" s="257"/>
      <c r="AG55" s="257"/>
      <c r="AH55" s="257"/>
      <c r="AI55" s="257"/>
      <c r="AJ55" s="257"/>
      <c r="AK55" s="319" t="s">
        <v>538</v>
      </c>
      <c r="AL55" s="320"/>
      <c r="AM55" s="328">
        <v>4096436</v>
      </c>
      <c r="AN55" s="329">
        <v>40790</v>
      </c>
      <c r="AO55" s="330">
        <v>81.3</v>
      </c>
      <c r="AP55" s="331">
        <v>42836</v>
      </c>
      <c r="AQ55" s="332">
        <v>-0.9</v>
      </c>
      <c r="AR55" s="333">
        <v>82.2</v>
      </c>
    </row>
    <row r="56" spans="1:44" ht="13.2" x14ac:dyDescent="0.2">
      <c r="A56" s="261"/>
      <c r="B56" s="257"/>
      <c r="C56" s="257"/>
      <c r="D56" s="257"/>
      <c r="E56" s="257"/>
      <c r="F56" s="257"/>
      <c r="G56" s="257"/>
      <c r="H56" s="257"/>
      <c r="I56" s="257"/>
      <c r="J56" s="257"/>
      <c r="K56" s="257"/>
      <c r="L56" s="257"/>
      <c r="M56" s="257"/>
      <c r="N56" s="257"/>
      <c r="O56" s="257"/>
      <c r="P56" s="257"/>
      <c r="Q56" s="257"/>
      <c r="R56" s="257"/>
      <c r="S56" s="257"/>
      <c r="T56" s="257"/>
      <c r="U56" s="257"/>
      <c r="V56" s="257"/>
      <c r="W56" s="257"/>
      <c r="X56" s="257"/>
      <c r="Y56" s="257"/>
      <c r="Z56" s="257"/>
      <c r="AA56" s="257"/>
      <c r="AB56" s="257"/>
      <c r="AC56" s="257"/>
      <c r="AD56" s="257"/>
      <c r="AE56" s="257"/>
      <c r="AF56" s="257"/>
      <c r="AG56" s="257"/>
      <c r="AH56" s="257"/>
      <c r="AI56" s="257"/>
      <c r="AJ56" s="257"/>
      <c r="AK56" s="334"/>
      <c r="AL56" s="335" t="s">
        <v>536</v>
      </c>
      <c r="AM56" s="336">
        <v>2217811</v>
      </c>
      <c r="AN56" s="337">
        <v>22084</v>
      </c>
      <c r="AO56" s="338">
        <v>130.9</v>
      </c>
      <c r="AP56" s="339">
        <v>22936</v>
      </c>
      <c r="AQ56" s="340">
        <v>1.4</v>
      </c>
      <c r="AR56" s="341">
        <v>129.5</v>
      </c>
    </row>
    <row r="57" spans="1:44" ht="13.2" x14ac:dyDescent="0.2">
      <c r="A57" s="261"/>
      <c r="B57" s="257"/>
      <c r="C57" s="257"/>
      <c r="D57" s="257"/>
      <c r="E57" s="257"/>
      <c r="F57" s="257"/>
      <c r="G57" s="257"/>
      <c r="H57" s="257"/>
      <c r="I57" s="257"/>
      <c r="J57" s="257"/>
      <c r="K57" s="257"/>
      <c r="L57" s="257"/>
      <c r="M57" s="257"/>
      <c r="N57" s="257"/>
      <c r="O57" s="257"/>
      <c r="P57" s="257"/>
      <c r="Q57" s="257"/>
      <c r="R57" s="257"/>
      <c r="S57" s="257"/>
      <c r="T57" s="257"/>
      <c r="U57" s="257"/>
      <c r="V57" s="257"/>
      <c r="W57" s="257"/>
      <c r="X57" s="257"/>
      <c r="Y57" s="257"/>
      <c r="Z57" s="257"/>
      <c r="AA57" s="257"/>
      <c r="AB57" s="257"/>
      <c r="AC57" s="257"/>
      <c r="AD57" s="257"/>
      <c r="AE57" s="257"/>
      <c r="AF57" s="257"/>
      <c r="AG57" s="257"/>
      <c r="AH57" s="257"/>
      <c r="AI57" s="257"/>
      <c r="AJ57" s="257"/>
      <c r="AK57" s="319" t="s">
        <v>539</v>
      </c>
      <c r="AL57" s="320"/>
      <c r="AM57" s="328">
        <v>2697135</v>
      </c>
      <c r="AN57" s="329">
        <v>26914</v>
      </c>
      <c r="AO57" s="330">
        <v>-34</v>
      </c>
      <c r="AP57" s="331">
        <v>44161</v>
      </c>
      <c r="AQ57" s="332">
        <v>3.1</v>
      </c>
      <c r="AR57" s="333">
        <v>-37.1</v>
      </c>
    </row>
    <row r="58" spans="1:44" ht="13.2" x14ac:dyDescent="0.2">
      <c r="A58" s="261"/>
      <c r="B58" s="257"/>
      <c r="C58" s="257"/>
      <c r="D58" s="257"/>
      <c r="E58" s="257"/>
      <c r="F58" s="257"/>
      <c r="G58" s="257"/>
      <c r="H58" s="257"/>
      <c r="I58" s="257"/>
      <c r="J58" s="257"/>
      <c r="K58" s="257"/>
      <c r="L58" s="257"/>
      <c r="M58" s="257"/>
      <c r="N58" s="257"/>
      <c r="O58" s="257"/>
      <c r="P58" s="257"/>
      <c r="Q58" s="257"/>
      <c r="R58" s="257"/>
      <c r="S58" s="257"/>
      <c r="T58" s="257"/>
      <c r="U58" s="257"/>
      <c r="V58" s="257"/>
      <c r="W58" s="257"/>
      <c r="X58" s="257"/>
      <c r="Y58" s="257"/>
      <c r="Z58" s="257"/>
      <c r="AA58" s="257"/>
      <c r="AB58" s="257"/>
      <c r="AC58" s="257"/>
      <c r="AD58" s="257"/>
      <c r="AE58" s="257"/>
      <c r="AF58" s="257"/>
      <c r="AG58" s="257"/>
      <c r="AH58" s="257"/>
      <c r="AI58" s="257"/>
      <c r="AJ58" s="257"/>
      <c r="AK58" s="334"/>
      <c r="AL58" s="335" t="s">
        <v>536</v>
      </c>
      <c r="AM58" s="336">
        <v>1418854</v>
      </c>
      <c r="AN58" s="337">
        <v>14158</v>
      </c>
      <c r="AO58" s="338">
        <v>-35.9</v>
      </c>
      <c r="AP58" s="339">
        <v>23644</v>
      </c>
      <c r="AQ58" s="340">
        <v>3.1</v>
      </c>
      <c r="AR58" s="341">
        <v>-39</v>
      </c>
    </row>
    <row r="59" spans="1:44" ht="13.2" x14ac:dyDescent="0.2">
      <c r="A59" s="261"/>
      <c r="B59" s="257"/>
      <c r="C59" s="257"/>
      <c r="D59" s="257"/>
      <c r="E59" s="257"/>
      <c r="F59" s="257"/>
      <c r="G59" s="257"/>
      <c r="H59" s="257"/>
      <c r="I59" s="257"/>
      <c r="J59" s="257"/>
      <c r="K59" s="257"/>
      <c r="L59" s="257"/>
      <c r="M59" s="257"/>
      <c r="N59" s="257"/>
      <c r="O59" s="257"/>
      <c r="P59" s="257"/>
      <c r="Q59" s="257"/>
      <c r="R59" s="257"/>
      <c r="S59" s="257"/>
      <c r="T59" s="257"/>
      <c r="U59" s="257"/>
      <c r="V59" s="257"/>
      <c r="W59" s="257"/>
      <c r="X59" s="257"/>
      <c r="Y59" s="257"/>
      <c r="Z59" s="257"/>
      <c r="AA59" s="257"/>
      <c r="AB59" s="257"/>
      <c r="AC59" s="257"/>
      <c r="AD59" s="257"/>
      <c r="AE59" s="257"/>
      <c r="AF59" s="257"/>
      <c r="AG59" s="257"/>
      <c r="AH59" s="257"/>
      <c r="AI59" s="257"/>
      <c r="AJ59" s="257"/>
      <c r="AK59" s="319" t="s">
        <v>540</v>
      </c>
      <c r="AL59" s="320"/>
      <c r="AM59" s="328">
        <v>1969688</v>
      </c>
      <c r="AN59" s="329">
        <v>19737</v>
      </c>
      <c r="AO59" s="330">
        <v>-26.7</v>
      </c>
      <c r="AP59" s="331">
        <v>43955</v>
      </c>
      <c r="AQ59" s="332">
        <v>-0.5</v>
      </c>
      <c r="AR59" s="333">
        <v>-26.2</v>
      </c>
    </row>
    <row r="60" spans="1:44" ht="13.2" x14ac:dyDescent="0.2">
      <c r="A60" s="261"/>
      <c r="B60" s="257"/>
      <c r="C60" s="257"/>
      <c r="D60" s="257"/>
      <c r="E60" s="257"/>
      <c r="F60" s="257"/>
      <c r="G60" s="257"/>
      <c r="H60" s="257"/>
      <c r="I60" s="257"/>
      <c r="J60" s="257"/>
      <c r="K60" s="257"/>
      <c r="L60" s="257"/>
      <c r="M60" s="257"/>
      <c r="N60" s="257"/>
      <c r="O60" s="257"/>
      <c r="P60" s="257"/>
      <c r="Q60" s="257"/>
      <c r="R60" s="257"/>
      <c r="S60" s="257"/>
      <c r="T60" s="257"/>
      <c r="U60" s="257"/>
      <c r="V60" s="257"/>
      <c r="W60" s="257"/>
      <c r="X60" s="257"/>
      <c r="Y60" s="257"/>
      <c r="Z60" s="257"/>
      <c r="AA60" s="257"/>
      <c r="AB60" s="257"/>
      <c r="AC60" s="257"/>
      <c r="AD60" s="257"/>
      <c r="AE60" s="257"/>
      <c r="AF60" s="257"/>
      <c r="AG60" s="257"/>
      <c r="AH60" s="257"/>
      <c r="AI60" s="257"/>
      <c r="AJ60" s="257"/>
      <c r="AK60" s="334"/>
      <c r="AL60" s="335" t="s">
        <v>536</v>
      </c>
      <c r="AM60" s="336">
        <v>920169</v>
      </c>
      <c r="AN60" s="337">
        <v>9221</v>
      </c>
      <c r="AO60" s="338">
        <v>-34.9</v>
      </c>
      <c r="AP60" s="339">
        <v>21318</v>
      </c>
      <c r="AQ60" s="340">
        <v>-9.8000000000000007</v>
      </c>
      <c r="AR60" s="341">
        <v>-25.1</v>
      </c>
    </row>
    <row r="61" spans="1:44" ht="13.2" x14ac:dyDescent="0.2">
      <c r="A61" s="261"/>
      <c r="B61" s="257"/>
      <c r="C61" s="257"/>
      <c r="D61" s="257"/>
      <c r="E61" s="257"/>
      <c r="F61" s="257"/>
      <c r="G61" s="257"/>
      <c r="H61" s="257"/>
      <c r="I61" s="257"/>
      <c r="J61" s="257"/>
      <c r="K61" s="257"/>
      <c r="L61" s="257"/>
      <c r="M61" s="257"/>
      <c r="N61" s="257"/>
      <c r="O61" s="257"/>
      <c r="P61" s="257"/>
      <c r="Q61" s="257"/>
      <c r="R61" s="257"/>
      <c r="S61" s="257"/>
      <c r="T61" s="257"/>
      <c r="U61" s="257"/>
      <c r="V61" s="257"/>
      <c r="W61" s="257"/>
      <c r="X61" s="257"/>
      <c r="Y61" s="257"/>
      <c r="Z61" s="257"/>
      <c r="AA61" s="257"/>
      <c r="AB61" s="257"/>
      <c r="AC61" s="257"/>
      <c r="AD61" s="257"/>
      <c r="AE61" s="257"/>
      <c r="AF61" s="257"/>
      <c r="AG61" s="257"/>
      <c r="AH61" s="257"/>
      <c r="AI61" s="257"/>
      <c r="AJ61" s="257"/>
      <c r="AK61" s="319" t="s">
        <v>541</v>
      </c>
      <c r="AL61" s="342"/>
      <c r="AM61" s="343">
        <v>2775591</v>
      </c>
      <c r="AN61" s="344">
        <v>27653</v>
      </c>
      <c r="AO61" s="345">
        <v>0.5</v>
      </c>
      <c r="AP61" s="346">
        <v>43366</v>
      </c>
      <c r="AQ61" s="347">
        <v>1.5</v>
      </c>
      <c r="AR61" s="333">
        <v>-1</v>
      </c>
    </row>
    <row r="62" spans="1:44" ht="13.2" x14ac:dyDescent="0.2">
      <c r="A62" s="261"/>
      <c r="B62" s="257"/>
      <c r="C62" s="257"/>
      <c r="D62" s="257"/>
      <c r="E62" s="257"/>
      <c r="F62" s="257"/>
      <c r="G62" s="257"/>
      <c r="H62" s="257"/>
      <c r="I62" s="257"/>
      <c r="J62" s="257"/>
      <c r="K62" s="257"/>
      <c r="L62" s="257"/>
      <c r="M62" s="257"/>
      <c r="N62" s="257"/>
      <c r="O62" s="257"/>
      <c r="P62" s="257"/>
      <c r="Q62" s="257"/>
      <c r="R62" s="257"/>
      <c r="S62" s="257"/>
      <c r="T62" s="257"/>
      <c r="U62" s="257"/>
      <c r="V62" s="257"/>
      <c r="W62" s="257"/>
      <c r="X62" s="257"/>
      <c r="Y62" s="257"/>
      <c r="Z62" s="257"/>
      <c r="AA62" s="257"/>
      <c r="AB62" s="257"/>
      <c r="AC62" s="257"/>
      <c r="AD62" s="257"/>
      <c r="AE62" s="257"/>
      <c r="AF62" s="257"/>
      <c r="AG62" s="257"/>
      <c r="AH62" s="257"/>
      <c r="AI62" s="257"/>
      <c r="AJ62" s="257"/>
      <c r="AK62" s="334"/>
      <c r="AL62" s="335" t="s">
        <v>536</v>
      </c>
      <c r="AM62" s="336">
        <v>1386746</v>
      </c>
      <c r="AN62" s="337">
        <v>13817</v>
      </c>
      <c r="AO62" s="338">
        <v>6.5</v>
      </c>
      <c r="AP62" s="339">
        <v>22639</v>
      </c>
      <c r="AQ62" s="340">
        <v>-2.2999999999999998</v>
      </c>
      <c r="AR62" s="341">
        <v>8.8000000000000007</v>
      </c>
    </row>
    <row r="63" spans="1:44" ht="13.2" x14ac:dyDescent="0.2">
      <c r="A63" s="261"/>
      <c r="B63" s="257"/>
      <c r="C63" s="257"/>
      <c r="D63" s="257"/>
      <c r="E63" s="257"/>
      <c r="F63" s="257"/>
      <c r="G63" s="257"/>
      <c r="H63" s="257"/>
      <c r="I63" s="257"/>
      <c r="J63" s="257"/>
      <c r="K63" s="257"/>
      <c r="L63" s="257"/>
      <c r="M63" s="257"/>
      <c r="N63" s="257"/>
      <c r="O63" s="257"/>
      <c r="P63" s="257"/>
      <c r="Q63" s="257"/>
      <c r="R63" s="257"/>
      <c r="S63" s="257"/>
      <c r="T63" s="257"/>
      <c r="U63" s="257"/>
      <c r="V63" s="257"/>
      <c r="W63" s="257"/>
      <c r="X63" s="257"/>
      <c r="Y63" s="257"/>
      <c r="Z63" s="257"/>
      <c r="AA63" s="257"/>
      <c r="AB63" s="257"/>
      <c r="AC63" s="257"/>
      <c r="AD63" s="257"/>
      <c r="AE63" s="257"/>
      <c r="AF63" s="257"/>
      <c r="AG63" s="257"/>
      <c r="AH63" s="257"/>
      <c r="AI63" s="257"/>
      <c r="AJ63" s="257"/>
      <c r="AK63" s="257"/>
      <c r="AL63" s="257"/>
      <c r="AM63" s="257"/>
      <c r="AN63" s="257"/>
      <c r="AO63" s="257"/>
      <c r="AP63" s="257"/>
      <c r="AQ63" s="257"/>
      <c r="AR63" s="257"/>
    </row>
    <row r="64" spans="1:44" ht="13.2" x14ac:dyDescent="0.2">
      <c r="A64" s="261"/>
      <c r="B64" s="257"/>
      <c r="C64" s="257"/>
      <c r="D64" s="257"/>
      <c r="E64" s="257"/>
      <c r="F64" s="257"/>
      <c r="G64" s="257"/>
      <c r="H64" s="257"/>
      <c r="I64" s="257"/>
      <c r="J64" s="257"/>
      <c r="K64" s="257"/>
      <c r="L64" s="257"/>
      <c r="M64" s="257"/>
      <c r="N64" s="257"/>
      <c r="O64" s="257"/>
      <c r="P64" s="257"/>
      <c r="Q64" s="257"/>
      <c r="R64" s="257"/>
      <c r="S64" s="257"/>
      <c r="T64" s="257"/>
      <c r="U64" s="257"/>
      <c r="V64" s="257"/>
      <c r="W64" s="257"/>
      <c r="X64" s="257"/>
      <c r="Y64" s="257"/>
      <c r="Z64" s="257"/>
      <c r="AA64" s="257"/>
      <c r="AB64" s="257"/>
      <c r="AC64" s="257"/>
      <c r="AD64" s="257"/>
      <c r="AE64" s="257"/>
      <c r="AF64" s="257"/>
      <c r="AG64" s="257"/>
      <c r="AH64" s="257"/>
      <c r="AI64" s="257"/>
      <c r="AJ64" s="257"/>
      <c r="AK64" s="257"/>
      <c r="AL64" s="257"/>
      <c r="AM64" s="257"/>
      <c r="AN64" s="257"/>
      <c r="AO64" s="257"/>
      <c r="AP64" s="257"/>
      <c r="AQ64" s="257"/>
      <c r="AR64" s="257"/>
    </row>
    <row r="65" spans="1:46" ht="13.2" x14ac:dyDescent="0.2">
      <c r="A65" s="261"/>
      <c r="B65" s="257"/>
      <c r="C65" s="257"/>
      <c r="D65" s="257"/>
      <c r="E65" s="257"/>
      <c r="F65" s="257"/>
      <c r="G65" s="257"/>
      <c r="H65" s="257"/>
      <c r="I65" s="257"/>
      <c r="J65" s="257"/>
      <c r="K65" s="257"/>
      <c r="L65" s="257"/>
      <c r="M65" s="257"/>
      <c r="N65" s="257"/>
      <c r="O65" s="257"/>
      <c r="P65" s="257"/>
      <c r="Q65" s="257"/>
      <c r="R65" s="257"/>
      <c r="S65" s="257"/>
      <c r="T65" s="257"/>
      <c r="U65" s="257"/>
      <c r="V65" s="257"/>
      <c r="W65" s="257"/>
      <c r="X65" s="257"/>
      <c r="Y65" s="257"/>
      <c r="Z65" s="257"/>
      <c r="AA65" s="257"/>
      <c r="AB65" s="257"/>
      <c r="AC65" s="257"/>
      <c r="AD65" s="257"/>
      <c r="AE65" s="257"/>
      <c r="AF65" s="257"/>
      <c r="AG65" s="257"/>
      <c r="AH65" s="257"/>
      <c r="AI65" s="257"/>
      <c r="AJ65" s="257"/>
      <c r="AK65" s="257"/>
      <c r="AL65" s="257"/>
      <c r="AM65" s="257"/>
      <c r="AN65" s="257"/>
      <c r="AO65" s="257"/>
      <c r="AP65" s="257"/>
      <c r="AQ65" s="257"/>
      <c r="AR65" s="257"/>
    </row>
    <row r="66" spans="1:46" ht="13.2" x14ac:dyDescent="0.2">
      <c r="A66" s="348"/>
      <c r="B66" s="315"/>
      <c r="C66" s="315"/>
      <c r="D66" s="315"/>
      <c r="E66" s="315"/>
      <c r="F66" s="315"/>
      <c r="G66" s="315"/>
      <c r="H66" s="315"/>
      <c r="I66" s="315"/>
      <c r="J66" s="315"/>
      <c r="K66" s="315"/>
      <c r="L66" s="315"/>
      <c r="M66" s="315"/>
      <c r="N66" s="315"/>
      <c r="O66" s="315"/>
      <c r="P66" s="315"/>
      <c r="Q66" s="315"/>
      <c r="R66" s="315"/>
      <c r="S66" s="315"/>
      <c r="T66" s="315"/>
      <c r="U66" s="315"/>
      <c r="V66" s="315"/>
      <c r="W66" s="315"/>
      <c r="X66" s="315"/>
      <c r="Y66" s="315"/>
      <c r="Z66" s="315"/>
      <c r="AA66" s="315"/>
      <c r="AB66" s="315"/>
      <c r="AC66" s="315"/>
      <c r="AD66" s="315"/>
      <c r="AE66" s="315"/>
      <c r="AF66" s="315"/>
      <c r="AG66" s="315"/>
      <c r="AH66" s="315"/>
      <c r="AI66" s="315"/>
      <c r="AJ66" s="315"/>
      <c r="AK66" s="315"/>
      <c r="AL66" s="315"/>
      <c r="AM66" s="315"/>
      <c r="AN66" s="315"/>
      <c r="AO66" s="315"/>
      <c r="AP66" s="315"/>
      <c r="AQ66" s="315"/>
      <c r="AR66" s="315"/>
      <c r="AS66" s="349"/>
    </row>
    <row r="67" spans="1:46" ht="13.5" hidden="1" customHeight="1" x14ac:dyDescent="0.2">
      <c r="AK67" s="257"/>
      <c r="AL67" s="257"/>
      <c r="AM67" s="257"/>
      <c r="AN67" s="257"/>
      <c r="AO67" s="257"/>
      <c r="AP67" s="257"/>
      <c r="AQ67" s="257"/>
      <c r="AR67" s="257"/>
      <c r="AS67" s="257"/>
      <c r="AT67" s="257"/>
    </row>
    <row r="68" spans="1:46" ht="13.5" hidden="1" customHeight="1" x14ac:dyDescent="0.2">
      <c r="AK68" s="257"/>
      <c r="AL68" s="257"/>
      <c r="AM68" s="257"/>
      <c r="AN68" s="257"/>
      <c r="AO68" s="257"/>
      <c r="AP68" s="257"/>
      <c r="AQ68" s="257"/>
      <c r="AR68" s="257"/>
    </row>
    <row r="69" spans="1:46" ht="13.5" hidden="1" customHeight="1" x14ac:dyDescent="0.2">
      <c r="AK69" s="257"/>
      <c r="AL69" s="257"/>
      <c r="AM69" s="257"/>
      <c r="AN69" s="257"/>
      <c r="AO69" s="257"/>
      <c r="AP69" s="257"/>
      <c r="AQ69" s="257"/>
      <c r="AR69" s="257"/>
    </row>
    <row r="70" spans="1:46" ht="13.2" hidden="1" x14ac:dyDescent="0.2">
      <c r="AK70" s="257"/>
      <c r="AL70" s="257"/>
      <c r="AM70" s="257"/>
      <c r="AN70" s="257"/>
      <c r="AO70" s="257"/>
      <c r="AP70" s="257"/>
      <c r="AQ70" s="257"/>
      <c r="AR70" s="257"/>
    </row>
    <row r="71" spans="1:46" ht="13.2" hidden="1" x14ac:dyDescent="0.2">
      <c r="AK71" s="257"/>
      <c r="AL71" s="257"/>
      <c r="AM71" s="257"/>
      <c r="AN71" s="257"/>
      <c r="AO71" s="257"/>
      <c r="AP71" s="257"/>
      <c r="AQ71" s="257"/>
      <c r="AR71" s="257"/>
    </row>
    <row r="72" spans="1:46" ht="13.2" hidden="1" x14ac:dyDescent="0.2">
      <c r="AK72" s="257"/>
      <c r="AL72" s="257"/>
      <c r="AM72" s="257"/>
      <c r="AN72" s="257"/>
      <c r="AO72" s="257"/>
      <c r="AP72" s="257"/>
      <c r="AQ72" s="257"/>
      <c r="AR72" s="257"/>
    </row>
    <row r="73" spans="1:46" ht="13.2" hidden="1" x14ac:dyDescent="0.2">
      <c r="AK73" s="257"/>
      <c r="AL73" s="257"/>
      <c r="AM73" s="257"/>
      <c r="AN73" s="257"/>
      <c r="AO73" s="257"/>
      <c r="AP73" s="257"/>
      <c r="AQ73" s="257"/>
      <c r="AR73" s="257"/>
    </row>
  </sheetData>
  <sheetProtection algorithmName="SHA-512" hashValue="n5DZPYZTeLPq5EGGgj9k7Wb+Q7WAn9xFccfKDnQP1Bk84TJGarSpUVOLlZFy6dH6xnlWmYWev1RAtOI6rIIsZA==" saltValue="9V4jbmrz6n5hwQKeUuPWuA=="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59"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55" customWidth="1"/>
    <col min="126" max="16384" width="9" style="254" hidden="1"/>
  </cols>
  <sheetData>
    <row r="1" spans="2:125" ht="13.5" customHeight="1" x14ac:dyDescent="0.2">
      <c r="B1" s="254"/>
      <c r="C1" s="254"/>
      <c r="D1" s="254"/>
      <c r="E1" s="254"/>
      <c r="F1" s="254"/>
      <c r="G1" s="254"/>
      <c r="H1" s="254"/>
      <c r="I1" s="254"/>
      <c r="J1" s="254"/>
      <c r="K1" s="254"/>
      <c r="L1" s="254"/>
      <c r="M1" s="254"/>
      <c r="N1" s="254"/>
      <c r="O1" s="254"/>
      <c r="P1" s="254"/>
      <c r="Q1" s="254"/>
      <c r="R1" s="254"/>
      <c r="S1" s="254"/>
      <c r="T1" s="254"/>
      <c r="U1" s="254"/>
      <c r="V1" s="254"/>
      <c r="W1" s="254"/>
      <c r="X1" s="254"/>
      <c r="Y1" s="254"/>
      <c r="Z1" s="254"/>
      <c r="AA1" s="254"/>
      <c r="AB1" s="254"/>
      <c r="AC1" s="254"/>
      <c r="AD1" s="254"/>
      <c r="AE1" s="254"/>
      <c r="AF1" s="254"/>
      <c r="AG1" s="254"/>
      <c r="AH1" s="254"/>
      <c r="AI1" s="254"/>
      <c r="AJ1" s="254"/>
      <c r="AK1" s="254"/>
      <c r="AL1" s="254"/>
      <c r="AM1" s="254"/>
      <c r="AN1" s="254"/>
      <c r="AO1" s="254"/>
      <c r="AP1" s="254"/>
      <c r="AQ1" s="254"/>
      <c r="AR1" s="254"/>
      <c r="AS1" s="254"/>
      <c r="AT1" s="254"/>
      <c r="AU1" s="254"/>
      <c r="AV1" s="254"/>
      <c r="AW1" s="254"/>
      <c r="AX1" s="254"/>
      <c r="AY1" s="254"/>
      <c r="AZ1" s="254"/>
      <c r="BA1" s="254"/>
      <c r="BB1" s="254"/>
      <c r="BC1" s="254"/>
      <c r="BD1" s="254"/>
      <c r="BE1" s="254"/>
      <c r="BF1" s="254"/>
      <c r="BG1" s="254"/>
      <c r="BH1" s="254"/>
      <c r="BI1" s="254"/>
      <c r="BJ1" s="254"/>
      <c r="BK1" s="254"/>
      <c r="BL1" s="254"/>
      <c r="BM1" s="254"/>
      <c r="BN1" s="254"/>
      <c r="BO1" s="254"/>
      <c r="BP1" s="254"/>
      <c r="BQ1" s="254"/>
      <c r="BR1" s="254"/>
      <c r="BS1" s="254"/>
      <c r="BT1" s="254"/>
      <c r="BU1" s="254"/>
      <c r="BV1" s="254"/>
      <c r="BW1" s="254"/>
      <c r="BX1" s="254"/>
      <c r="BY1" s="254"/>
      <c r="BZ1" s="254"/>
      <c r="CA1" s="254"/>
      <c r="CB1" s="254"/>
      <c r="CC1" s="254"/>
      <c r="CD1" s="254"/>
      <c r="CE1" s="254"/>
      <c r="CF1" s="254"/>
      <c r="CG1" s="254"/>
      <c r="CH1" s="254"/>
      <c r="CI1" s="254"/>
      <c r="CJ1" s="254"/>
      <c r="CK1" s="254"/>
      <c r="CL1" s="254"/>
      <c r="CM1" s="254"/>
      <c r="CN1" s="254"/>
      <c r="CO1" s="254"/>
      <c r="CP1" s="254"/>
      <c r="CQ1" s="254"/>
      <c r="CR1" s="254"/>
      <c r="CS1" s="254"/>
      <c r="CT1" s="254"/>
      <c r="CU1" s="254"/>
      <c r="CV1" s="254"/>
      <c r="CW1" s="254"/>
      <c r="CX1" s="254"/>
      <c r="CY1" s="254"/>
      <c r="CZ1" s="254"/>
      <c r="DA1" s="254"/>
      <c r="DB1" s="254"/>
      <c r="DC1" s="254"/>
      <c r="DD1" s="254"/>
      <c r="DE1" s="254"/>
      <c r="DF1" s="254"/>
      <c r="DG1" s="254"/>
      <c r="DH1" s="254"/>
      <c r="DI1" s="254"/>
      <c r="DJ1" s="254"/>
      <c r="DK1" s="254"/>
      <c r="DL1" s="254"/>
      <c r="DM1" s="254"/>
      <c r="DN1" s="254"/>
      <c r="DO1" s="254"/>
      <c r="DP1" s="254"/>
      <c r="DQ1" s="254"/>
      <c r="DR1" s="254"/>
      <c r="DS1" s="254"/>
      <c r="DT1" s="254"/>
      <c r="DU1" s="254"/>
    </row>
    <row r="2" spans="2:125" ht="13.2" x14ac:dyDescent="0.2">
      <c r="B2" s="254"/>
      <c r="DG2" s="254"/>
    </row>
    <row r="3" spans="2:125" ht="13.2" x14ac:dyDescent="0.2">
      <c r="C3" s="254"/>
      <c r="D3" s="254"/>
      <c r="E3" s="254"/>
      <c r="F3" s="254"/>
      <c r="G3" s="254"/>
      <c r="H3" s="254"/>
      <c r="I3" s="254"/>
      <c r="J3" s="254"/>
      <c r="K3" s="254"/>
      <c r="L3" s="254"/>
      <c r="M3" s="254"/>
      <c r="N3" s="254"/>
      <c r="O3" s="254"/>
      <c r="P3" s="254"/>
      <c r="Q3" s="254"/>
      <c r="R3" s="254"/>
      <c r="S3" s="254"/>
      <c r="T3" s="254"/>
      <c r="U3" s="254"/>
      <c r="V3" s="254"/>
      <c r="W3" s="254"/>
      <c r="X3" s="254"/>
      <c r="Y3" s="254"/>
      <c r="Z3" s="254"/>
      <c r="AA3" s="254"/>
      <c r="AB3" s="254"/>
      <c r="AC3" s="254"/>
      <c r="AD3" s="254"/>
      <c r="AE3" s="254"/>
      <c r="AF3" s="254"/>
      <c r="AG3" s="254"/>
      <c r="AH3" s="254"/>
      <c r="AI3" s="254"/>
      <c r="AJ3" s="254"/>
      <c r="AK3" s="254"/>
      <c r="AL3" s="254"/>
      <c r="AM3" s="254"/>
      <c r="AN3" s="254"/>
      <c r="AO3" s="254"/>
      <c r="AP3" s="254"/>
      <c r="AQ3" s="254"/>
      <c r="AR3" s="254"/>
      <c r="AS3" s="254"/>
      <c r="AT3" s="254"/>
      <c r="AU3" s="254"/>
      <c r="AV3" s="254"/>
      <c r="AW3" s="254"/>
      <c r="AX3" s="254"/>
      <c r="AY3" s="254"/>
      <c r="AZ3" s="254"/>
      <c r="BA3" s="254"/>
      <c r="BB3" s="254"/>
      <c r="BC3" s="254"/>
      <c r="BD3" s="254"/>
      <c r="BE3" s="254"/>
      <c r="BF3" s="254"/>
      <c r="BG3" s="254"/>
      <c r="BH3" s="254"/>
      <c r="BI3" s="254"/>
      <c r="BJ3" s="254"/>
      <c r="BK3" s="254"/>
      <c r="BL3" s="254"/>
      <c r="BM3" s="254"/>
      <c r="BN3" s="254"/>
      <c r="BO3" s="254"/>
      <c r="BP3" s="254"/>
      <c r="BQ3" s="254"/>
      <c r="BR3" s="254"/>
      <c r="BS3" s="254"/>
      <c r="BT3" s="254"/>
      <c r="BU3" s="254"/>
      <c r="BV3" s="254"/>
      <c r="BW3" s="254"/>
      <c r="BX3" s="254"/>
      <c r="BY3" s="254"/>
      <c r="BZ3" s="254"/>
      <c r="CA3" s="254"/>
      <c r="CB3" s="254"/>
      <c r="CC3" s="254"/>
      <c r="CD3" s="254"/>
      <c r="CE3" s="254"/>
      <c r="CF3" s="254"/>
      <c r="CG3" s="254"/>
      <c r="CH3" s="254"/>
      <c r="CI3" s="254"/>
      <c r="CJ3" s="254"/>
      <c r="CK3" s="254"/>
      <c r="CL3" s="254"/>
      <c r="CM3" s="254"/>
      <c r="CN3" s="254"/>
      <c r="CO3" s="254"/>
      <c r="CP3" s="254"/>
      <c r="CQ3" s="254"/>
      <c r="CR3" s="254"/>
      <c r="CS3" s="254"/>
      <c r="CT3" s="254"/>
      <c r="CU3" s="254"/>
      <c r="CV3" s="254"/>
      <c r="CW3" s="254"/>
      <c r="CX3" s="254"/>
      <c r="CY3" s="254"/>
      <c r="CZ3" s="254"/>
      <c r="DA3" s="254"/>
      <c r="DB3" s="254"/>
      <c r="DC3" s="254"/>
      <c r="DD3" s="254"/>
      <c r="DE3" s="254"/>
      <c r="DF3" s="254"/>
      <c r="DH3" s="254"/>
      <c r="DI3" s="254"/>
      <c r="DJ3" s="254"/>
      <c r="DK3" s="254"/>
      <c r="DL3" s="254"/>
      <c r="DM3" s="254"/>
      <c r="DN3" s="254"/>
      <c r="DO3" s="254"/>
      <c r="DP3" s="254"/>
      <c r="DQ3" s="254"/>
      <c r="DR3" s="254"/>
      <c r="DS3" s="254"/>
      <c r="DT3" s="254"/>
      <c r="DU3" s="254"/>
    </row>
    <row r="4" spans="2:125" ht="13.2" x14ac:dyDescent="0.2"/>
    <row r="5" spans="2:125" ht="13.2" x14ac:dyDescent="0.2"/>
    <row r="6" spans="2:125" ht="13.2" x14ac:dyDescent="0.2"/>
    <row r="7" spans="2:125" ht="13.2" x14ac:dyDescent="0.2"/>
    <row r="8" spans="2:125" ht="13.2" x14ac:dyDescent="0.2"/>
    <row r="9" spans="2:125" ht="13.2" x14ac:dyDescent="0.2">
      <c r="DU9" s="254"/>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4"/>
    </row>
    <row r="18" spans="125:125" ht="13.2" x14ac:dyDescent="0.2"/>
    <row r="19" spans="125:125" ht="13.2" x14ac:dyDescent="0.2"/>
    <row r="20" spans="125:125" ht="13.2" x14ac:dyDescent="0.2">
      <c r="DU20" s="254"/>
    </row>
    <row r="21" spans="125:125" ht="13.2" x14ac:dyDescent="0.2">
      <c r="DU21" s="254"/>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4"/>
    </row>
    <row r="29" spans="125:125" ht="13.2" x14ac:dyDescent="0.2"/>
    <row r="30" spans="125:125" ht="13.2" x14ac:dyDescent="0.2"/>
    <row r="31" spans="125:125" ht="13.2" x14ac:dyDescent="0.2"/>
    <row r="32" spans="125:125" ht="13.2" x14ac:dyDescent="0.2"/>
    <row r="33" spans="2:125" ht="13.2" x14ac:dyDescent="0.2">
      <c r="B33" s="254"/>
      <c r="G33" s="254"/>
      <c r="I33" s="254"/>
    </row>
    <row r="34" spans="2:125" ht="13.2" x14ac:dyDescent="0.2">
      <c r="C34" s="254"/>
      <c r="P34" s="254"/>
      <c r="DE34" s="254"/>
      <c r="DH34" s="254"/>
    </row>
    <row r="35" spans="2:125" ht="13.2" x14ac:dyDescent="0.2">
      <c r="D35" s="254"/>
      <c r="E35" s="254"/>
      <c r="DG35" s="254"/>
      <c r="DJ35" s="254"/>
      <c r="DP35" s="254"/>
      <c r="DQ35" s="254"/>
      <c r="DR35" s="254"/>
      <c r="DS35" s="254"/>
      <c r="DT35" s="254"/>
      <c r="DU35" s="254"/>
    </row>
    <row r="36" spans="2:125" ht="13.2" x14ac:dyDescent="0.2">
      <c r="F36" s="254"/>
      <c r="H36" s="254"/>
      <c r="J36" s="254"/>
      <c r="K36" s="254"/>
      <c r="L36" s="254"/>
      <c r="M36" s="254"/>
      <c r="N36" s="254"/>
      <c r="O36" s="254"/>
      <c r="Q36" s="254"/>
      <c r="R36" s="254"/>
      <c r="S36" s="254"/>
      <c r="T36" s="254"/>
      <c r="U36" s="254"/>
      <c r="V36" s="254"/>
      <c r="W36" s="254"/>
      <c r="X36" s="254"/>
      <c r="Y36" s="254"/>
      <c r="Z36" s="254"/>
      <c r="AA36" s="254"/>
      <c r="AB36" s="254"/>
      <c r="AC36" s="254"/>
      <c r="AD36" s="254"/>
      <c r="AE36" s="254"/>
      <c r="AF36" s="254"/>
      <c r="AG36" s="254"/>
      <c r="AH36" s="254"/>
      <c r="AI36" s="254"/>
      <c r="AJ36" s="254"/>
      <c r="AK36" s="254"/>
      <c r="AL36" s="254"/>
      <c r="AM36" s="254"/>
      <c r="AN36" s="254"/>
      <c r="AO36" s="254"/>
      <c r="AP36" s="254"/>
      <c r="AQ36" s="254"/>
      <c r="AR36" s="254"/>
      <c r="AS36" s="254"/>
      <c r="AT36" s="254"/>
      <c r="AU36" s="254"/>
      <c r="AV36" s="254"/>
      <c r="AW36" s="254"/>
      <c r="AX36" s="254"/>
      <c r="AY36" s="254"/>
      <c r="AZ36" s="254"/>
      <c r="BA36" s="254"/>
      <c r="BB36" s="254"/>
      <c r="BC36" s="254"/>
      <c r="BD36" s="254"/>
      <c r="BE36" s="254"/>
      <c r="BF36" s="254"/>
      <c r="BG36" s="254"/>
      <c r="BH36" s="254"/>
      <c r="BI36" s="254"/>
      <c r="BJ36" s="254"/>
      <c r="BK36" s="254"/>
      <c r="BL36" s="254"/>
      <c r="BM36" s="254"/>
      <c r="BN36" s="254"/>
      <c r="BO36" s="254"/>
      <c r="BP36" s="254"/>
      <c r="BQ36" s="254"/>
      <c r="BR36" s="254"/>
      <c r="BS36" s="254"/>
      <c r="BT36" s="254"/>
      <c r="BU36" s="254"/>
      <c r="BV36" s="254"/>
      <c r="BW36" s="254"/>
      <c r="BX36" s="254"/>
      <c r="BY36" s="254"/>
      <c r="BZ36" s="254"/>
      <c r="CA36" s="254"/>
      <c r="CB36" s="254"/>
      <c r="CC36" s="254"/>
      <c r="CD36" s="254"/>
      <c r="CE36" s="254"/>
      <c r="CF36" s="254"/>
      <c r="CG36" s="254"/>
      <c r="CH36" s="254"/>
      <c r="CI36" s="254"/>
      <c r="CJ36" s="254"/>
      <c r="CK36" s="254"/>
      <c r="CL36" s="254"/>
      <c r="CM36" s="254"/>
      <c r="CN36" s="254"/>
      <c r="CO36" s="254"/>
      <c r="CP36" s="254"/>
      <c r="CQ36" s="254"/>
      <c r="CR36" s="254"/>
      <c r="CS36" s="254"/>
      <c r="CT36" s="254"/>
      <c r="CU36" s="254"/>
      <c r="CV36" s="254"/>
      <c r="CW36" s="254"/>
      <c r="CX36" s="254"/>
      <c r="CY36" s="254"/>
      <c r="CZ36" s="254"/>
      <c r="DA36" s="254"/>
      <c r="DB36" s="254"/>
      <c r="DC36" s="254"/>
      <c r="DD36" s="254"/>
      <c r="DF36" s="254"/>
      <c r="DI36" s="254"/>
      <c r="DK36" s="254"/>
      <c r="DL36" s="254"/>
      <c r="DM36" s="254"/>
      <c r="DN36" s="254"/>
      <c r="DO36" s="254"/>
      <c r="DP36" s="254"/>
      <c r="DQ36" s="254"/>
      <c r="DR36" s="254"/>
      <c r="DS36" s="254"/>
      <c r="DT36" s="254"/>
      <c r="DU36" s="254"/>
    </row>
    <row r="37" spans="2:125" ht="13.2" x14ac:dyDescent="0.2">
      <c r="DU37" s="254"/>
    </row>
    <row r="38" spans="2:125" ht="13.2" x14ac:dyDescent="0.2">
      <c r="DT38" s="254"/>
      <c r="DU38" s="254"/>
    </row>
    <row r="39" spans="2:125" ht="13.2" x14ac:dyDescent="0.2"/>
    <row r="40" spans="2:125" ht="13.2" x14ac:dyDescent="0.2">
      <c r="DH40" s="254"/>
    </row>
    <row r="41" spans="2:125" ht="13.2" x14ac:dyDescent="0.2">
      <c r="DE41" s="254"/>
    </row>
    <row r="42" spans="2:125" ht="13.2" x14ac:dyDescent="0.2">
      <c r="DG42" s="254"/>
      <c r="DJ42" s="254"/>
    </row>
    <row r="43" spans="2:125" ht="13.2" x14ac:dyDescent="0.2">
      <c r="Q43" s="254"/>
      <c r="R43" s="254"/>
      <c r="S43" s="254"/>
      <c r="T43" s="254"/>
      <c r="U43" s="254"/>
      <c r="V43" s="254"/>
      <c r="W43" s="254"/>
      <c r="X43" s="254"/>
      <c r="Y43" s="254"/>
      <c r="Z43" s="254"/>
      <c r="AA43" s="254"/>
      <c r="AB43" s="254"/>
      <c r="AC43" s="254"/>
      <c r="AD43" s="254"/>
      <c r="AE43" s="254"/>
      <c r="AF43" s="254"/>
      <c r="AG43" s="254"/>
      <c r="AH43" s="254"/>
      <c r="AI43" s="254"/>
      <c r="AJ43" s="254"/>
      <c r="AK43" s="254"/>
      <c r="AL43" s="254"/>
      <c r="AM43" s="254"/>
      <c r="AN43" s="254"/>
      <c r="AO43" s="254"/>
      <c r="AP43" s="254"/>
      <c r="AQ43" s="254"/>
      <c r="AR43" s="254"/>
      <c r="AS43" s="254"/>
      <c r="AT43" s="254"/>
      <c r="AU43" s="254"/>
      <c r="AV43" s="254"/>
      <c r="AW43" s="254"/>
      <c r="AX43" s="254"/>
      <c r="AY43" s="254"/>
      <c r="AZ43" s="254"/>
      <c r="BA43" s="254"/>
      <c r="BB43" s="254"/>
      <c r="BC43" s="254"/>
      <c r="BD43" s="254"/>
      <c r="BE43" s="254"/>
      <c r="BF43" s="254"/>
      <c r="BG43" s="254"/>
      <c r="BH43" s="254"/>
      <c r="BI43" s="254"/>
      <c r="BJ43" s="254"/>
      <c r="BK43" s="254"/>
      <c r="BL43" s="254"/>
      <c r="BM43" s="254"/>
      <c r="BN43" s="254"/>
      <c r="BO43" s="254"/>
      <c r="BP43" s="254"/>
      <c r="BQ43" s="254"/>
      <c r="BR43" s="254"/>
      <c r="BS43" s="254"/>
      <c r="BT43" s="254"/>
      <c r="BU43" s="254"/>
      <c r="BV43" s="254"/>
      <c r="BW43" s="254"/>
      <c r="BX43" s="254"/>
      <c r="BY43" s="254"/>
      <c r="BZ43" s="254"/>
      <c r="CA43" s="254"/>
      <c r="CB43" s="254"/>
      <c r="CC43" s="254"/>
      <c r="CD43" s="254"/>
      <c r="CE43" s="254"/>
      <c r="CF43" s="254"/>
      <c r="CG43" s="254"/>
      <c r="CH43" s="254"/>
      <c r="CI43" s="254"/>
      <c r="CJ43" s="254"/>
      <c r="CK43" s="254"/>
      <c r="CL43" s="254"/>
      <c r="CM43" s="254"/>
      <c r="CN43" s="254"/>
      <c r="CO43" s="254"/>
      <c r="CP43" s="254"/>
      <c r="CQ43" s="254"/>
      <c r="CR43" s="254"/>
      <c r="CS43" s="254"/>
      <c r="CT43" s="254"/>
      <c r="CU43" s="254"/>
      <c r="CV43" s="254"/>
      <c r="CW43" s="254"/>
      <c r="CX43" s="254"/>
      <c r="CY43" s="254"/>
      <c r="CZ43" s="254"/>
      <c r="DA43" s="254"/>
      <c r="DB43" s="254"/>
      <c r="DC43" s="254"/>
      <c r="DD43" s="254"/>
      <c r="DF43" s="254"/>
      <c r="DI43" s="254"/>
      <c r="DK43" s="254"/>
      <c r="DL43" s="254"/>
      <c r="DM43" s="254"/>
      <c r="DN43" s="254"/>
      <c r="DO43" s="254"/>
      <c r="DP43" s="254"/>
      <c r="DQ43" s="254"/>
      <c r="DR43" s="254"/>
      <c r="DS43" s="254"/>
      <c r="DT43" s="254"/>
      <c r="DU43" s="254"/>
    </row>
    <row r="44" spans="2:125" ht="13.2" x14ac:dyDescent="0.2">
      <c r="DU44" s="254"/>
    </row>
    <row r="45" spans="2:125" ht="13.2" x14ac:dyDescent="0.2"/>
    <row r="46" spans="2:125" ht="13.2" x14ac:dyDescent="0.2"/>
    <row r="47" spans="2:125" ht="13.2" x14ac:dyDescent="0.2"/>
    <row r="48" spans="2:125" ht="13.2" x14ac:dyDescent="0.2">
      <c r="DT48" s="254"/>
      <c r="DU48" s="254"/>
    </row>
    <row r="49" spans="120:125" ht="13.2" x14ac:dyDescent="0.2">
      <c r="DU49" s="254"/>
    </row>
    <row r="50" spans="120:125" ht="13.2" x14ac:dyDescent="0.2">
      <c r="DU50" s="254"/>
    </row>
    <row r="51" spans="120:125" ht="13.2" x14ac:dyDescent="0.2">
      <c r="DP51" s="254"/>
      <c r="DQ51" s="254"/>
      <c r="DR51" s="254"/>
      <c r="DS51" s="254"/>
      <c r="DT51" s="254"/>
      <c r="DU51" s="254"/>
    </row>
    <row r="52" spans="120:125" ht="13.2" x14ac:dyDescent="0.2"/>
    <row r="53" spans="120:125" ht="13.2" x14ac:dyDescent="0.2"/>
    <row r="54" spans="120:125" ht="13.2" x14ac:dyDescent="0.2">
      <c r="DU54" s="254"/>
    </row>
    <row r="55" spans="120:125" ht="13.2" x14ac:dyDescent="0.2"/>
    <row r="56" spans="120:125" ht="13.2" x14ac:dyDescent="0.2"/>
    <row r="57" spans="120:125" ht="13.2" x14ac:dyDescent="0.2"/>
    <row r="58" spans="120:125" ht="13.2" x14ac:dyDescent="0.2">
      <c r="DU58" s="254"/>
    </row>
    <row r="59" spans="120:125" ht="13.2" x14ac:dyDescent="0.2"/>
    <row r="60" spans="120:125" ht="13.2" x14ac:dyDescent="0.2"/>
    <row r="61" spans="120:125" ht="13.2" x14ac:dyDescent="0.2"/>
    <row r="62" spans="120:125" ht="13.2" x14ac:dyDescent="0.2"/>
    <row r="63" spans="120:125" ht="13.2" x14ac:dyDescent="0.2">
      <c r="DU63" s="254"/>
    </row>
    <row r="64" spans="120:125" ht="13.2" x14ac:dyDescent="0.2">
      <c r="DT64" s="254"/>
      <c r="DU64" s="254"/>
    </row>
    <row r="65" spans="123:125" ht="13.2" x14ac:dyDescent="0.2"/>
    <row r="66" spans="123:125" ht="13.2" x14ac:dyDescent="0.2"/>
    <row r="67" spans="123:125" ht="13.2" x14ac:dyDescent="0.2"/>
    <row r="68" spans="123:125" ht="13.2" x14ac:dyDescent="0.2"/>
    <row r="69" spans="123:125" ht="13.2" x14ac:dyDescent="0.2">
      <c r="DS69" s="254"/>
      <c r="DT69" s="254"/>
      <c r="DU69" s="254"/>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4"/>
    </row>
    <row r="83" spans="116:125" ht="13.2" x14ac:dyDescent="0.2">
      <c r="DM83" s="254"/>
      <c r="DN83" s="254"/>
      <c r="DO83" s="254"/>
      <c r="DP83" s="254"/>
      <c r="DQ83" s="254"/>
      <c r="DR83" s="254"/>
      <c r="DS83" s="254"/>
      <c r="DT83" s="254"/>
      <c r="DU83" s="254"/>
    </row>
    <row r="84" spans="116:125" ht="13.2" x14ac:dyDescent="0.2"/>
    <row r="85" spans="116:125" ht="13.2" x14ac:dyDescent="0.2"/>
    <row r="86" spans="116:125" ht="13.2" x14ac:dyDescent="0.2"/>
    <row r="87" spans="116:125" ht="13.2" x14ac:dyDescent="0.2"/>
    <row r="88" spans="116:125" ht="13.2" x14ac:dyDescent="0.2">
      <c r="DU88" s="254"/>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4"/>
      <c r="DT94" s="254"/>
      <c r="DU94" s="254"/>
    </row>
    <row r="95" spans="116:125" ht="13.5" customHeight="1" x14ac:dyDescent="0.2">
      <c r="DU95" s="254"/>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4"/>
    </row>
    <row r="102" spans="124:125" ht="13.5" customHeight="1" x14ac:dyDescent="0.2"/>
    <row r="103" spans="124:125" ht="13.5" customHeight="1" x14ac:dyDescent="0.2"/>
    <row r="104" spans="124:125" ht="13.5" customHeight="1" x14ac:dyDescent="0.2">
      <c r="DT104" s="254"/>
      <c r="DU104" s="254"/>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4" t="s">
        <v>543</v>
      </c>
    </row>
    <row r="120" spans="125:125" ht="13.5" hidden="1" customHeight="1" x14ac:dyDescent="0.2"/>
    <row r="121" spans="125:125" ht="13.5" hidden="1" customHeight="1" x14ac:dyDescent="0.2">
      <c r="DU121" s="254"/>
    </row>
  </sheetData>
  <sheetProtection algorithmName="SHA-512" hashValue="BoUYwCzqZPE36YSyMOczHnSWJJkQZL5qklOAJH//tW9vtK7sBK8z1FuHaF80aj2OL591xuwN6eTEEVORNk5vWQ==" saltValue="lxb8/sAKoPraMu2ZwjKMx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55" customWidth="1"/>
    <col min="126" max="142" width="0" style="254" hidden="1" customWidth="1"/>
    <col min="143" max="16384" width="9" style="254" hidden="1"/>
  </cols>
  <sheetData>
    <row r="1" spans="1:125" ht="13.5" customHeight="1" x14ac:dyDescent="0.2">
      <c r="A1" s="254"/>
      <c r="B1" s="254"/>
      <c r="C1" s="254"/>
      <c r="D1" s="254"/>
      <c r="E1" s="254"/>
      <c r="F1" s="254"/>
      <c r="G1" s="254"/>
      <c r="H1" s="254"/>
      <c r="I1" s="254"/>
      <c r="J1" s="254"/>
      <c r="K1" s="254"/>
      <c r="L1" s="254"/>
      <c r="M1" s="254"/>
      <c r="N1" s="254"/>
      <c r="O1" s="254"/>
      <c r="P1" s="254"/>
      <c r="Q1" s="254"/>
      <c r="R1" s="254"/>
      <c r="S1" s="254"/>
      <c r="T1" s="254"/>
      <c r="U1" s="254"/>
      <c r="V1" s="254"/>
      <c r="W1" s="254"/>
      <c r="X1" s="254"/>
      <c r="Y1" s="254"/>
      <c r="Z1" s="254"/>
      <c r="AA1" s="254"/>
      <c r="AB1" s="254"/>
      <c r="AC1" s="254"/>
      <c r="AD1" s="254"/>
      <c r="AE1" s="254"/>
      <c r="AF1" s="254"/>
      <c r="AG1" s="254"/>
      <c r="AH1" s="254"/>
      <c r="AI1" s="254"/>
      <c r="AJ1" s="254"/>
      <c r="AK1" s="254"/>
      <c r="AL1" s="254"/>
      <c r="AM1" s="254"/>
      <c r="AN1" s="254"/>
      <c r="AO1" s="254"/>
      <c r="AP1" s="254"/>
      <c r="AQ1" s="254"/>
      <c r="AR1" s="254"/>
      <c r="AS1" s="254"/>
      <c r="AT1" s="254"/>
      <c r="AU1" s="254"/>
      <c r="AV1" s="254"/>
      <c r="AW1" s="254"/>
      <c r="AX1" s="254"/>
      <c r="AY1" s="254"/>
      <c r="AZ1" s="254"/>
      <c r="BA1" s="254"/>
      <c r="BB1" s="254"/>
      <c r="BC1" s="254"/>
      <c r="BD1" s="254"/>
      <c r="BE1" s="254"/>
      <c r="BF1" s="254"/>
      <c r="BG1" s="254"/>
      <c r="BH1" s="254"/>
      <c r="BI1" s="254"/>
      <c r="BJ1" s="254"/>
      <c r="BK1" s="254"/>
      <c r="BL1" s="254"/>
      <c r="BM1" s="254"/>
      <c r="BN1" s="254"/>
      <c r="BO1" s="254"/>
      <c r="BP1" s="254"/>
      <c r="BQ1" s="254"/>
      <c r="BR1" s="254"/>
      <c r="BS1" s="254"/>
      <c r="BT1" s="254"/>
      <c r="BU1" s="254"/>
      <c r="BV1" s="254"/>
      <c r="BW1" s="254"/>
      <c r="BX1" s="254"/>
      <c r="BY1" s="254"/>
      <c r="BZ1" s="254"/>
      <c r="CA1" s="254"/>
      <c r="CB1" s="254"/>
      <c r="CC1" s="254"/>
      <c r="CD1" s="254"/>
      <c r="CE1" s="254"/>
      <c r="CF1" s="254"/>
      <c r="CG1" s="254"/>
      <c r="CH1" s="254"/>
      <c r="CI1" s="254"/>
      <c r="CJ1" s="254"/>
      <c r="CK1" s="254"/>
      <c r="CL1" s="254"/>
      <c r="CM1" s="254"/>
      <c r="CN1" s="254"/>
      <c r="CO1" s="254"/>
      <c r="CP1" s="254"/>
      <c r="CQ1" s="254"/>
      <c r="CR1" s="254"/>
      <c r="CS1" s="254"/>
      <c r="CT1" s="254"/>
      <c r="CU1" s="254"/>
      <c r="CV1" s="254"/>
      <c r="CW1" s="254"/>
      <c r="CX1" s="254"/>
      <c r="CY1" s="254"/>
      <c r="CZ1" s="254"/>
      <c r="DA1" s="254"/>
      <c r="DB1" s="254"/>
      <c r="DC1" s="254"/>
      <c r="DD1" s="254"/>
      <c r="DE1" s="254"/>
      <c r="DF1" s="254"/>
      <c r="DG1" s="254"/>
      <c r="DH1" s="254"/>
      <c r="DI1" s="254"/>
      <c r="DJ1" s="254"/>
      <c r="DK1" s="254"/>
      <c r="DL1" s="254"/>
      <c r="DM1" s="254"/>
      <c r="DN1" s="254"/>
      <c r="DO1" s="254"/>
      <c r="DP1" s="254"/>
      <c r="DQ1" s="254"/>
      <c r="DR1" s="254"/>
      <c r="DS1" s="254"/>
      <c r="DT1" s="254"/>
      <c r="DU1" s="254"/>
    </row>
    <row r="2" spans="1:125" ht="13.2" x14ac:dyDescent="0.2">
      <c r="B2" s="254"/>
      <c r="T2" s="254"/>
    </row>
    <row r="3" spans="1:125" ht="13.2" x14ac:dyDescent="0.2">
      <c r="C3" s="254"/>
      <c r="D3" s="254"/>
      <c r="E3" s="254"/>
      <c r="F3" s="254"/>
      <c r="G3" s="254"/>
      <c r="H3" s="254"/>
      <c r="I3" s="254"/>
      <c r="J3" s="254"/>
      <c r="K3" s="254"/>
      <c r="L3" s="254"/>
      <c r="M3" s="254"/>
      <c r="N3" s="254"/>
      <c r="O3" s="254"/>
      <c r="P3" s="254"/>
      <c r="Q3" s="254"/>
      <c r="R3" s="254"/>
      <c r="S3" s="254"/>
      <c r="U3" s="254"/>
      <c r="V3" s="254"/>
      <c r="W3" s="254"/>
      <c r="X3" s="254"/>
      <c r="Y3" s="254"/>
      <c r="Z3" s="254"/>
      <c r="AA3" s="254"/>
      <c r="AB3" s="254"/>
      <c r="AC3" s="254"/>
      <c r="AD3" s="254"/>
      <c r="AE3" s="254"/>
      <c r="AF3" s="254"/>
      <c r="AG3" s="254"/>
      <c r="AH3" s="254"/>
      <c r="AI3" s="254"/>
      <c r="AJ3" s="254"/>
      <c r="AK3" s="254"/>
      <c r="AL3" s="254"/>
      <c r="AM3" s="254"/>
      <c r="AN3" s="254"/>
      <c r="AO3" s="254"/>
      <c r="AP3" s="254"/>
      <c r="AQ3" s="254"/>
      <c r="AR3" s="254"/>
      <c r="AS3" s="254"/>
      <c r="AT3" s="254"/>
      <c r="AU3" s="254"/>
      <c r="AV3" s="254"/>
      <c r="AW3" s="254"/>
      <c r="AX3" s="254"/>
      <c r="AY3" s="254"/>
      <c r="AZ3" s="254"/>
      <c r="BA3" s="254"/>
      <c r="BB3" s="254"/>
      <c r="BC3" s="254"/>
      <c r="BD3" s="254"/>
      <c r="BE3" s="254"/>
      <c r="BF3" s="254"/>
      <c r="BG3" s="254"/>
      <c r="BH3" s="254"/>
      <c r="BI3" s="254"/>
      <c r="BJ3" s="254"/>
      <c r="BK3" s="254"/>
      <c r="BL3" s="254"/>
      <c r="BM3" s="254"/>
      <c r="BN3" s="254"/>
      <c r="BO3" s="254"/>
      <c r="BP3" s="254"/>
      <c r="BQ3" s="254"/>
      <c r="BR3" s="254"/>
      <c r="BS3" s="254"/>
      <c r="BT3" s="254"/>
      <c r="BU3" s="254"/>
      <c r="BV3" s="254"/>
      <c r="BW3" s="254"/>
      <c r="BX3" s="254"/>
      <c r="BY3" s="254"/>
      <c r="BZ3" s="254"/>
      <c r="CA3" s="254"/>
      <c r="CB3" s="254"/>
      <c r="CC3" s="254"/>
      <c r="CD3" s="254"/>
      <c r="CE3" s="254"/>
      <c r="CF3" s="254"/>
      <c r="CG3" s="254"/>
      <c r="CH3" s="254"/>
      <c r="CI3" s="254"/>
      <c r="CJ3" s="254"/>
      <c r="CK3" s="254"/>
      <c r="CL3" s="254"/>
      <c r="CM3" s="254"/>
      <c r="CN3" s="254"/>
      <c r="CO3" s="254"/>
      <c r="CP3" s="254"/>
      <c r="CQ3" s="254"/>
      <c r="CR3" s="254"/>
      <c r="CS3" s="254"/>
      <c r="CT3" s="254"/>
      <c r="CU3" s="254"/>
      <c r="CV3" s="254"/>
      <c r="CW3" s="254"/>
      <c r="CX3" s="254"/>
      <c r="CY3" s="254"/>
      <c r="CZ3" s="254"/>
      <c r="DA3" s="254"/>
      <c r="DB3" s="254"/>
      <c r="DC3" s="254"/>
      <c r="DD3" s="254"/>
      <c r="DE3" s="254"/>
      <c r="DF3" s="254"/>
      <c r="DG3" s="254"/>
      <c r="DH3" s="254"/>
      <c r="DI3" s="254"/>
      <c r="DJ3" s="254"/>
      <c r="DK3" s="254"/>
      <c r="DL3" s="254"/>
      <c r="DM3" s="254"/>
      <c r="DN3" s="254"/>
      <c r="DO3" s="254"/>
      <c r="DP3" s="254"/>
      <c r="DQ3" s="254"/>
      <c r="DR3" s="254"/>
      <c r="DS3" s="254"/>
      <c r="DT3" s="254"/>
      <c r="DU3" s="254"/>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4"/>
      <c r="G33" s="254"/>
      <c r="I33" s="254"/>
    </row>
    <row r="34" spans="2:125" ht="13.2" x14ac:dyDescent="0.2">
      <c r="C34" s="254"/>
      <c r="P34" s="254"/>
      <c r="R34" s="254"/>
      <c r="U34" s="254"/>
    </row>
    <row r="35" spans="2:125" ht="13.2" x14ac:dyDescent="0.2">
      <c r="D35" s="254"/>
      <c r="E35" s="254"/>
      <c r="T35" s="254"/>
      <c r="W35" s="254"/>
      <c r="X35" s="254"/>
      <c r="Y35" s="254"/>
      <c r="Z35" s="254"/>
      <c r="AA35" s="254"/>
      <c r="AB35" s="254"/>
      <c r="AC35" s="254"/>
      <c r="AD35" s="254"/>
      <c r="AE35" s="254"/>
      <c r="AF35" s="254"/>
      <c r="AG35" s="254"/>
      <c r="AH35" s="254"/>
      <c r="AI35" s="254"/>
      <c r="AJ35" s="254"/>
      <c r="AK35" s="254"/>
      <c r="AL35" s="254"/>
      <c r="AM35" s="254"/>
      <c r="AN35" s="254"/>
      <c r="AO35" s="254"/>
      <c r="AP35" s="254"/>
      <c r="AQ35" s="254"/>
      <c r="AR35" s="254"/>
      <c r="AS35" s="254"/>
      <c r="AT35" s="254"/>
      <c r="AU35" s="254"/>
      <c r="AV35" s="254"/>
      <c r="AW35" s="254"/>
      <c r="AX35" s="254"/>
      <c r="AY35" s="254"/>
      <c r="AZ35" s="254"/>
      <c r="BA35" s="254"/>
      <c r="BB35" s="254"/>
      <c r="BC35" s="254"/>
      <c r="BD35" s="254"/>
      <c r="BE35" s="254"/>
      <c r="BF35" s="254"/>
      <c r="BG35" s="254"/>
      <c r="BH35" s="254"/>
      <c r="BI35" s="254"/>
      <c r="BJ35" s="254"/>
      <c r="BK35" s="254"/>
      <c r="BL35" s="254"/>
      <c r="BM35" s="254"/>
      <c r="BN35" s="254"/>
      <c r="BO35" s="254"/>
      <c r="BP35" s="254"/>
      <c r="BQ35" s="254"/>
      <c r="BR35" s="254"/>
      <c r="BS35" s="254"/>
      <c r="BT35" s="254"/>
      <c r="BU35" s="254"/>
      <c r="BV35" s="254"/>
      <c r="BW35" s="254"/>
      <c r="BX35" s="254"/>
      <c r="BY35" s="254"/>
      <c r="BZ35" s="254"/>
      <c r="CA35" s="254"/>
      <c r="CB35" s="254"/>
      <c r="CC35" s="254"/>
      <c r="CD35" s="254"/>
      <c r="CE35" s="254"/>
      <c r="CF35" s="254"/>
      <c r="CG35" s="254"/>
      <c r="CH35" s="254"/>
      <c r="CI35" s="254"/>
      <c r="CJ35" s="254"/>
      <c r="CK35" s="254"/>
      <c r="CL35" s="254"/>
      <c r="CM35" s="254"/>
      <c r="CN35" s="254"/>
      <c r="CO35" s="254"/>
      <c r="CP35" s="254"/>
      <c r="CQ35" s="254"/>
      <c r="CR35" s="254"/>
      <c r="CS35" s="254"/>
      <c r="CT35" s="254"/>
      <c r="CU35" s="254"/>
      <c r="CV35" s="254"/>
      <c r="CW35" s="254"/>
      <c r="CX35" s="254"/>
      <c r="CY35" s="254"/>
      <c r="CZ35" s="254"/>
      <c r="DA35" s="254"/>
      <c r="DB35" s="254"/>
      <c r="DC35" s="254"/>
      <c r="DD35" s="254"/>
      <c r="DE35" s="254"/>
      <c r="DF35" s="254"/>
      <c r="DG35" s="254"/>
      <c r="DH35" s="254"/>
      <c r="DI35" s="254"/>
      <c r="DJ35" s="254"/>
      <c r="DK35" s="254"/>
      <c r="DL35" s="254"/>
      <c r="DM35" s="254"/>
      <c r="DN35" s="254"/>
      <c r="DO35" s="254"/>
      <c r="DP35" s="254"/>
      <c r="DQ35" s="254"/>
      <c r="DR35" s="254"/>
      <c r="DS35" s="254"/>
      <c r="DT35" s="254"/>
      <c r="DU35" s="254"/>
    </row>
    <row r="36" spans="2:125" ht="13.2" x14ac:dyDescent="0.2">
      <c r="F36" s="254"/>
      <c r="H36" s="254"/>
      <c r="J36" s="254"/>
      <c r="K36" s="254"/>
      <c r="L36" s="254"/>
      <c r="M36" s="254"/>
      <c r="N36" s="254"/>
      <c r="O36" s="254"/>
      <c r="Q36" s="254"/>
      <c r="S36" s="254"/>
      <c r="V36" s="254"/>
    </row>
    <row r="37" spans="2:125" ht="13.2" x14ac:dyDescent="0.2"/>
    <row r="38" spans="2:125" ht="13.2" x14ac:dyDescent="0.2"/>
    <row r="39" spans="2:125" ht="13.2" x14ac:dyDescent="0.2"/>
    <row r="40" spans="2:125" ht="13.2" x14ac:dyDescent="0.2">
      <c r="U40" s="254"/>
    </row>
    <row r="41" spans="2:125" ht="13.2" x14ac:dyDescent="0.2">
      <c r="R41" s="254"/>
    </row>
    <row r="42" spans="2:125" ht="13.2" x14ac:dyDescent="0.2">
      <c r="T42" s="254"/>
      <c r="W42" s="254"/>
      <c r="X42" s="254"/>
      <c r="Y42" s="254"/>
      <c r="Z42" s="254"/>
      <c r="AA42" s="254"/>
      <c r="AB42" s="254"/>
      <c r="AC42" s="254"/>
      <c r="AD42" s="254"/>
      <c r="AE42" s="254"/>
      <c r="AF42" s="254"/>
      <c r="AG42" s="254"/>
      <c r="AH42" s="254"/>
      <c r="AI42" s="254"/>
      <c r="AJ42" s="254"/>
      <c r="AK42" s="254"/>
      <c r="AL42" s="254"/>
      <c r="AM42" s="254"/>
      <c r="AN42" s="254"/>
      <c r="AO42" s="254"/>
      <c r="AP42" s="254"/>
      <c r="AQ42" s="254"/>
      <c r="AR42" s="254"/>
      <c r="AS42" s="254"/>
      <c r="AT42" s="254"/>
      <c r="AU42" s="254"/>
      <c r="AV42" s="254"/>
      <c r="AW42" s="254"/>
      <c r="AX42" s="254"/>
      <c r="AY42" s="254"/>
      <c r="AZ42" s="254"/>
      <c r="BA42" s="254"/>
      <c r="BB42" s="254"/>
      <c r="BC42" s="254"/>
      <c r="BD42" s="254"/>
      <c r="BE42" s="254"/>
      <c r="BF42" s="254"/>
      <c r="BG42" s="254"/>
      <c r="BH42" s="254"/>
      <c r="BI42" s="254"/>
      <c r="BJ42" s="254"/>
      <c r="BK42" s="254"/>
      <c r="BL42" s="254"/>
      <c r="BM42" s="254"/>
      <c r="BN42" s="254"/>
      <c r="BO42" s="254"/>
      <c r="BP42" s="254"/>
      <c r="BQ42" s="254"/>
      <c r="BR42" s="254"/>
      <c r="BS42" s="254"/>
      <c r="BT42" s="254"/>
      <c r="BU42" s="254"/>
      <c r="BV42" s="254"/>
      <c r="BW42" s="254"/>
      <c r="BX42" s="254"/>
      <c r="BY42" s="254"/>
      <c r="BZ42" s="254"/>
      <c r="CA42" s="254"/>
      <c r="CB42" s="254"/>
      <c r="CC42" s="254"/>
      <c r="CD42" s="254"/>
      <c r="CE42" s="254"/>
      <c r="CF42" s="254"/>
      <c r="CG42" s="254"/>
      <c r="CH42" s="254"/>
      <c r="CI42" s="254"/>
      <c r="CJ42" s="254"/>
      <c r="CK42" s="254"/>
      <c r="CL42" s="254"/>
      <c r="CM42" s="254"/>
      <c r="CN42" s="254"/>
      <c r="CO42" s="254"/>
      <c r="CP42" s="254"/>
      <c r="CQ42" s="254"/>
      <c r="CR42" s="254"/>
      <c r="CS42" s="254"/>
      <c r="CT42" s="254"/>
      <c r="CU42" s="254"/>
      <c r="CV42" s="254"/>
      <c r="CW42" s="254"/>
      <c r="CX42" s="254"/>
      <c r="CY42" s="254"/>
      <c r="CZ42" s="254"/>
      <c r="DA42" s="254"/>
      <c r="DB42" s="254"/>
      <c r="DC42" s="254"/>
      <c r="DD42" s="254"/>
      <c r="DE42" s="254"/>
      <c r="DF42" s="254"/>
      <c r="DG42" s="254"/>
      <c r="DH42" s="254"/>
      <c r="DI42" s="254"/>
      <c r="DJ42" s="254"/>
      <c r="DK42" s="254"/>
      <c r="DL42" s="254"/>
      <c r="DM42" s="254"/>
      <c r="DN42" s="254"/>
      <c r="DO42" s="254"/>
      <c r="DP42" s="254"/>
      <c r="DQ42" s="254"/>
      <c r="DR42" s="254"/>
      <c r="DS42" s="254"/>
      <c r="DT42" s="254"/>
      <c r="DU42" s="254"/>
    </row>
    <row r="43" spans="2:125" ht="13.2" x14ac:dyDescent="0.2">
      <c r="Q43" s="254"/>
      <c r="S43" s="254"/>
      <c r="V43" s="254"/>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5" t="s">
        <v>544</v>
      </c>
    </row>
  </sheetData>
  <sheetProtection algorithmName="SHA-512" hashValue="+PBlgGvwLid6KPKgRvLFWK4l9VmmeSgLp5LHCaLgtuJY9Ud9e/TWkS6WeEYzeRGeyBEcHkVO6rFioznvrydapQ==" saltValue="XvFrOSY+OyyWlnxCxL+ChA==" spinCount="100000" sheet="1" objects="1" scenarios="1"/>
  <dataConsolidate/>
  <phoneticPr fontId="2"/>
  <printOptions horizontalCentered="1" verticalCentered="1"/>
  <pageMargins left="0" right="0" top="0.19685039370078741" bottom="0" header="0.39370078740157483" footer="0"/>
  <pageSetup paperSize="9" scale="40"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45</v>
      </c>
      <c r="G46" s="8" t="s">
        <v>546</v>
      </c>
      <c r="H46" s="8" t="s">
        <v>547</v>
      </c>
      <c r="I46" s="8" t="s">
        <v>548</v>
      </c>
      <c r="J46" s="9" t="s">
        <v>549</v>
      </c>
    </row>
    <row r="47" spans="2:10" ht="57.75" customHeight="1" x14ac:dyDescent="0.2">
      <c r="B47" s="10"/>
      <c r="C47" s="1203" t="s">
        <v>3</v>
      </c>
      <c r="D47" s="1203"/>
      <c r="E47" s="1204"/>
      <c r="F47" s="11">
        <v>8</v>
      </c>
      <c r="G47" s="12">
        <v>8.6300000000000008</v>
      </c>
      <c r="H47" s="12">
        <v>7.88</v>
      </c>
      <c r="I47" s="12">
        <v>5.78</v>
      </c>
      <c r="J47" s="13">
        <v>8.27</v>
      </c>
    </row>
    <row r="48" spans="2:10" ht="57.75" customHeight="1" x14ac:dyDescent="0.2">
      <c r="B48" s="14"/>
      <c r="C48" s="1205" t="s">
        <v>4</v>
      </c>
      <c r="D48" s="1205"/>
      <c r="E48" s="1206"/>
      <c r="F48" s="15">
        <v>4.83</v>
      </c>
      <c r="G48" s="16">
        <v>4.9000000000000004</v>
      </c>
      <c r="H48" s="16">
        <v>3.51</v>
      </c>
      <c r="I48" s="16">
        <v>6</v>
      </c>
      <c r="J48" s="17">
        <v>11.69</v>
      </c>
    </row>
    <row r="49" spans="2:10" ht="57.75" customHeight="1" thickBot="1" x14ac:dyDescent="0.25">
      <c r="B49" s="18"/>
      <c r="C49" s="1207" t="s">
        <v>5</v>
      </c>
      <c r="D49" s="1207"/>
      <c r="E49" s="1208"/>
      <c r="F49" s="19">
        <v>1.59</v>
      </c>
      <c r="G49" s="20">
        <v>0.9</v>
      </c>
      <c r="H49" s="20" t="s">
        <v>550</v>
      </c>
      <c r="I49" s="20">
        <v>0.55000000000000004</v>
      </c>
      <c r="J49" s="21">
        <v>8.8000000000000007</v>
      </c>
    </row>
    <row r="50" spans="2:10" ht="13.2" x14ac:dyDescent="0.2"/>
  </sheetData>
  <sheetProtection algorithmName="SHA-512" hashValue="6FmO80NaqDV+KLARUypPEWmOmfoI5Y4OaQvVZ3PbZM0d+u2f0nfVDku5sDjVPEQ11L7GLDRNrcnJfyuueSXMMg==" saltValue="2kxC6+TUy/N6CQ+pmHpHl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3-09-28T23:44:46Z</cp:lastPrinted>
  <dcterms:created xsi:type="dcterms:W3CDTF">2023-02-20T04:54:13Z</dcterms:created>
  <dcterms:modified xsi:type="dcterms:W3CDTF">2023-10-05T02:44:36Z</dcterms:modified>
  <cp:category/>
</cp:coreProperties>
</file>